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3_月報HP\R4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B$1:$KM$41</definedName>
    <definedName name="_xlnm.Print_Area" localSheetId="2">'第２-2表'!$B$1:$KM$41</definedName>
    <definedName name="_xlnm.Print_Area" localSheetId="3">'第２-3表'!$B$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F1" i="33" l="1"/>
  <c r="G1" i="33" s="1"/>
  <c r="E1" i="33"/>
  <c r="F1" i="25" l="1"/>
  <c r="G1" i="25" s="1"/>
  <c r="E1" i="25"/>
  <c r="F1" i="34" l="1"/>
  <c r="G1" i="34" s="1"/>
  <c r="E1" i="34"/>
  <c r="J1" i="32" l="1"/>
  <c r="K1" i="32" s="1"/>
  <c r="H1" i="32"/>
  <c r="K1" i="31"/>
  <c r="L1" i="31" s="1"/>
  <c r="I1" i="31"/>
  <c r="L1" i="30"/>
  <c r="M1" i="30" s="1"/>
  <c r="J1" i="30"/>
  <c r="K1" i="29"/>
  <c r="L1" i="29" s="1"/>
  <c r="I1" i="29"/>
  <c r="H1" i="28"/>
  <c r="I1" i="28" s="1"/>
  <c r="F1" i="28"/>
  <c r="E1" i="18" l="1"/>
  <c r="E1" i="26"/>
  <c r="G1" i="6"/>
  <c r="E1" i="5"/>
  <c r="H1" i="24"/>
  <c r="H1" i="14"/>
  <c r="I1" i="23"/>
  <c r="I1" i="13"/>
  <c r="H1" i="4"/>
  <c r="J1" i="22"/>
  <c r="J1" i="11"/>
  <c r="I1" i="21"/>
  <c r="I1" i="10"/>
  <c r="G1" i="9"/>
  <c r="F1" i="19"/>
  <c r="F1" i="8"/>
  <c r="F1" i="18" l="1"/>
  <c r="F1" i="26"/>
  <c r="H1" i="6"/>
  <c r="F1" i="5"/>
  <c r="J1" i="24"/>
  <c r="J1" i="14"/>
  <c r="K1" i="23"/>
  <c r="K1" i="13"/>
  <c r="J1" i="4"/>
  <c r="L1" i="22"/>
  <c r="L1" i="11"/>
  <c r="K1" i="21"/>
  <c r="K1" i="10"/>
  <c r="I1" i="9"/>
  <c r="H1" i="19"/>
  <c r="H1" i="8"/>
  <c r="J1" i="9" l="1"/>
  <c r="G1" i="26"/>
  <c r="K1" i="24"/>
  <c r="L1" i="23"/>
  <c r="M1" i="22"/>
  <c r="L1" i="21"/>
  <c r="I1" i="19"/>
  <c r="G1" i="18"/>
  <c r="K1" i="14"/>
  <c r="L1" i="13"/>
  <c r="M1" i="11"/>
  <c r="L1" i="10"/>
  <c r="I1" i="6"/>
  <c r="G1" i="5"/>
  <c r="K1" i="4"/>
  <c r="I1" i="8"/>
  <c r="H4" i="1"/>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6">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6" fontId="8" fillId="0" borderId="0" xfId="0" applyNumberFormat="1" applyFont="1" applyBorder="1" applyAlignment="1">
      <alignment horizontal="right"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1"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30" xfId="0" applyFont="1" applyBorder="1" applyAlignment="1">
      <alignment horizontal="center" vertical="center"/>
    </xf>
    <xf numFmtId="0" fontId="3" fillId="0" borderId="40"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7" xfId="0" applyFont="1" applyBorder="1" applyAlignment="1">
      <alignment horizontal="center" vertical="center"/>
    </xf>
    <xf numFmtId="0" fontId="2" fillId="0" borderId="42" xfId="0" applyFont="1" applyBorder="1" applyAlignment="1">
      <alignment horizontal="center" vertical="center"/>
    </xf>
    <xf numFmtId="0" fontId="2" fillId="0" borderId="80"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6"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71"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22" xfId="0" applyBorder="1" applyAlignment="1">
      <alignment horizontal="center"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18" customHeight="1" x14ac:dyDescent="0.2">
      <c r="B1" s="2"/>
      <c r="C1" s="2"/>
      <c r="D1" s="2"/>
      <c r="E1" s="501" t="s">
        <v>0</v>
      </c>
      <c r="F1" s="501"/>
      <c r="G1" s="501"/>
      <c r="H1" s="501"/>
      <c r="I1" s="2"/>
      <c r="J1" s="2"/>
      <c r="K1" s="2"/>
      <c r="L1" s="2"/>
    </row>
    <row r="2" spans="1:13" ht="18" customHeight="1" x14ac:dyDescent="0.2">
      <c r="A2" s="2"/>
      <c r="B2" s="2"/>
      <c r="C2" s="2"/>
      <c r="D2" s="2"/>
      <c r="E2" s="2"/>
      <c r="F2" s="367">
        <v>4</v>
      </c>
      <c r="G2" s="246">
        <v>8</v>
      </c>
      <c r="H2" s="2"/>
      <c r="I2" s="2"/>
      <c r="J2" s="2"/>
      <c r="K2" s="2"/>
      <c r="L2" s="2"/>
      <c r="M2" s="2"/>
    </row>
    <row r="3" spans="1:13" ht="26.25" customHeight="1" x14ac:dyDescent="0.2"/>
    <row r="4" spans="1:13" ht="20.25" customHeight="1" x14ac:dyDescent="0.2">
      <c r="D4" s="3"/>
      <c r="E4" s="4" t="s">
        <v>1</v>
      </c>
      <c r="F4" s="3"/>
      <c r="H4" s="254">
        <f>G2</f>
        <v>8</v>
      </c>
    </row>
    <row r="5" spans="1:13" ht="10.5" customHeight="1" thickBot="1" x14ac:dyDescent="0.25">
      <c r="E5" s="5"/>
    </row>
    <row r="6" spans="1:13" ht="17.25" customHeight="1" x14ac:dyDescent="0.2">
      <c r="E6" s="343"/>
      <c r="F6" s="502" t="s">
        <v>2</v>
      </c>
      <c r="G6" s="503"/>
      <c r="H6" s="503"/>
      <c r="I6" s="504"/>
    </row>
    <row r="7" spans="1:13" ht="17.25" customHeight="1" x14ac:dyDescent="0.2">
      <c r="E7" s="7"/>
      <c r="F7" s="8"/>
      <c r="G7" s="9" t="s">
        <v>3</v>
      </c>
      <c r="H7" s="346" t="s">
        <v>150</v>
      </c>
      <c r="I7" s="347" t="s">
        <v>149</v>
      </c>
    </row>
    <row r="8" spans="1:13" ht="19.8" customHeight="1" x14ac:dyDescent="0.2">
      <c r="E8" s="344" t="s">
        <v>4</v>
      </c>
      <c r="F8" s="374">
        <v>2340434</v>
      </c>
      <c r="G8" s="374">
        <v>1078347</v>
      </c>
      <c r="H8" s="374">
        <v>872143</v>
      </c>
      <c r="I8" s="375">
        <v>389944</v>
      </c>
    </row>
    <row r="9" spans="1:13" ht="19.8" customHeight="1" x14ac:dyDescent="0.2">
      <c r="E9" s="10" t="s">
        <v>5</v>
      </c>
      <c r="F9" s="376">
        <v>933516</v>
      </c>
      <c r="G9" s="376">
        <v>427636</v>
      </c>
      <c r="H9" s="376">
        <v>343963</v>
      </c>
      <c r="I9" s="377">
        <v>161917</v>
      </c>
    </row>
    <row r="10" spans="1:13" ht="19.8" customHeight="1" x14ac:dyDescent="0.2">
      <c r="E10" s="10" t="s">
        <v>6</v>
      </c>
      <c r="F10" s="376">
        <v>306917</v>
      </c>
      <c r="G10" s="376">
        <v>146448</v>
      </c>
      <c r="H10" s="376">
        <v>109271</v>
      </c>
      <c r="I10" s="377">
        <v>51198</v>
      </c>
    </row>
    <row r="11" spans="1:13" ht="19.8" customHeight="1" x14ac:dyDescent="0.2">
      <c r="E11" s="10" t="s">
        <v>14</v>
      </c>
      <c r="F11" s="376">
        <v>188050</v>
      </c>
      <c r="G11" s="376">
        <v>88314</v>
      </c>
      <c r="H11" s="376">
        <v>72262</v>
      </c>
      <c r="I11" s="377">
        <v>27474</v>
      </c>
    </row>
    <row r="12" spans="1:13" ht="19.8" customHeight="1" x14ac:dyDescent="0.2">
      <c r="E12" s="10" t="s">
        <v>7</v>
      </c>
      <c r="F12" s="376">
        <v>125922</v>
      </c>
      <c r="G12" s="376">
        <v>55305</v>
      </c>
      <c r="H12" s="376">
        <v>48686</v>
      </c>
      <c r="I12" s="377">
        <v>21931</v>
      </c>
    </row>
    <row r="13" spans="1:13" ht="19.8" customHeight="1" x14ac:dyDescent="0.2">
      <c r="E13" s="10" t="s">
        <v>8</v>
      </c>
      <c r="F13" s="376">
        <v>73172</v>
      </c>
      <c r="G13" s="376">
        <v>34443</v>
      </c>
      <c r="H13" s="376">
        <v>27189</v>
      </c>
      <c r="I13" s="377">
        <v>11540</v>
      </c>
    </row>
    <row r="14" spans="1:13" ht="19.8" customHeight="1" x14ac:dyDescent="0.2">
      <c r="E14" s="10" t="s">
        <v>9</v>
      </c>
      <c r="F14" s="376">
        <v>53757</v>
      </c>
      <c r="G14" s="376">
        <v>21549</v>
      </c>
      <c r="H14" s="376">
        <v>20592</v>
      </c>
      <c r="I14" s="377">
        <v>11616</v>
      </c>
    </row>
    <row r="15" spans="1:13" ht="19.8" customHeight="1" x14ac:dyDescent="0.2">
      <c r="E15" s="10" t="s">
        <v>10</v>
      </c>
      <c r="F15" s="376">
        <v>108161</v>
      </c>
      <c r="G15" s="376">
        <v>48725</v>
      </c>
      <c r="H15" s="376">
        <v>40716</v>
      </c>
      <c r="I15" s="377">
        <v>18720</v>
      </c>
    </row>
    <row r="16" spans="1:13" ht="19.8" customHeight="1" x14ac:dyDescent="0.2">
      <c r="E16" s="10" t="s">
        <v>11</v>
      </c>
      <c r="F16" s="376">
        <v>57372</v>
      </c>
      <c r="G16" s="376">
        <v>26527</v>
      </c>
      <c r="H16" s="376">
        <v>20960</v>
      </c>
      <c r="I16" s="377">
        <v>9885</v>
      </c>
    </row>
    <row r="17" spans="5:13" ht="19.8" customHeight="1" x14ac:dyDescent="0.2">
      <c r="E17" s="10" t="s">
        <v>12</v>
      </c>
      <c r="F17" s="376">
        <v>65408</v>
      </c>
      <c r="G17" s="376">
        <v>29430</v>
      </c>
      <c r="H17" s="376">
        <v>24702</v>
      </c>
      <c r="I17" s="377">
        <v>11276</v>
      </c>
    </row>
    <row r="18" spans="5:13" ht="19.8" customHeight="1" x14ac:dyDescent="0.2">
      <c r="E18" s="10" t="s">
        <v>13</v>
      </c>
      <c r="F18" s="376">
        <v>18644</v>
      </c>
      <c r="G18" s="376">
        <v>7439</v>
      </c>
      <c r="H18" s="376">
        <v>7175</v>
      </c>
      <c r="I18" s="377">
        <v>4030</v>
      </c>
      <c r="M18" s="1" t="s">
        <v>87</v>
      </c>
    </row>
    <row r="19" spans="5:13" ht="19.8" customHeight="1" x14ac:dyDescent="0.2">
      <c r="E19" s="10" t="s">
        <v>15</v>
      </c>
      <c r="F19" s="376">
        <v>16261</v>
      </c>
      <c r="G19" s="376">
        <v>7487</v>
      </c>
      <c r="H19" s="376">
        <v>5956</v>
      </c>
      <c r="I19" s="377">
        <v>2818</v>
      </c>
    </row>
    <row r="20" spans="5:13" ht="19.8" customHeight="1" x14ac:dyDescent="0.2">
      <c r="E20" s="10" t="s">
        <v>16</v>
      </c>
      <c r="F20" s="376">
        <v>49346</v>
      </c>
      <c r="G20" s="376">
        <v>24351</v>
      </c>
      <c r="H20" s="376">
        <v>18143</v>
      </c>
      <c r="I20" s="377">
        <v>6852</v>
      </c>
    </row>
    <row r="21" spans="5:13" ht="19.8" customHeight="1" x14ac:dyDescent="0.2">
      <c r="E21" s="10" t="s">
        <v>17</v>
      </c>
      <c r="F21" s="376">
        <v>58554</v>
      </c>
      <c r="G21" s="376">
        <v>28570</v>
      </c>
      <c r="H21" s="376">
        <v>22258</v>
      </c>
      <c r="I21" s="377">
        <v>7726</v>
      </c>
    </row>
    <row r="22" spans="5:13" ht="19.8" customHeight="1" x14ac:dyDescent="0.2">
      <c r="E22" s="10" t="s">
        <v>18</v>
      </c>
      <c r="F22" s="376">
        <v>58089</v>
      </c>
      <c r="G22" s="376">
        <v>26816</v>
      </c>
      <c r="H22" s="376">
        <v>22649</v>
      </c>
      <c r="I22" s="377">
        <v>8624</v>
      </c>
    </row>
    <row r="23" spans="5:13" ht="19.8" customHeight="1" x14ac:dyDescent="0.2">
      <c r="E23" s="10" t="s">
        <v>19</v>
      </c>
      <c r="F23" s="376">
        <v>26628</v>
      </c>
      <c r="G23" s="376">
        <v>12472</v>
      </c>
      <c r="H23" s="376">
        <v>10171</v>
      </c>
      <c r="I23" s="377">
        <v>3985</v>
      </c>
    </row>
    <row r="24" spans="5:13" ht="19.8" customHeight="1" x14ac:dyDescent="0.2">
      <c r="E24" s="10" t="s">
        <v>20</v>
      </c>
      <c r="F24" s="376">
        <v>33998</v>
      </c>
      <c r="G24" s="376">
        <v>16256</v>
      </c>
      <c r="H24" s="376">
        <v>13089</v>
      </c>
      <c r="I24" s="377">
        <v>4653</v>
      </c>
    </row>
    <row r="25" spans="5:13" ht="19.8" customHeight="1" x14ac:dyDescent="0.2">
      <c r="E25" s="10" t="s">
        <v>21</v>
      </c>
      <c r="F25" s="376">
        <v>34227</v>
      </c>
      <c r="G25" s="376">
        <v>16132</v>
      </c>
      <c r="H25" s="376">
        <v>13190</v>
      </c>
      <c r="I25" s="377">
        <v>4905</v>
      </c>
    </row>
    <row r="26" spans="5:13" ht="19.8" customHeight="1" x14ac:dyDescent="0.2">
      <c r="E26" s="10" t="s">
        <v>22</v>
      </c>
      <c r="F26" s="376">
        <v>13634</v>
      </c>
      <c r="G26" s="376">
        <v>6033</v>
      </c>
      <c r="H26" s="376">
        <v>5285</v>
      </c>
      <c r="I26" s="377">
        <v>2316</v>
      </c>
    </row>
    <row r="27" spans="5:13" ht="19.8" customHeight="1" x14ac:dyDescent="0.2">
      <c r="E27" s="10" t="s">
        <v>23</v>
      </c>
      <c r="F27" s="376">
        <v>22975</v>
      </c>
      <c r="G27" s="376">
        <v>10319</v>
      </c>
      <c r="H27" s="376">
        <v>9621</v>
      </c>
      <c r="I27" s="377">
        <v>3035</v>
      </c>
    </row>
    <row r="28" spans="5:13" ht="19.8" customHeight="1" x14ac:dyDescent="0.2">
      <c r="E28" s="10" t="s">
        <v>24</v>
      </c>
      <c r="F28" s="376">
        <v>10241</v>
      </c>
      <c r="G28" s="376">
        <v>4182</v>
      </c>
      <c r="H28" s="376">
        <v>4050</v>
      </c>
      <c r="I28" s="377">
        <v>2009</v>
      </c>
    </row>
    <row r="29" spans="5:13" ht="19.8" customHeight="1" x14ac:dyDescent="0.2">
      <c r="E29" s="10" t="s">
        <v>25</v>
      </c>
      <c r="F29" s="376">
        <v>13443</v>
      </c>
      <c r="G29" s="376">
        <v>6535</v>
      </c>
      <c r="H29" s="376">
        <v>5141</v>
      </c>
      <c r="I29" s="377">
        <v>1767</v>
      </c>
    </row>
    <row r="30" spans="5:13" ht="19.8" customHeight="1" x14ac:dyDescent="0.2">
      <c r="E30" s="10" t="s">
        <v>26</v>
      </c>
      <c r="F30" s="376">
        <v>11173</v>
      </c>
      <c r="G30" s="376">
        <v>5005</v>
      </c>
      <c r="H30" s="376">
        <v>4285</v>
      </c>
      <c r="I30" s="377">
        <v>1883</v>
      </c>
    </row>
    <row r="31" spans="5:13" ht="19.8" customHeight="1" x14ac:dyDescent="0.2">
      <c r="E31" s="10" t="s">
        <v>27</v>
      </c>
      <c r="F31" s="376">
        <v>9865</v>
      </c>
      <c r="G31" s="376">
        <v>4177</v>
      </c>
      <c r="H31" s="376">
        <v>3871</v>
      </c>
      <c r="I31" s="377">
        <v>1817</v>
      </c>
    </row>
    <row r="32" spans="5:13" ht="19.8" customHeight="1" x14ac:dyDescent="0.2">
      <c r="E32" s="10" t="s">
        <v>28</v>
      </c>
      <c r="F32" s="376">
        <v>3239</v>
      </c>
      <c r="G32" s="376">
        <v>1587</v>
      </c>
      <c r="H32" s="376">
        <v>1211</v>
      </c>
      <c r="I32" s="377">
        <v>441</v>
      </c>
    </row>
    <row r="33" spans="5:9" ht="19.8" customHeight="1" x14ac:dyDescent="0.2">
      <c r="E33" s="10" t="s">
        <v>29</v>
      </c>
      <c r="F33" s="376">
        <v>4981</v>
      </c>
      <c r="G33" s="376">
        <v>2347</v>
      </c>
      <c r="H33" s="376">
        <v>1908</v>
      </c>
      <c r="I33" s="377">
        <v>726</v>
      </c>
    </row>
    <row r="34" spans="5:9" ht="19.8" customHeight="1" x14ac:dyDescent="0.2">
      <c r="E34" s="10" t="s">
        <v>30</v>
      </c>
      <c r="F34" s="376">
        <v>3729</v>
      </c>
      <c r="G34" s="376">
        <v>1685</v>
      </c>
      <c r="H34" s="376">
        <v>1352</v>
      </c>
      <c r="I34" s="377">
        <v>692</v>
      </c>
    </row>
    <row r="35" spans="5:9" ht="19.8" customHeight="1" x14ac:dyDescent="0.2">
      <c r="E35" s="10" t="s">
        <v>31</v>
      </c>
      <c r="F35" s="376">
        <v>4026</v>
      </c>
      <c r="G35" s="376">
        <v>1963</v>
      </c>
      <c r="H35" s="376">
        <v>1297</v>
      </c>
      <c r="I35" s="377">
        <v>766</v>
      </c>
    </row>
    <row r="36" spans="5:9" ht="19.8" customHeight="1" x14ac:dyDescent="0.2">
      <c r="E36" s="10" t="s">
        <v>32</v>
      </c>
      <c r="F36" s="376">
        <v>4594</v>
      </c>
      <c r="G36" s="376">
        <v>2108</v>
      </c>
      <c r="H36" s="376">
        <v>1748</v>
      </c>
      <c r="I36" s="377">
        <v>738</v>
      </c>
    </row>
    <row r="37" spans="5:9" ht="19.8" customHeight="1" x14ac:dyDescent="0.2">
      <c r="E37" s="10" t="s">
        <v>33</v>
      </c>
      <c r="F37" s="376">
        <v>4130</v>
      </c>
      <c r="G37" s="376">
        <v>1891</v>
      </c>
      <c r="H37" s="376">
        <v>1556</v>
      </c>
      <c r="I37" s="377">
        <v>683</v>
      </c>
    </row>
    <row r="38" spans="5:9" ht="19.8" customHeight="1" x14ac:dyDescent="0.2">
      <c r="E38" s="10" t="s">
        <v>34</v>
      </c>
      <c r="F38" s="376">
        <v>3039</v>
      </c>
      <c r="G38" s="376">
        <v>1360</v>
      </c>
      <c r="H38" s="376">
        <v>1150</v>
      </c>
      <c r="I38" s="377">
        <v>529</v>
      </c>
    </row>
    <row r="39" spans="5:9" ht="19.8" customHeight="1" x14ac:dyDescent="0.2">
      <c r="E39" s="10" t="s">
        <v>35</v>
      </c>
      <c r="F39" s="376">
        <v>9916</v>
      </c>
      <c r="G39" s="376">
        <v>4333</v>
      </c>
      <c r="H39" s="376">
        <v>3824</v>
      </c>
      <c r="I39" s="377">
        <v>1759</v>
      </c>
    </row>
    <row r="40" spans="5:9" ht="19.8" customHeight="1" x14ac:dyDescent="0.2">
      <c r="E40" s="10" t="s">
        <v>36</v>
      </c>
      <c r="F40" s="376">
        <v>12355</v>
      </c>
      <c r="G40" s="376">
        <v>6354</v>
      </c>
      <c r="H40" s="376">
        <v>4517</v>
      </c>
      <c r="I40" s="377">
        <v>1484</v>
      </c>
    </row>
    <row r="41" spans="5:9" ht="19.8" customHeight="1" thickBot="1" x14ac:dyDescent="0.25">
      <c r="E41" s="11" t="s">
        <v>37</v>
      </c>
      <c r="F41" s="378">
        <v>1072</v>
      </c>
      <c r="G41" s="378">
        <v>568</v>
      </c>
      <c r="H41" s="378">
        <v>355</v>
      </c>
      <c r="I41" s="379">
        <v>149</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6"/>
    <col min="6" max="6" width="7.77734375" style="256" customWidth="1"/>
    <col min="7" max="7" width="9" style="256"/>
    <col min="8" max="8" width="10.6640625" style="256" customWidth="1"/>
    <col min="9" max="16" width="9" style="256"/>
    <col min="17" max="17" width="7.88671875" style="256" customWidth="1"/>
    <col min="18" max="27" width="9" style="256"/>
    <col min="28" max="28" width="7.77734375" style="256" customWidth="1"/>
    <col min="29" max="38" width="9" style="256"/>
    <col min="39" max="39" width="6.77734375" style="256" customWidth="1"/>
    <col min="40" max="49" width="9" style="256"/>
    <col min="50" max="50" width="7.77734375" style="256" customWidth="1"/>
    <col min="51" max="60" width="9" style="256"/>
    <col min="61" max="61" width="7.4414062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6384" width="9" style="256"/>
  </cols>
  <sheetData>
    <row r="1" spans="2:112" ht="24" customHeight="1" x14ac:dyDescent="0.2">
      <c r="B1" s="291" t="s">
        <v>123</v>
      </c>
      <c r="J1" s="528">
        <f>第１表!F2</f>
        <v>4</v>
      </c>
      <c r="K1" s="528"/>
      <c r="L1" s="248">
        <f>第１表!G2</f>
        <v>8</v>
      </c>
      <c r="M1" s="529">
        <f>IF(L1&lt;3,L1+12-2,L1-2)</f>
        <v>6</v>
      </c>
      <c r="N1" s="529"/>
    </row>
    <row r="2" spans="2:112" ht="24" customHeight="1" thickBot="1" x14ac:dyDescent="0.25">
      <c r="B2" s="291" t="s">
        <v>131</v>
      </c>
    </row>
    <row r="3" spans="2:112" ht="13.8"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x14ac:dyDescent="0.2">
      <c r="B4" s="550"/>
      <c r="C4" s="554" t="s">
        <v>61</v>
      </c>
      <c r="D4" s="537"/>
      <c r="E4" s="538"/>
      <c r="F4" s="536" t="s">
        <v>62</v>
      </c>
      <c r="G4" s="537"/>
      <c r="H4" s="537"/>
      <c r="I4" s="537"/>
      <c r="J4" s="537"/>
      <c r="K4" s="537"/>
      <c r="L4" s="545"/>
      <c r="M4" s="539" t="s">
        <v>52</v>
      </c>
      <c r="N4" s="554" t="s">
        <v>61</v>
      </c>
      <c r="O4" s="537"/>
      <c r="P4" s="538"/>
      <c r="Q4" s="536" t="s">
        <v>62</v>
      </c>
      <c r="R4" s="537"/>
      <c r="S4" s="537"/>
      <c r="T4" s="537"/>
      <c r="U4" s="537"/>
      <c r="V4" s="537"/>
      <c r="W4" s="538"/>
      <c r="X4" s="539" t="s">
        <v>52</v>
      </c>
      <c r="Y4" s="541" t="s">
        <v>61</v>
      </c>
      <c r="Z4" s="537"/>
      <c r="AA4" s="545"/>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45"/>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row>
    <row r="5" spans="2:112" ht="28.5" customHeight="1" thickBot="1" x14ac:dyDescent="0.25">
      <c r="B5" s="551"/>
      <c r="C5" s="265" t="s">
        <v>43</v>
      </c>
      <c r="D5" s="260" t="s">
        <v>44</v>
      </c>
      <c r="E5" s="383" t="s">
        <v>45</v>
      </c>
      <c r="F5" s="268" t="s">
        <v>83</v>
      </c>
      <c r="G5" s="260" t="s">
        <v>47</v>
      </c>
      <c r="H5" s="260" t="s">
        <v>48</v>
      </c>
      <c r="I5" s="260" t="s">
        <v>49</v>
      </c>
      <c r="J5" s="260" t="s">
        <v>50</v>
      </c>
      <c r="K5" s="260" t="s">
        <v>51</v>
      </c>
      <c r="L5" s="269" t="s">
        <v>45</v>
      </c>
      <c r="M5" s="540"/>
      <c r="N5" s="265" t="s">
        <v>43</v>
      </c>
      <c r="O5" s="260" t="s">
        <v>44</v>
      </c>
      <c r="P5" s="266" t="s">
        <v>45</v>
      </c>
      <c r="Q5" s="268" t="s">
        <v>83</v>
      </c>
      <c r="R5" s="260" t="s">
        <v>47</v>
      </c>
      <c r="S5" s="260" t="s">
        <v>48</v>
      </c>
      <c r="T5" s="260" t="s">
        <v>49</v>
      </c>
      <c r="U5" s="260" t="s">
        <v>50</v>
      </c>
      <c r="V5" s="260" t="s">
        <v>51</v>
      </c>
      <c r="W5" s="266" t="s">
        <v>45</v>
      </c>
      <c r="X5" s="540"/>
      <c r="Y5" s="324" t="s">
        <v>43</v>
      </c>
      <c r="Z5" s="260" t="s">
        <v>44</v>
      </c>
      <c r="AA5" s="269" t="s">
        <v>45</v>
      </c>
      <c r="AB5" s="268" t="s">
        <v>83</v>
      </c>
      <c r="AC5" s="260" t="s">
        <v>47</v>
      </c>
      <c r="AD5" s="260" t="s">
        <v>48</v>
      </c>
      <c r="AE5" s="260" t="s">
        <v>49</v>
      </c>
      <c r="AF5" s="260" t="s">
        <v>50</v>
      </c>
      <c r="AG5" s="260" t="s">
        <v>51</v>
      </c>
      <c r="AH5" s="266" t="s">
        <v>45</v>
      </c>
      <c r="AI5" s="540"/>
      <c r="AJ5" s="324" t="s">
        <v>43</v>
      </c>
      <c r="AK5" s="260" t="s">
        <v>44</v>
      </c>
      <c r="AL5" s="266" t="s">
        <v>45</v>
      </c>
      <c r="AM5" s="268" t="s">
        <v>83</v>
      </c>
      <c r="AN5" s="260" t="s">
        <v>47</v>
      </c>
      <c r="AO5" s="260" t="s">
        <v>48</v>
      </c>
      <c r="AP5" s="260" t="s">
        <v>49</v>
      </c>
      <c r="AQ5" s="260" t="s">
        <v>50</v>
      </c>
      <c r="AR5" s="260" t="s">
        <v>51</v>
      </c>
      <c r="AS5" s="266" t="s">
        <v>45</v>
      </c>
      <c r="AT5" s="540"/>
      <c r="AU5" s="324" t="s">
        <v>43</v>
      </c>
      <c r="AV5" s="260" t="s">
        <v>44</v>
      </c>
      <c r="AW5" s="269" t="s">
        <v>45</v>
      </c>
      <c r="AX5" s="268" t="s">
        <v>83</v>
      </c>
      <c r="AY5" s="260" t="s">
        <v>47</v>
      </c>
      <c r="AZ5" s="260" t="s">
        <v>48</v>
      </c>
      <c r="BA5" s="260" t="s">
        <v>49</v>
      </c>
      <c r="BB5" s="260" t="s">
        <v>50</v>
      </c>
      <c r="BC5" s="260" t="s">
        <v>51</v>
      </c>
      <c r="BD5" s="269" t="s">
        <v>45</v>
      </c>
      <c r="BE5" s="540"/>
      <c r="BF5" s="324" t="s">
        <v>43</v>
      </c>
      <c r="BG5" s="260" t="s">
        <v>44</v>
      </c>
      <c r="BH5" s="266" t="s">
        <v>45</v>
      </c>
      <c r="BI5" s="268" t="s">
        <v>83</v>
      </c>
      <c r="BJ5" s="260" t="s">
        <v>47</v>
      </c>
      <c r="BK5" s="260" t="s">
        <v>48</v>
      </c>
      <c r="BL5" s="260" t="s">
        <v>49</v>
      </c>
      <c r="BM5" s="260" t="s">
        <v>50</v>
      </c>
      <c r="BN5" s="260" t="s">
        <v>51</v>
      </c>
      <c r="BO5" s="266" t="s">
        <v>45</v>
      </c>
      <c r="BP5" s="540"/>
      <c r="BQ5" s="324" t="s">
        <v>43</v>
      </c>
      <c r="BR5" s="260" t="s">
        <v>44</v>
      </c>
      <c r="BS5" s="266" t="s">
        <v>45</v>
      </c>
      <c r="BT5" s="268" t="s">
        <v>83</v>
      </c>
      <c r="BU5" s="260" t="s">
        <v>47</v>
      </c>
      <c r="BV5" s="260" t="s">
        <v>48</v>
      </c>
      <c r="BW5" s="260" t="s">
        <v>49</v>
      </c>
      <c r="BX5" s="260" t="s">
        <v>50</v>
      </c>
      <c r="BY5" s="260" t="s">
        <v>51</v>
      </c>
      <c r="BZ5" s="266" t="s">
        <v>45</v>
      </c>
      <c r="CA5" s="540"/>
      <c r="CB5" s="324" t="s">
        <v>43</v>
      </c>
      <c r="CC5" s="260" t="s">
        <v>44</v>
      </c>
      <c r="CD5" s="266" t="s">
        <v>45</v>
      </c>
      <c r="CE5" s="268" t="s">
        <v>83</v>
      </c>
      <c r="CF5" s="260" t="s">
        <v>47</v>
      </c>
      <c r="CG5" s="260" t="s">
        <v>48</v>
      </c>
      <c r="CH5" s="260" t="s">
        <v>49</v>
      </c>
      <c r="CI5" s="260" t="s">
        <v>50</v>
      </c>
      <c r="CJ5" s="260" t="s">
        <v>51</v>
      </c>
      <c r="CK5" s="266" t="s">
        <v>45</v>
      </c>
      <c r="CL5" s="540"/>
      <c r="CM5" s="324" t="s">
        <v>43</v>
      </c>
      <c r="CN5" s="260" t="s">
        <v>44</v>
      </c>
      <c r="CO5" s="266" t="s">
        <v>45</v>
      </c>
      <c r="CP5" s="268" t="s">
        <v>83</v>
      </c>
      <c r="CQ5" s="260" t="s">
        <v>47</v>
      </c>
      <c r="CR5" s="260" t="s">
        <v>48</v>
      </c>
      <c r="CS5" s="260" t="s">
        <v>49</v>
      </c>
      <c r="CT5" s="260" t="s">
        <v>50</v>
      </c>
      <c r="CU5" s="260" t="s">
        <v>51</v>
      </c>
      <c r="CV5" s="266" t="s">
        <v>45</v>
      </c>
      <c r="CW5" s="540"/>
      <c r="CX5" s="366" t="s">
        <v>43</v>
      </c>
      <c r="CY5" s="260" t="s">
        <v>44</v>
      </c>
      <c r="CZ5" s="266" t="s">
        <v>45</v>
      </c>
      <c r="DA5" s="268" t="s">
        <v>83</v>
      </c>
      <c r="DB5" s="260" t="s">
        <v>47</v>
      </c>
      <c r="DC5" s="260" t="s">
        <v>48</v>
      </c>
      <c r="DD5" s="260" t="s">
        <v>49</v>
      </c>
      <c r="DE5" s="260" t="s">
        <v>50</v>
      </c>
      <c r="DF5" s="260" t="s">
        <v>51</v>
      </c>
      <c r="DG5" s="266" t="s">
        <v>45</v>
      </c>
      <c r="DH5" s="540"/>
    </row>
    <row r="6" spans="2:112" ht="19.8" customHeight="1" x14ac:dyDescent="0.2">
      <c r="B6" s="261" t="s">
        <v>4</v>
      </c>
      <c r="C6" s="270">
        <v>0</v>
      </c>
      <c r="D6" s="274">
        <v>0</v>
      </c>
      <c r="E6" s="384">
        <v>0</v>
      </c>
      <c r="F6" s="273">
        <v>0</v>
      </c>
      <c r="G6" s="274">
        <v>13986</v>
      </c>
      <c r="H6" s="274">
        <v>19111</v>
      </c>
      <c r="I6" s="274">
        <v>20802</v>
      </c>
      <c r="J6" s="274">
        <v>22420</v>
      </c>
      <c r="K6" s="274">
        <v>19272</v>
      </c>
      <c r="L6" s="275">
        <v>95591</v>
      </c>
      <c r="M6" s="276">
        <v>95591</v>
      </c>
      <c r="N6" s="270">
        <v>0</v>
      </c>
      <c r="O6" s="274">
        <v>4</v>
      </c>
      <c r="P6" s="271">
        <v>4</v>
      </c>
      <c r="Q6" s="273">
        <v>0</v>
      </c>
      <c r="R6" s="274">
        <v>19</v>
      </c>
      <c r="S6" s="274">
        <v>132</v>
      </c>
      <c r="T6" s="274">
        <v>301</v>
      </c>
      <c r="U6" s="274">
        <v>672</v>
      </c>
      <c r="V6" s="274">
        <v>1112</v>
      </c>
      <c r="W6" s="271">
        <v>2236</v>
      </c>
      <c r="X6" s="276">
        <v>2240</v>
      </c>
      <c r="Y6" s="270">
        <v>1053</v>
      </c>
      <c r="Z6" s="274">
        <v>2446</v>
      </c>
      <c r="AA6" s="271">
        <v>3499</v>
      </c>
      <c r="AB6" s="273">
        <v>0</v>
      </c>
      <c r="AC6" s="274">
        <v>8510</v>
      </c>
      <c r="AD6" s="274">
        <v>12313</v>
      </c>
      <c r="AE6" s="274">
        <v>8036</v>
      </c>
      <c r="AF6" s="274">
        <v>7267</v>
      </c>
      <c r="AG6" s="274">
        <v>4799</v>
      </c>
      <c r="AH6" s="271">
        <v>40925</v>
      </c>
      <c r="AI6" s="276">
        <v>44424</v>
      </c>
      <c r="AJ6" s="270">
        <v>174</v>
      </c>
      <c r="AK6" s="274">
        <v>582</v>
      </c>
      <c r="AL6" s="271">
        <v>756</v>
      </c>
      <c r="AM6" s="273">
        <v>0</v>
      </c>
      <c r="AN6" s="274">
        <v>869</v>
      </c>
      <c r="AO6" s="274">
        <v>1599</v>
      </c>
      <c r="AP6" s="274">
        <v>822</v>
      </c>
      <c r="AQ6" s="274">
        <v>1089</v>
      </c>
      <c r="AR6" s="274">
        <v>343</v>
      </c>
      <c r="AS6" s="271">
        <v>4722</v>
      </c>
      <c r="AT6" s="276">
        <v>5478</v>
      </c>
      <c r="AU6" s="270">
        <v>0</v>
      </c>
      <c r="AV6" s="274">
        <v>0</v>
      </c>
      <c r="AW6" s="271">
        <v>0</v>
      </c>
      <c r="AX6" s="273">
        <v>0</v>
      </c>
      <c r="AY6" s="274">
        <v>13195</v>
      </c>
      <c r="AZ6" s="274">
        <v>12548</v>
      </c>
      <c r="BA6" s="274">
        <v>8504</v>
      </c>
      <c r="BB6" s="274">
        <v>3770</v>
      </c>
      <c r="BC6" s="274">
        <v>1444</v>
      </c>
      <c r="BD6" s="275">
        <v>39461</v>
      </c>
      <c r="BE6" s="276">
        <v>39461</v>
      </c>
      <c r="BF6" s="270">
        <v>0</v>
      </c>
      <c r="BG6" s="274">
        <v>0</v>
      </c>
      <c r="BH6" s="271">
        <v>0</v>
      </c>
      <c r="BI6" s="273">
        <v>0</v>
      </c>
      <c r="BJ6" s="274">
        <v>2845</v>
      </c>
      <c r="BK6" s="274">
        <v>4040</v>
      </c>
      <c r="BL6" s="274">
        <v>2541</v>
      </c>
      <c r="BM6" s="274">
        <v>1415</v>
      </c>
      <c r="BN6" s="274">
        <v>356</v>
      </c>
      <c r="BO6" s="271">
        <v>11197</v>
      </c>
      <c r="BP6" s="276">
        <v>11197</v>
      </c>
      <c r="BQ6" s="270">
        <v>34</v>
      </c>
      <c r="BR6" s="274">
        <v>100</v>
      </c>
      <c r="BS6" s="271">
        <v>134</v>
      </c>
      <c r="BT6" s="273">
        <v>0</v>
      </c>
      <c r="BU6" s="274">
        <v>1442</v>
      </c>
      <c r="BV6" s="274">
        <v>2039</v>
      </c>
      <c r="BW6" s="274">
        <v>3792</v>
      </c>
      <c r="BX6" s="274">
        <v>2776</v>
      </c>
      <c r="BY6" s="274">
        <v>985</v>
      </c>
      <c r="BZ6" s="271">
        <v>11034</v>
      </c>
      <c r="CA6" s="276">
        <v>11168</v>
      </c>
      <c r="CB6" s="270">
        <v>0</v>
      </c>
      <c r="CC6" s="274">
        <v>7</v>
      </c>
      <c r="CD6" s="271">
        <v>7</v>
      </c>
      <c r="CE6" s="273">
        <v>0</v>
      </c>
      <c r="CF6" s="274">
        <v>120</v>
      </c>
      <c r="CG6" s="274">
        <v>401</v>
      </c>
      <c r="CH6" s="274">
        <v>471</v>
      </c>
      <c r="CI6" s="274">
        <v>351</v>
      </c>
      <c r="CJ6" s="274">
        <v>119</v>
      </c>
      <c r="CK6" s="271">
        <v>1462</v>
      </c>
      <c r="CL6" s="276">
        <v>1469</v>
      </c>
      <c r="CM6" s="270">
        <v>0</v>
      </c>
      <c r="CN6" s="274">
        <v>0</v>
      </c>
      <c r="CO6" s="271">
        <v>0</v>
      </c>
      <c r="CP6" s="273">
        <v>0</v>
      </c>
      <c r="CQ6" s="274">
        <v>0</v>
      </c>
      <c r="CR6" s="274">
        <v>0</v>
      </c>
      <c r="CS6" s="274">
        <v>0</v>
      </c>
      <c r="CT6" s="274">
        <v>0</v>
      </c>
      <c r="CU6" s="274">
        <v>0</v>
      </c>
      <c r="CV6" s="271">
        <v>0</v>
      </c>
      <c r="CW6" s="276">
        <v>0</v>
      </c>
      <c r="CX6" s="270">
        <v>0</v>
      </c>
      <c r="CY6" s="274">
        <v>0</v>
      </c>
      <c r="CZ6" s="271">
        <v>0</v>
      </c>
      <c r="DA6" s="273">
        <v>0</v>
      </c>
      <c r="DB6" s="274">
        <v>0</v>
      </c>
      <c r="DC6" s="274">
        <v>0</v>
      </c>
      <c r="DD6" s="274">
        <v>0</v>
      </c>
      <c r="DE6" s="274">
        <v>0</v>
      </c>
      <c r="DF6" s="274">
        <v>0</v>
      </c>
      <c r="DG6" s="271">
        <v>0</v>
      </c>
      <c r="DH6" s="276">
        <v>0</v>
      </c>
    </row>
    <row r="7" spans="2:112" ht="19.8" customHeight="1" x14ac:dyDescent="0.2">
      <c r="B7" s="262" t="s">
        <v>5</v>
      </c>
      <c r="C7" s="277">
        <v>0</v>
      </c>
      <c r="D7" s="281">
        <v>0</v>
      </c>
      <c r="E7" s="385">
        <v>0</v>
      </c>
      <c r="F7" s="280">
        <v>0</v>
      </c>
      <c r="G7" s="281">
        <v>5415</v>
      </c>
      <c r="H7" s="281">
        <v>8424</v>
      </c>
      <c r="I7" s="281">
        <v>8176</v>
      </c>
      <c r="J7" s="281">
        <v>9287</v>
      </c>
      <c r="K7" s="281">
        <v>7804</v>
      </c>
      <c r="L7" s="282">
        <v>39106</v>
      </c>
      <c r="M7" s="283">
        <v>39106</v>
      </c>
      <c r="N7" s="277">
        <v>0</v>
      </c>
      <c r="O7" s="281">
        <v>4</v>
      </c>
      <c r="P7" s="278">
        <v>4</v>
      </c>
      <c r="Q7" s="280">
        <v>0</v>
      </c>
      <c r="R7" s="281">
        <v>5</v>
      </c>
      <c r="S7" s="281">
        <v>68</v>
      </c>
      <c r="T7" s="281">
        <v>125</v>
      </c>
      <c r="U7" s="281">
        <v>261</v>
      </c>
      <c r="V7" s="281">
        <v>520</v>
      </c>
      <c r="W7" s="278">
        <v>979</v>
      </c>
      <c r="X7" s="283">
        <v>983</v>
      </c>
      <c r="Y7" s="277">
        <v>554</v>
      </c>
      <c r="Z7" s="281">
        <v>1438</v>
      </c>
      <c r="AA7" s="278">
        <v>1992</v>
      </c>
      <c r="AB7" s="280">
        <v>0</v>
      </c>
      <c r="AC7" s="281">
        <v>3488</v>
      </c>
      <c r="AD7" s="281">
        <v>6831</v>
      </c>
      <c r="AE7" s="281">
        <v>4106</v>
      </c>
      <c r="AF7" s="281">
        <v>3491</v>
      </c>
      <c r="AG7" s="281">
        <v>2322</v>
      </c>
      <c r="AH7" s="278">
        <v>20238</v>
      </c>
      <c r="AI7" s="283">
        <v>22230</v>
      </c>
      <c r="AJ7" s="277">
        <v>75</v>
      </c>
      <c r="AK7" s="281">
        <v>329</v>
      </c>
      <c r="AL7" s="278">
        <v>404</v>
      </c>
      <c r="AM7" s="280">
        <v>0</v>
      </c>
      <c r="AN7" s="281">
        <v>138</v>
      </c>
      <c r="AO7" s="281">
        <v>746</v>
      </c>
      <c r="AP7" s="281">
        <v>364</v>
      </c>
      <c r="AQ7" s="281">
        <v>465</v>
      </c>
      <c r="AR7" s="281">
        <v>155</v>
      </c>
      <c r="AS7" s="278">
        <v>1868</v>
      </c>
      <c r="AT7" s="283">
        <v>2272</v>
      </c>
      <c r="AU7" s="277">
        <v>0</v>
      </c>
      <c r="AV7" s="281">
        <v>0</v>
      </c>
      <c r="AW7" s="278">
        <v>0</v>
      </c>
      <c r="AX7" s="280">
        <v>0</v>
      </c>
      <c r="AY7" s="281">
        <v>4737</v>
      </c>
      <c r="AZ7" s="281">
        <v>5395</v>
      </c>
      <c r="BA7" s="281">
        <v>3272</v>
      </c>
      <c r="BB7" s="281">
        <v>1335</v>
      </c>
      <c r="BC7" s="281">
        <v>523</v>
      </c>
      <c r="BD7" s="282">
        <v>15262</v>
      </c>
      <c r="BE7" s="283">
        <v>15262</v>
      </c>
      <c r="BF7" s="277">
        <v>0</v>
      </c>
      <c r="BG7" s="281">
        <v>0</v>
      </c>
      <c r="BH7" s="278">
        <v>0</v>
      </c>
      <c r="BI7" s="280">
        <v>0</v>
      </c>
      <c r="BJ7" s="281">
        <v>953</v>
      </c>
      <c r="BK7" s="281">
        <v>1813</v>
      </c>
      <c r="BL7" s="281">
        <v>1174</v>
      </c>
      <c r="BM7" s="281">
        <v>603</v>
      </c>
      <c r="BN7" s="281">
        <v>164</v>
      </c>
      <c r="BO7" s="278">
        <v>4707</v>
      </c>
      <c r="BP7" s="283">
        <v>4707</v>
      </c>
      <c r="BQ7" s="277">
        <v>7</v>
      </c>
      <c r="BR7" s="281">
        <v>48</v>
      </c>
      <c r="BS7" s="278">
        <v>55</v>
      </c>
      <c r="BT7" s="280">
        <v>0</v>
      </c>
      <c r="BU7" s="281">
        <v>448</v>
      </c>
      <c r="BV7" s="281">
        <v>752</v>
      </c>
      <c r="BW7" s="281">
        <v>1533</v>
      </c>
      <c r="BX7" s="281">
        <v>1208</v>
      </c>
      <c r="BY7" s="281">
        <v>408</v>
      </c>
      <c r="BZ7" s="278">
        <v>4349</v>
      </c>
      <c r="CA7" s="283">
        <v>4404</v>
      </c>
      <c r="CB7" s="277">
        <v>0</v>
      </c>
      <c r="CC7" s="281">
        <v>7</v>
      </c>
      <c r="CD7" s="278">
        <v>7</v>
      </c>
      <c r="CE7" s="280">
        <v>0</v>
      </c>
      <c r="CF7" s="281">
        <v>49</v>
      </c>
      <c r="CG7" s="281">
        <v>187</v>
      </c>
      <c r="CH7" s="281">
        <v>328</v>
      </c>
      <c r="CI7" s="281">
        <v>217</v>
      </c>
      <c r="CJ7" s="281">
        <v>81</v>
      </c>
      <c r="CK7" s="278">
        <v>862</v>
      </c>
      <c r="CL7" s="283">
        <v>869</v>
      </c>
      <c r="CM7" s="277">
        <v>0</v>
      </c>
      <c r="CN7" s="281">
        <v>0</v>
      </c>
      <c r="CO7" s="278">
        <v>0</v>
      </c>
      <c r="CP7" s="280">
        <v>0</v>
      </c>
      <c r="CQ7" s="281">
        <v>0</v>
      </c>
      <c r="CR7" s="281">
        <v>0</v>
      </c>
      <c r="CS7" s="281">
        <v>0</v>
      </c>
      <c r="CT7" s="281">
        <v>0</v>
      </c>
      <c r="CU7" s="281">
        <v>0</v>
      </c>
      <c r="CV7" s="278">
        <v>0</v>
      </c>
      <c r="CW7" s="283">
        <v>0</v>
      </c>
      <c r="CX7" s="277">
        <v>0</v>
      </c>
      <c r="CY7" s="281">
        <v>0</v>
      </c>
      <c r="CZ7" s="278">
        <v>0</v>
      </c>
      <c r="DA7" s="280">
        <v>0</v>
      </c>
      <c r="DB7" s="281">
        <v>0</v>
      </c>
      <c r="DC7" s="281">
        <v>0</v>
      </c>
      <c r="DD7" s="281">
        <v>0</v>
      </c>
      <c r="DE7" s="281">
        <v>0</v>
      </c>
      <c r="DF7" s="281">
        <v>0</v>
      </c>
      <c r="DG7" s="278">
        <v>0</v>
      </c>
      <c r="DH7" s="283">
        <v>0</v>
      </c>
    </row>
    <row r="8" spans="2:112" ht="19.8" customHeight="1" x14ac:dyDescent="0.2">
      <c r="B8" s="262" t="s">
        <v>6</v>
      </c>
      <c r="C8" s="277">
        <v>0</v>
      </c>
      <c r="D8" s="281">
        <v>0</v>
      </c>
      <c r="E8" s="385">
        <v>0</v>
      </c>
      <c r="F8" s="280">
        <v>0</v>
      </c>
      <c r="G8" s="281">
        <v>1656</v>
      </c>
      <c r="H8" s="281">
        <v>1775</v>
      </c>
      <c r="I8" s="281">
        <v>2591</v>
      </c>
      <c r="J8" s="281">
        <v>3196</v>
      </c>
      <c r="K8" s="281">
        <v>2014</v>
      </c>
      <c r="L8" s="282">
        <v>11232</v>
      </c>
      <c r="M8" s="283">
        <v>11232</v>
      </c>
      <c r="N8" s="277">
        <v>0</v>
      </c>
      <c r="O8" s="281">
        <v>0</v>
      </c>
      <c r="P8" s="278">
        <v>0</v>
      </c>
      <c r="Q8" s="280">
        <v>0</v>
      </c>
      <c r="R8" s="281">
        <v>4</v>
      </c>
      <c r="S8" s="281">
        <v>17</v>
      </c>
      <c r="T8" s="281">
        <v>21</v>
      </c>
      <c r="U8" s="281">
        <v>76</v>
      </c>
      <c r="V8" s="281">
        <v>126</v>
      </c>
      <c r="W8" s="278">
        <v>244</v>
      </c>
      <c r="X8" s="283">
        <v>244</v>
      </c>
      <c r="Y8" s="277">
        <v>138</v>
      </c>
      <c r="Z8" s="281">
        <v>296</v>
      </c>
      <c r="AA8" s="278">
        <v>434</v>
      </c>
      <c r="AB8" s="280">
        <v>0</v>
      </c>
      <c r="AC8" s="281">
        <v>1346</v>
      </c>
      <c r="AD8" s="281">
        <v>1474</v>
      </c>
      <c r="AE8" s="281">
        <v>917</v>
      </c>
      <c r="AF8" s="281">
        <v>1185</v>
      </c>
      <c r="AG8" s="281">
        <v>694</v>
      </c>
      <c r="AH8" s="278">
        <v>5616</v>
      </c>
      <c r="AI8" s="283">
        <v>6050</v>
      </c>
      <c r="AJ8" s="277">
        <v>10</v>
      </c>
      <c r="AK8" s="281">
        <v>9</v>
      </c>
      <c r="AL8" s="278">
        <v>19</v>
      </c>
      <c r="AM8" s="280">
        <v>0</v>
      </c>
      <c r="AN8" s="281">
        <v>111</v>
      </c>
      <c r="AO8" s="281">
        <v>194</v>
      </c>
      <c r="AP8" s="281">
        <v>56</v>
      </c>
      <c r="AQ8" s="281">
        <v>104</v>
      </c>
      <c r="AR8" s="281">
        <v>33</v>
      </c>
      <c r="AS8" s="278">
        <v>498</v>
      </c>
      <c r="AT8" s="283">
        <v>517</v>
      </c>
      <c r="AU8" s="277">
        <v>0</v>
      </c>
      <c r="AV8" s="281">
        <v>0</v>
      </c>
      <c r="AW8" s="278">
        <v>0</v>
      </c>
      <c r="AX8" s="280">
        <v>0</v>
      </c>
      <c r="AY8" s="281">
        <v>1875</v>
      </c>
      <c r="AZ8" s="281">
        <v>1272</v>
      </c>
      <c r="BA8" s="281">
        <v>958</v>
      </c>
      <c r="BB8" s="281">
        <v>479</v>
      </c>
      <c r="BC8" s="281">
        <v>169</v>
      </c>
      <c r="BD8" s="282">
        <v>4753</v>
      </c>
      <c r="BE8" s="283">
        <v>4753</v>
      </c>
      <c r="BF8" s="277">
        <v>0</v>
      </c>
      <c r="BG8" s="281">
        <v>0</v>
      </c>
      <c r="BH8" s="278">
        <v>0</v>
      </c>
      <c r="BI8" s="280">
        <v>0</v>
      </c>
      <c r="BJ8" s="281">
        <v>367</v>
      </c>
      <c r="BK8" s="281">
        <v>445</v>
      </c>
      <c r="BL8" s="281">
        <v>351</v>
      </c>
      <c r="BM8" s="281">
        <v>173</v>
      </c>
      <c r="BN8" s="281">
        <v>84</v>
      </c>
      <c r="BO8" s="278">
        <v>1420</v>
      </c>
      <c r="BP8" s="283">
        <v>1420</v>
      </c>
      <c r="BQ8" s="277">
        <v>3</v>
      </c>
      <c r="BR8" s="281">
        <v>20</v>
      </c>
      <c r="BS8" s="278">
        <v>23</v>
      </c>
      <c r="BT8" s="280">
        <v>0</v>
      </c>
      <c r="BU8" s="281">
        <v>194</v>
      </c>
      <c r="BV8" s="281">
        <v>197</v>
      </c>
      <c r="BW8" s="281">
        <v>294</v>
      </c>
      <c r="BX8" s="281">
        <v>221</v>
      </c>
      <c r="BY8" s="281">
        <v>81</v>
      </c>
      <c r="BZ8" s="278">
        <v>987</v>
      </c>
      <c r="CA8" s="283">
        <v>1010</v>
      </c>
      <c r="CB8" s="277">
        <v>0</v>
      </c>
      <c r="CC8" s="281">
        <v>0</v>
      </c>
      <c r="CD8" s="278">
        <v>0</v>
      </c>
      <c r="CE8" s="280">
        <v>0</v>
      </c>
      <c r="CF8" s="281">
        <v>6</v>
      </c>
      <c r="CG8" s="281">
        <v>37</v>
      </c>
      <c r="CH8" s="281">
        <v>35</v>
      </c>
      <c r="CI8" s="281">
        <v>31</v>
      </c>
      <c r="CJ8" s="281">
        <v>29</v>
      </c>
      <c r="CK8" s="278">
        <v>138</v>
      </c>
      <c r="CL8" s="283">
        <v>138</v>
      </c>
      <c r="CM8" s="277">
        <v>0</v>
      </c>
      <c r="CN8" s="281">
        <v>0</v>
      </c>
      <c r="CO8" s="278">
        <v>0</v>
      </c>
      <c r="CP8" s="280">
        <v>0</v>
      </c>
      <c r="CQ8" s="281">
        <v>0</v>
      </c>
      <c r="CR8" s="281">
        <v>0</v>
      </c>
      <c r="CS8" s="281">
        <v>0</v>
      </c>
      <c r="CT8" s="281">
        <v>0</v>
      </c>
      <c r="CU8" s="281">
        <v>0</v>
      </c>
      <c r="CV8" s="278">
        <v>0</v>
      </c>
      <c r="CW8" s="283">
        <v>0</v>
      </c>
      <c r="CX8" s="277">
        <v>0</v>
      </c>
      <c r="CY8" s="281">
        <v>0</v>
      </c>
      <c r="CZ8" s="278">
        <v>0</v>
      </c>
      <c r="DA8" s="280">
        <v>0</v>
      </c>
      <c r="DB8" s="281">
        <v>0</v>
      </c>
      <c r="DC8" s="281">
        <v>0</v>
      </c>
      <c r="DD8" s="281">
        <v>0</v>
      </c>
      <c r="DE8" s="281">
        <v>0</v>
      </c>
      <c r="DF8" s="281">
        <v>0</v>
      </c>
      <c r="DG8" s="278">
        <v>0</v>
      </c>
      <c r="DH8" s="283">
        <v>0</v>
      </c>
    </row>
    <row r="9" spans="2:112" ht="19.8" customHeight="1" x14ac:dyDescent="0.2">
      <c r="B9" s="262" t="s">
        <v>14</v>
      </c>
      <c r="C9" s="277">
        <v>0</v>
      </c>
      <c r="D9" s="281">
        <v>0</v>
      </c>
      <c r="E9" s="385">
        <v>0</v>
      </c>
      <c r="F9" s="280">
        <v>0</v>
      </c>
      <c r="G9" s="281">
        <v>984</v>
      </c>
      <c r="H9" s="281">
        <v>1694</v>
      </c>
      <c r="I9" s="281">
        <v>1079</v>
      </c>
      <c r="J9" s="281">
        <v>653</v>
      </c>
      <c r="K9" s="281">
        <v>1258</v>
      </c>
      <c r="L9" s="282">
        <v>5668</v>
      </c>
      <c r="M9" s="283">
        <v>5668</v>
      </c>
      <c r="N9" s="277">
        <v>0</v>
      </c>
      <c r="O9" s="281">
        <v>0</v>
      </c>
      <c r="P9" s="278">
        <v>0</v>
      </c>
      <c r="Q9" s="280">
        <v>0</v>
      </c>
      <c r="R9" s="281">
        <v>0</v>
      </c>
      <c r="S9" s="281">
        <v>0</v>
      </c>
      <c r="T9" s="281">
        <v>16</v>
      </c>
      <c r="U9" s="281">
        <v>21</v>
      </c>
      <c r="V9" s="281">
        <v>57</v>
      </c>
      <c r="W9" s="278">
        <v>94</v>
      </c>
      <c r="X9" s="283">
        <v>94</v>
      </c>
      <c r="Y9" s="277">
        <v>25</v>
      </c>
      <c r="Z9" s="281">
        <v>204</v>
      </c>
      <c r="AA9" s="278">
        <v>229</v>
      </c>
      <c r="AB9" s="280">
        <v>0</v>
      </c>
      <c r="AC9" s="281">
        <v>508</v>
      </c>
      <c r="AD9" s="281">
        <v>878</v>
      </c>
      <c r="AE9" s="281">
        <v>586</v>
      </c>
      <c r="AF9" s="281">
        <v>399</v>
      </c>
      <c r="AG9" s="281">
        <v>266</v>
      </c>
      <c r="AH9" s="278">
        <v>2637</v>
      </c>
      <c r="AI9" s="283">
        <v>2866</v>
      </c>
      <c r="AJ9" s="277">
        <v>10</v>
      </c>
      <c r="AK9" s="281">
        <v>26</v>
      </c>
      <c r="AL9" s="278">
        <v>36</v>
      </c>
      <c r="AM9" s="280">
        <v>0</v>
      </c>
      <c r="AN9" s="281">
        <v>38</v>
      </c>
      <c r="AO9" s="281">
        <v>24</v>
      </c>
      <c r="AP9" s="281">
        <v>16</v>
      </c>
      <c r="AQ9" s="281">
        <v>38</v>
      </c>
      <c r="AR9" s="281">
        <v>6</v>
      </c>
      <c r="AS9" s="278">
        <v>122</v>
      </c>
      <c r="AT9" s="283">
        <v>158</v>
      </c>
      <c r="AU9" s="277">
        <v>0</v>
      </c>
      <c r="AV9" s="281">
        <v>0</v>
      </c>
      <c r="AW9" s="278">
        <v>0</v>
      </c>
      <c r="AX9" s="280">
        <v>0</v>
      </c>
      <c r="AY9" s="281">
        <v>976</v>
      </c>
      <c r="AZ9" s="281">
        <v>1070</v>
      </c>
      <c r="BA9" s="281">
        <v>815</v>
      </c>
      <c r="BB9" s="281">
        <v>343</v>
      </c>
      <c r="BC9" s="281">
        <v>98</v>
      </c>
      <c r="BD9" s="282">
        <v>3302</v>
      </c>
      <c r="BE9" s="283">
        <v>3302</v>
      </c>
      <c r="BF9" s="277">
        <v>0</v>
      </c>
      <c r="BG9" s="281">
        <v>0</v>
      </c>
      <c r="BH9" s="278">
        <v>0</v>
      </c>
      <c r="BI9" s="280">
        <v>0</v>
      </c>
      <c r="BJ9" s="281">
        <v>56</v>
      </c>
      <c r="BK9" s="281">
        <v>213</v>
      </c>
      <c r="BL9" s="281">
        <v>197</v>
      </c>
      <c r="BM9" s="281">
        <v>69</v>
      </c>
      <c r="BN9" s="281">
        <v>32</v>
      </c>
      <c r="BO9" s="278">
        <v>567</v>
      </c>
      <c r="BP9" s="283">
        <v>567</v>
      </c>
      <c r="BQ9" s="277">
        <v>0</v>
      </c>
      <c r="BR9" s="281">
        <v>5</v>
      </c>
      <c r="BS9" s="278">
        <v>5</v>
      </c>
      <c r="BT9" s="280">
        <v>0</v>
      </c>
      <c r="BU9" s="281">
        <v>89</v>
      </c>
      <c r="BV9" s="281">
        <v>147</v>
      </c>
      <c r="BW9" s="281">
        <v>242</v>
      </c>
      <c r="BX9" s="281">
        <v>227</v>
      </c>
      <c r="BY9" s="281">
        <v>96</v>
      </c>
      <c r="BZ9" s="278">
        <v>801</v>
      </c>
      <c r="CA9" s="283">
        <v>806</v>
      </c>
      <c r="CB9" s="277">
        <v>0</v>
      </c>
      <c r="CC9" s="281">
        <v>0</v>
      </c>
      <c r="CD9" s="278">
        <v>0</v>
      </c>
      <c r="CE9" s="280">
        <v>0</v>
      </c>
      <c r="CF9" s="281">
        <v>0</v>
      </c>
      <c r="CG9" s="281">
        <v>14</v>
      </c>
      <c r="CH9" s="281">
        <v>12</v>
      </c>
      <c r="CI9" s="281">
        <v>24</v>
      </c>
      <c r="CJ9" s="281">
        <v>3</v>
      </c>
      <c r="CK9" s="278">
        <v>53</v>
      </c>
      <c r="CL9" s="283">
        <v>53</v>
      </c>
      <c r="CM9" s="277">
        <v>0</v>
      </c>
      <c r="CN9" s="281">
        <v>0</v>
      </c>
      <c r="CO9" s="278">
        <v>0</v>
      </c>
      <c r="CP9" s="280">
        <v>0</v>
      </c>
      <c r="CQ9" s="281">
        <v>0</v>
      </c>
      <c r="CR9" s="281">
        <v>0</v>
      </c>
      <c r="CS9" s="281">
        <v>0</v>
      </c>
      <c r="CT9" s="281">
        <v>0</v>
      </c>
      <c r="CU9" s="281">
        <v>0</v>
      </c>
      <c r="CV9" s="278">
        <v>0</v>
      </c>
      <c r="CW9" s="283">
        <v>0</v>
      </c>
      <c r="CX9" s="277">
        <v>0</v>
      </c>
      <c r="CY9" s="281">
        <v>0</v>
      </c>
      <c r="CZ9" s="278">
        <v>0</v>
      </c>
      <c r="DA9" s="280">
        <v>0</v>
      </c>
      <c r="DB9" s="281">
        <v>0</v>
      </c>
      <c r="DC9" s="281">
        <v>0</v>
      </c>
      <c r="DD9" s="281">
        <v>0</v>
      </c>
      <c r="DE9" s="281">
        <v>0</v>
      </c>
      <c r="DF9" s="281">
        <v>0</v>
      </c>
      <c r="DG9" s="278">
        <v>0</v>
      </c>
      <c r="DH9" s="283">
        <v>0</v>
      </c>
    </row>
    <row r="10" spans="2:112" ht="19.8" customHeight="1" x14ac:dyDescent="0.2">
      <c r="B10" s="262" t="s">
        <v>7</v>
      </c>
      <c r="C10" s="277">
        <v>0</v>
      </c>
      <c r="D10" s="281">
        <v>0</v>
      </c>
      <c r="E10" s="385">
        <v>0</v>
      </c>
      <c r="F10" s="280">
        <v>0</v>
      </c>
      <c r="G10" s="281">
        <v>1633</v>
      </c>
      <c r="H10" s="281">
        <v>1535</v>
      </c>
      <c r="I10" s="281">
        <v>1837</v>
      </c>
      <c r="J10" s="281">
        <v>1776</v>
      </c>
      <c r="K10" s="281">
        <v>1281</v>
      </c>
      <c r="L10" s="282">
        <v>8062</v>
      </c>
      <c r="M10" s="283">
        <v>8062</v>
      </c>
      <c r="N10" s="277">
        <v>0</v>
      </c>
      <c r="O10" s="281">
        <v>0</v>
      </c>
      <c r="P10" s="278">
        <v>0</v>
      </c>
      <c r="Q10" s="280">
        <v>0</v>
      </c>
      <c r="R10" s="281">
        <v>10</v>
      </c>
      <c r="S10" s="281">
        <v>19</v>
      </c>
      <c r="T10" s="281">
        <v>43</v>
      </c>
      <c r="U10" s="281">
        <v>74</v>
      </c>
      <c r="V10" s="281">
        <v>59</v>
      </c>
      <c r="W10" s="278">
        <v>205</v>
      </c>
      <c r="X10" s="283">
        <v>205</v>
      </c>
      <c r="Y10" s="277">
        <v>11</v>
      </c>
      <c r="Z10" s="281">
        <v>28</v>
      </c>
      <c r="AA10" s="278">
        <v>39</v>
      </c>
      <c r="AB10" s="280">
        <v>0</v>
      </c>
      <c r="AC10" s="281">
        <v>410</v>
      </c>
      <c r="AD10" s="281">
        <v>395</v>
      </c>
      <c r="AE10" s="281">
        <v>380</v>
      </c>
      <c r="AF10" s="281">
        <v>284</v>
      </c>
      <c r="AG10" s="281">
        <v>165</v>
      </c>
      <c r="AH10" s="278">
        <v>1634</v>
      </c>
      <c r="AI10" s="283">
        <v>1673</v>
      </c>
      <c r="AJ10" s="277">
        <v>0</v>
      </c>
      <c r="AK10" s="281">
        <v>12</v>
      </c>
      <c r="AL10" s="278">
        <v>12</v>
      </c>
      <c r="AM10" s="280">
        <v>0</v>
      </c>
      <c r="AN10" s="281">
        <v>24</v>
      </c>
      <c r="AO10" s="281">
        <v>10</v>
      </c>
      <c r="AP10" s="281">
        <v>74</v>
      </c>
      <c r="AQ10" s="281">
        <v>56</v>
      </c>
      <c r="AR10" s="281">
        <v>0</v>
      </c>
      <c r="AS10" s="278">
        <v>164</v>
      </c>
      <c r="AT10" s="283">
        <v>176</v>
      </c>
      <c r="AU10" s="277">
        <v>0</v>
      </c>
      <c r="AV10" s="281">
        <v>0</v>
      </c>
      <c r="AW10" s="278">
        <v>0</v>
      </c>
      <c r="AX10" s="280">
        <v>0</v>
      </c>
      <c r="AY10" s="281">
        <v>1105</v>
      </c>
      <c r="AZ10" s="281">
        <v>749</v>
      </c>
      <c r="BA10" s="281">
        <v>510</v>
      </c>
      <c r="BB10" s="281">
        <v>242</v>
      </c>
      <c r="BC10" s="281">
        <v>121</v>
      </c>
      <c r="BD10" s="282">
        <v>2727</v>
      </c>
      <c r="BE10" s="283">
        <v>2727</v>
      </c>
      <c r="BF10" s="277">
        <v>0</v>
      </c>
      <c r="BG10" s="281">
        <v>0</v>
      </c>
      <c r="BH10" s="278">
        <v>0</v>
      </c>
      <c r="BI10" s="280">
        <v>0</v>
      </c>
      <c r="BJ10" s="281">
        <v>197</v>
      </c>
      <c r="BK10" s="281">
        <v>170</v>
      </c>
      <c r="BL10" s="281">
        <v>103</v>
      </c>
      <c r="BM10" s="281">
        <v>44</v>
      </c>
      <c r="BN10" s="281">
        <v>8</v>
      </c>
      <c r="BO10" s="278">
        <v>522</v>
      </c>
      <c r="BP10" s="283">
        <v>522</v>
      </c>
      <c r="BQ10" s="277">
        <v>0</v>
      </c>
      <c r="BR10" s="281">
        <v>0</v>
      </c>
      <c r="BS10" s="278">
        <v>0</v>
      </c>
      <c r="BT10" s="280">
        <v>0</v>
      </c>
      <c r="BU10" s="281">
        <v>147</v>
      </c>
      <c r="BV10" s="281">
        <v>196</v>
      </c>
      <c r="BW10" s="281">
        <v>163</v>
      </c>
      <c r="BX10" s="281">
        <v>111</v>
      </c>
      <c r="BY10" s="281">
        <v>49</v>
      </c>
      <c r="BZ10" s="278">
        <v>666</v>
      </c>
      <c r="CA10" s="283">
        <v>666</v>
      </c>
      <c r="CB10" s="277">
        <v>0</v>
      </c>
      <c r="CC10" s="281">
        <v>0</v>
      </c>
      <c r="CD10" s="278">
        <v>0</v>
      </c>
      <c r="CE10" s="280">
        <v>0</v>
      </c>
      <c r="CF10" s="281">
        <v>14</v>
      </c>
      <c r="CG10" s="281">
        <v>0</v>
      </c>
      <c r="CH10" s="281">
        <v>8</v>
      </c>
      <c r="CI10" s="281">
        <v>0</v>
      </c>
      <c r="CJ10" s="281">
        <v>0</v>
      </c>
      <c r="CK10" s="278">
        <v>22</v>
      </c>
      <c r="CL10" s="283">
        <v>22</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row>
    <row r="11" spans="2:112" ht="19.8" customHeight="1" x14ac:dyDescent="0.2">
      <c r="B11" s="262" t="s">
        <v>8</v>
      </c>
      <c r="C11" s="277">
        <v>0</v>
      </c>
      <c r="D11" s="281">
        <v>0</v>
      </c>
      <c r="E11" s="385">
        <v>0</v>
      </c>
      <c r="F11" s="280">
        <v>0</v>
      </c>
      <c r="G11" s="281">
        <v>298</v>
      </c>
      <c r="H11" s="281">
        <v>627</v>
      </c>
      <c r="I11" s="281">
        <v>641</v>
      </c>
      <c r="J11" s="281">
        <v>625</v>
      </c>
      <c r="K11" s="281">
        <v>687</v>
      </c>
      <c r="L11" s="282">
        <v>2878</v>
      </c>
      <c r="M11" s="283">
        <v>2878</v>
      </c>
      <c r="N11" s="277">
        <v>0</v>
      </c>
      <c r="O11" s="281">
        <v>0</v>
      </c>
      <c r="P11" s="278">
        <v>0</v>
      </c>
      <c r="Q11" s="280">
        <v>0</v>
      </c>
      <c r="R11" s="281">
        <v>0</v>
      </c>
      <c r="S11" s="281">
        <v>4</v>
      </c>
      <c r="T11" s="281">
        <v>14</v>
      </c>
      <c r="U11" s="281">
        <v>13</v>
      </c>
      <c r="V11" s="281">
        <v>18</v>
      </c>
      <c r="W11" s="278">
        <v>49</v>
      </c>
      <c r="X11" s="283">
        <v>49</v>
      </c>
      <c r="Y11" s="277">
        <v>10</v>
      </c>
      <c r="Z11" s="281">
        <v>27</v>
      </c>
      <c r="AA11" s="278">
        <v>37</v>
      </c>
      <c r="AB11" s="280">
        <v>0</v>
      </c>
      <c r="AC11" s="281">
        <v>155</v>
      </c>
      <c r="AD11" s="281">
        <v>163</v>
      </c>
      <c r="AE11" s="281">
        <v>212</v>
      </c>
      <c r="AF11" s="281">
        <v>184</v>
      </c>
      <c r="AG11" s="281">
        <v>71</v>
      </c>
      <c r="AH11" s="278">
        <v>785</v>
      </c>
      <c r="AI11" s="283">
        <v>822</v>
      </c>
      <c r="AJ11" s="277">
        <v>0</v>
      </c>
      <c r="AK11" s="281">
        <v>6</v>
      </c>
      <c r="AL11" s="278">
        <v>6</v>
      </c>
      <c r="AM11" s="280">
        <v>0</v>
      </c>
      <c r="AN11" s="281">
        <v>27</v>
      </c>
      <c r="AO11" s="281">
        <v>43</v>
      </c>
      <c r="AP11" s="281">
        <v>59</v>
      </c>
      <c r="AQ11" s="281">
        <v>18</v>
      </c>
      <c r="AR11" s="281">
        <v>8</v>
      </c>
      <c r="AS11" s="278">
        <v>155</v>
      </c>
      <c r="AT11" s="283">
        <v>161</v>
      </c>
      <c r="AU11" s="277">
        <v>0</v>
      </c>
      <c r="AV11" s="281">
        <v>0</v>
      </c>
      <c r="AW11" s="278">
        <v>0</v>
      </c>
      <c r="AX11" s="280">
        <v>0</v>
      </c>
      <c r="AY11" s="281">
        <v>291</v>
      </c>
      <c r="AZ11" s="281">
        <v>414</v>
      </c>
      <c r="BA11" s="281">
        <v>262</v>
      </c>
      <c r="BB11" s="281">
        <v>162</v>
      </c>
      <c r="BC11" s="281">
        <v>38</v>
      </c>
      <c r="BD11" s="282">
        <v>1167</v>
      </c>
      <c r="BE11" s="283">
        <v>1167</v>
      </c>
      <c r="BF11" s="277">
        <v>0</v>
      </c>
      <c r="BG11" s="281">
        <v>0</v>
      </c>
      <c r="BH11" s="278">
        <v>0</v>
      </c>
      <c r="BI11" s="280">
        <v>0</v>
      </c>
      <c r="BJ11" s="281">
        <v>58</v>
      </c>
      <c r="BK11" s="281">
        <v>67</v>
      </c>
      <c r="BL11" s="281">
        <v>63</v>
      </c>
      <c r="BM11" s="281">
        <v>42</v>
      </c>
      <c r="BN11" s="281">
        <v>0</v>
      </c>
      <c r="BO11" s="278">
        <v>230</v>
      </c>
      <c r="BP11" s="283">
        <v>230</v>
      </c>
      <c r="BQ11" s="277">
        <v>0</v>
      </c>
      <c r="BR11" s="281">
        <v>15</v>
      </c>
      <c r="BS11" s="278">
        <v>15</v>
      </c>
      <c r="BT11" s="280">
        <v>0</v>
      </c>
      <c r="BU11" s="281">
        <v>43</v>
      </c>
      <c r="BV11" s="281">
        <v>38</v>
      </c>
      <c r="BW11" s="281">
        <v>99</v>
      </c>
      <c r="BX11" s="281">
        <v>25</v>
      </c>
      <c r="BY11" s="281">
        <v>0</v>
      </c>
      <c r="BZ11" s="278">
        <v>205</v>
      </c>
      <c r="CA11" s="283">
        <v>220</v>
      </c>
      <c r="CB11" s="277">
        <v>0</v>
      </c>
      <c r="CC11" s="281">
        <v>0</v>
      </c>
      <c r="CD11" s="278">
        <v>0</v>
      </c>
      <c r="CE11" s="280">
        <v>0</v>
      </c>
      <c r="CF11" s="281">
        <v>0</v>
      </c>
      <c r="CG11" s="281">
        <v>5</v>
      </c>
      <c r="CH11" s="281">
        <v>9</v>
      </c>
      <c r="CI11" s="281">
        <v>0</v>
      </c>
      <c r="CJ11" s="281">
        <v>0</v>
      </c>
      <c r="CK11" s="278">
        <v>14</v>
      </c>
      <c r="CL11" s="283">
        <v>14</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row>
    <row r="12" spans="2:112" ht="19.8" customHeight="1" x14ac:dyDescent="0.2">
      <c r="B12" s="262" t="s">
        <v>9</v>
      </c>
      <c r="C12" s="277">
        <v>0</v>
      </c>
      <c r="D12" s="281">
        <v>0</v>
      </c>
      <c r="E12" s="385">
        <v>0</v>
      </c>
      <c r="F12" s="280">
        <v>0</v>
      </c>
      <c r="G12" s="281">
        <v>533</v>
      </c>
      <c r="H12" s="281">
        <v>709</v>
      </c>
      <c r="I12" s="281">
        <v>755</v>
      </c>
      <c r="J12" s="281">
        <v>1204</v>
      </c>
      <c r="K12" s="281">
        <v>1043</v>
      </c>
      <c r="L12" s="282">
        <v>4244</v>
      </c>
      <c r="M12" s="283">
        <v>4244</v>
      </c>
      <c r="N12" s="277">
        <v>0</v>
      </c>
      <c r="O12" s="281">
        <v>0</v>
      </c>
      <c r="P12" s="278">
        <v>0</v>
      </c>
      <c r="Q12" s="280">
        <v>0</v>
      </c>
      <c r="R12" s="281">
        <v>0</v>
      </c>
      <c r="S12" s="281">
        <v>0</v>
      </c>
      <c r="T12" s="281">
        <v>12</v>
      </c>
      <c r="U12" s="281">
        <v>4</v>
      </c>
      <c r="V12" s="281">
        <v>40</v>
      </c>
      <c r="W12" s="278">
        <v>56</v>
      </c>
      <c r="X12" s="283">
        <v>56</v>
      </c>
      <c r="Y12" s="277">
        <v>0</v>
      </c>
      <c r="Z12" s="281">
        <v>38</v>
      </c>
      <c r="AA12" s="278">
        <v>38</v>
      </c>
      <c r="AB12" s="280">
        <v>0</v>
      </c>
      <c r="AC12" s="281">
        <v>391</v>
      </c>
      <c r="AD12" s="281">
        <v>282</v>
      </c>
      <c r="AE12" s="281">
        <v>242</v>
      </c>
      <c r="AF12" s="281">
        <v>197</v>
      </c>
      <c r="AG12" s="281">
        <v>251</v>
      </c>
      <c r="AH12" s="278">
        <v>1363</v>
      </c>
      <c r="AI12" s="283">
        <v>1401</v>
      </c>
      <c r="AJ12" s="277">
        <v>0</v>
      </c>
      <c r="AK12" s="281">
        <v>0</v>
      </c>
      <c r="AL12" s="278">
        <v>0</v>
      </c>
      <c r="AM12" s="280">
        <v>0</v>
      </c>
      <c r="AN12" s="281">
        <v>28</v>
      </c>
      <c r="AO12" s="281">
        <v>69</v>
      </c>
      <c r="AP12" s="281">
        <v>23</v>
      </c>
      <c r="AQ12" s="281">
        <v>113</v>
      </c>
      <c r="AR12" s="281">
        <v>9</v>
      </c>
      <c r="AS12" s="278">
        <v>242</v>
      </c>
      <c r="AT12" s="283">
        <v>242</v>
      </c>
      <c r="AU12" s="277">
        <v>0</v>
      </c>
      <c r="AV12" s="281">
        <v>0</v>
      </c>
      <c r="AW12" s="278">
        <v>0</v>
      </c>
      <c r="AX12" s="280">
        <v>0</v>
      </c>
      <c r="AY12" s="281">
        <v>374</v>
      </c>
      <c r="AZ12" s="281">
        <v>352</v>
      </c>
      <c r="BA12" s="281">
        <v>355</v>
      </c>
      <c r="BB12" s="281">
        <v>141</v>
      </c>
      <c r="BC12" s="281">
        <v>86</v>
      </c>
      <c r="BD12" s="282">
        <v>1308</v>
      </c>
      <c r="BE12" s="283">
        <v>1308</v>
      </c>
      <c r="BF12" s="277">
        <v>0</v>
      </c>
      <c r="BG12" s="281">
        <v>0</v>
      </c>
      <c r="BH12" s="278">
        <v>0</v>
      </c>
      <c r="BI12" s="280">
        <v>0</v>
      </c>
      <c r="BJ12" s="281">
        <v>133</v>
      </c>
      <c r="BK12" s="281">
        <v>127</v>
      </c>
      <c r="BL12" s="281">
        <v>62</v>
      </c>
      <c r="BM12" s="281">
        <v>102</v>
      </c>
      <c r="BN12" s="281">
        <v>8</v>
      </c>
      <c r="BO12" s="278">
        <v>432</v>
      </c>
      <c r="BP12" s="283">
        <v>432</v>
      </c>
      <c r="BQ12" s="277">
        <v>0</v>
      </c>
      <c r="BR12" s="281">
        <v>0</v>
      </c>
      <c r="BS12" s="278">
        <v>0</v>
      </c>
      <c r="BT12" s="280">
        <v>0</v>
      </c>
      <c r="BU12" s="281">
        <v>27</v>
      </c>
      <c r="BV12" s="281">
        <v>45</v>
      </c>
      <c r="BW12" s="281">
        <v>111</v>
      </c>
      <c r="BX12" s="281">
        <v>61</v>
      </c>
      <c r="BY12" s="281">
        <v>46</v>
      </c>
      <c r="BZ12" s="278">
        <v>290</v>
      </c>
      <c r="CA12" s="283">
        <v>290</v>
      </c>
      <c r="CB12" s="277">
        <v>0</v>
      </c>
      <c r="CC12" s="281">
        <v>0</v>
      </c>
      <c r="CD12" s="278">
        <v>0</v>
      </c>
      <c r="CE12" s="280">
        <v>0</v>
      </c>
      <c r="CF12" s="281">
        <v>0</v>
      </c>
      <c r="CG12" s="281">
        <v>3</v>
      </c>
      <c r="CH12" s="281">
        <v>3</v>
      </c>
      <c r="CI12" s="281">
        <v>32</v>
      </c>
      <c r="CJ12" s="281">
        <v>0</v>
      </c>
      <c r="CK12" s="278">
        <v>38</v>
      </c>
      <c r="CL12" s="283">
        <v>38</v>
      </c>
      <c r="CM12" s="277">
        <v>0</v>
      </c>
      <c r="CN12" s="281">
        <v>0</v>
      </c>
      <c r="CO12" s="278">
        <v>0</v>
      </c>
      <c r="CP12" s="280">
        <v>0</v>
      </c>
      <c r="CQ12" s="281">
        <v>0</v>
      </c>
      <c r="CR12" s="281">
        <v>0</v>
      </c>
      <c r="CS12" s="281">
        <v>0</v>
      </c>
      <c r="CT12" s="281">
        <v>0</v>
      </c>
      <c r="CU12" s="281">
        <v>0</v>
      </c>
      <c r="CV12" s="278">
        <v>0</v>
      </c>
      <c r="CW12" s="283">
        <v>0</v>
      </c>
      <c r="CX12" s="277">
        <v>0</v>
      </c>
      <c r="CY12" s="281">
        <v>0</v>
      </c>
      <c r="CZ12" s="278">
        <v>0</v>
      </c>
      <c r="DA12" s="280">
        <v>0</v>
      </c>
      <c r="DB12" s="281">
        <v>0</v>
      </c>
      <c r="DC12" s="281">
        <v>0</v>
      </c>
      <c r="DD12" s="281">
        <v>0</v>
      </c>
      <c r="DE12" s="281">
        <v>0</v>
      </c>
      <c r="DF12" s="281">
        <v>0</v>
      </c>
      <c r="DG12" s="278">
        <v>0</v>
      </c>
      <c r="DH12" s="283">
        <v>0</v>
      </c>
    </row>
    <row r="13" spans="2:112" ht="19.8" customHeight="1" x14ac:dyDescent="0.2">
      <c r="B13" s="262" t="s">
        <v>10</v>
      </c>
      <c r="C13" s="277">
        <v>0</v>
      </c>
      <c r="D13" s="281">
        <v>0</v>
      </c>
      <c r="E13" s="385">
        <v>0</v>
      </c>
      <c r="F13" s="280">
        <v>0</v>
      </c>
      <c r="G13" s="281">
        <v>1170</v>
      </c>
      <c r="H13" s="281">
        <v>1027</v>
      </c>
      <c r="I13" s="281">
        <v>1318</v>
      </c>
      <c r="J13" s="281">
        <v>889</v>
      </c>
      <c r="K13" s="281">
        <v>1294</v>
      </c>
      <c r="L13" s="282">
        <v>5698</v>
      </c>
      <c r="M13" s="283">
        <v>5698</v>
      </c>
      <c r="N13" s="277">
        <v>0</v>
      </c>
      <c r="O13" s="281">
        <v>0</v>
      </c>
      <c r="P13" s="278">
        <v>0</v>
      </c>
      <c r="Q13" s="280">
        <v>0</v>
      </c>
      <c r="R13" s="281">
        <v>0</v>
      </c>
      <c r="S13" s="281">
        <v>3</v>
      </c>
      <c r="T13" s="281">
        <v>12</v>
      </c>
      <c r="U13" s="281">
        <v>66</v>
      </c>
      <c r="V13" s="281">
        <v>54</v>
      </c>
      <c r="W13" s="278">
        <v>135</v>
      </c>
      <c r="X13" s="283">
        <v>135</v>
      </c>
      <c r="Y13" s="277">
        <v>90</v>
      </c>
      <c r="Z13" s="281">
        <v>104</v>
      </c>
      <c r="AA13" s="278">
        <v>194</v>
      </c>
      <c r="AB13" s="280">
        <v>0</v>
      </c>
      <c r="AC13" s="281">
        <v>723</v>
      </c>
      <c r="AD13" s="281">
        <v>497</v>
      </c>
      <c r="AE13" s="281">
        <v>295</v>
      </c>
      <c r="AF13" s="281">
        <v>335</v>
      </c>
      <c r="AG13" s="281">
        <v>265</v>
      </c>
      <c r="AH13" s="278">
        <v>2115</v>
      </c>
      <c r="AI13" s="283">
        <v>2309</v>
      </c>
      <c r="AJ13" s="277">
        <v>10</v>
      </c>
      <c r="AK13" s="281">
        <v>49</v>
      </c>
      <c r="AL13" s="278">
        <v>59</v>
      </c>
      <c r="AM13" s="280">
        <v>0</v>
      </c>
      <c r="AN13" s="281">
        <v>135</v>
      </c>
      <c r="AO13" s="281">
        <v>36</v>
      </c>
      <c r="AP13" s="281">
        <v>45</v>
      </c>
      <c r="AQ13" s="281">
        <v>38</v>
      </c>
      <c r="AR13" s="281">
        <v>35</v>
      </c>
      <c r="AS13" s="278">
        <v>289</v>
      </c>
      <c r="AT13" s="283">
        <v>348</v>
      </c>
      <c r="AU13" s="277">
        <v>0</v>
      </c>
      <c r="AV13" s="281">
        <v>0</v>
      </c>
      <c r="AW13" s="278">
        <v>0</v>
      </c>
      <c r="AX13" s="280">
        <v>0</v>
      </c>
      <c r="AY13" s="281">
        <v>1114</v>
      </c>
      <c r="AZ13" s="281">
        <v>674</v>
      </c>
      <c r="BA13" s="281">
        <v>497</v>
      </c>
      <c r="BB13" s="281">
        <v>173</v>
      </c>
      <c r="BC13" s="281">
        <v>45</v>
      </c>
      <c r="BD13" s="282">
        <v>2503</v>
      </c>
      <c r="BE13" s="283">
        <v>2503</v>
      </c>
      <c r="BF13" s="277">
        <v>0</v>
      </c>
      <c r="BG13" s="281">
        <v>0</v>
      </c>
      <c r="BH13" s="278">
        <v>0</v>
      </c>
      <c r="BI13" s="280">
        <v>0</v>
      </c>
      <c r="BJ13" s="281">
        <v>140</v>
      </c>
      <c r="BK13" s="281">
        <v>50</v>
      </c>
      <c r="BL13" s="281">
        <v>77</v>
      </c>
      <c r="BM13" s="281">
        <v>24</v>
      </c>
      <c r="BN13" s="281">
        <v>8</v>
      </c>
      <c r="BO13" s="278">
        <v>299</v>
      </c>
      <c r="BP13" s="283">
        <v>299</v>
      </c>
      <c r="BQ13" s="277">
        <v>0</v>
      </c>
      <c r="BR13" s="281">
        <v>1</v>
      </c>
      <c r="BS13" s="278">
        <v>1</v>
      </c>
      <c r="BT13" s="280">
        <v>0</v>
      </c>
      <c r="BU13" s="281">
        <v>143</v>
      </c>
      <c r="BV13" s="281">
        <v>147</v>
      </c>
      <c r="BW13" s="281">
        <v>312</v>
      </c>
      <c r="BX13" s="281">
        <v>128</v>
      </c>
      <c r="BY13" s="281">
        <v>32</v>
      </c>
      <c r="BZ13" s="278">
        <v>762</v>
      </c>
      <c r="CA13" s="283">
        <v>763</v>
      </c>
      <c r="CB13" s="277">
        <v>0</v>
      </c>
      <c r="CC13" s="281">
        <v>0</v>
      </c>
      <c r="CD13" s="278">
        <v>0</v>
      </c>
      <c r="CE13" s="280">
        <v>0</v>
      </c>
      <c r="CF13" s="281">
        <v>19</v>
      </c>
      <c r="CG13" s="281">
        <v>18</v>
      </c>
      <c r="CH13" s="281">
        <v>5</v>
      </c>
      <c r="CI13" s="281">
        <v>20</v>
      </c>
      <c r="CJ13" s="281">
        <v>0</v>
      </c>
      <c r="CK13" s="278">
        <v>62</v>
      </c>
      <c r="CL13" s="283">
        <v>62</v>
      </c>
      <c r="CM13" s="277">
        <v>0</v>
      </c>
      <c r="CN13" s="281">
        <v>0</v>
      </c>
      <c r="CO13" s="278">
        <v>0</v>
      </c>
      <c r="CP13" s="280">
        <v>0</v>
      </c>
      <c r="CQ13" s="281">
        <v>0</v>
      </c>
      <c r="CR13" s="281">
        <v>0</v>
      </c>
      <c r="CS13" s="281">
        <v>0</v>
      </c>
      <c r="CT13" s="281">
        <v>0</v>
      </c>
      <c r="CU13" s="281">
        <v>0</v>
      </c>
      <c r="CV13" s="278">
        <v>0</v>
      </c>
      <c r="CW13" s="283">
        <v>0</v>
      </c>
      <c r="CX13" s="277">
        <v>0</v>
      </c>
      <c r="CY13" s="281">
        <v>0</v>
      </c>
      <c r="CZ13" s="278">
        <v>0</v>
      </c>
      <c r="DA13" s="280">
        <v>0</v>
      </c>
      <c r="DB13" s="281">
        <v>0</v>
      </c>
      <c r="DC13" s="281">
        <v>0</v>
      </c>
      <c r="DD13" s="281">
        <v>0</v>
      </c>
      <c r="DE13" s="281">
        <v>0</v>
      </c>
      <c r="DF13" s="281">
        <v>0</v>
      </c>
      <c r="DG13" s="278">
        <v>0</v>
      </c>
      <c r="DH13" s="283">
        <v>0</v>
      </c>
    </row>
    <row r="14" spans="2:112" ht="19.8" customHeight="1" x14ac:dyDescent="0.2">
      <c r="B14" s="262" t="s">
        <v>11</v>
      </c>
      <c r="C14" s="277">
        <v>0</v>
      </c>
      <c r="D14" s="281">
        <v>0</v>
      </c>
      <c r="E14" s="385">
        <v>0</v>
      </c>
      <c r="F14" s="280">
        <v>0</v>
      </c>
      <c r="G14" s="281">
        <v>133</v>
      </c>
      <c r="H14" s="281">
        <v>208</v>
      </c>
      <c r="I14" s="281">
        <v>847</v>
      </c>
      <c r="J14" s="281">
        <v>440</v>
      </c>
      <c r="K14" s="281">
        <v>200</v>
      </c>
      <c r="L14" s="282">
        <v>1828</v>
      </c>
      <c r="M14" s="283">
        <v>1828</v>
      </c>
      <c r="N14" s="277">
        <v>0</v>
      </c>
      <c r="O14" s="281">
        <v>0</v>
      </c>
      <c r="P14" s="278">
        <v>0</v>
      </c>
      <c r="Q14" s="280">
        <v>0</v>
      </c>
      <c r="R14" s="281">
        <v>0</v>
      </c>
      <c r="S14" s="281">
        <v>0</v>
      </c>
      <c r="T14" s="281">
        <v>13</v>
      </c>
      <c r="U14" s="281">
        <v>27</v>
      </c>
      <c r="V14" s="281">
        <v>13</v>
      </c>
      <c r="W14" s="278">
        <v>53</v>
      </c>
      <c r="X14" s="283">
        <v>53</v>
      </c>
      <c r="Y14" s="277">
        <v>9</v>
      </c>
      <c r="Z14" s="281">
        <v>11</v>
      </c>
      <c r="AA14" s="278">
        <v>20</v>
      </c>
      <c r="AB14" s="280">
        <v>0</v>
      </c>
      <c r="AC14" s="281">
        <v>175</v>
      </c>
      <c r="AD14" s="281">
        <v>131</v>
      </c>
      <c r="AE14" s="281">
        <v>215</v>
      </c>
      <c r="AF14" s="281">
        <v>129</v>
      </c>
      <c r="AG14" s="281">
        <v>112</v>
      </c>
      <c r="AH14" s="278">
        <v>762</v>
      </c>
      <c r="AI14" s="283">
        <v>782</v>
      </c>
      <c r="AJ14" s="277">
        <v>0</v>
      </c>
      <c r="AK14" s="281">
        <v>24</v>
      </c>
      <c r="AL14" s="278">
        <v>24</v>
      </c>
      <c r="AM14" s="280">
        <v>0</v>
      </c>
      <c r="AN14" s="281">
        <v>8</v>
      </c>
      <c r="AO14" s="281">
        <v>15</v>
      </c>
      <c r="AP14" s="281">
        <v>12</v>
      </c>
      <c r="AQ14" s="281">
        <v>91</v>
      </c>
      <c r="AR14" s="281">
        <v>0</v>
      </c>
      <c r="AS14" s="278">
        <v>126</v>
      </c>
      <c r="AT14" s="283">
        <v>150</v>
      </c>
      <c r="AU14" s="277">
        <v>0</v>
      </c>
      <c r="AV14" s="281">
        <v>0</v>
      </c>
      <c r="AW14" s="278">
        <v>0</v>
      </c>
      <c r="AX14" s="280">
        <v>0</v>
      </c>
      <c r="AY14" s="281">
        <v>295</v>
      </c>
      <c r="AZ14" s="281">
        <v>193</v>
      </c>
      <c r="BA14" s="281">
        <v>226</v>
      </c>
      <c r="BB14" s="281">
        <v>183</v>
      </c>
      <c r="BC14" s="281">
        <v>4</v>
      </c>
      <c r="BD14" s="282">
        <v>901</v>
      </c>
      <c r="BE14" s="283">
        <v>901</v>
      </c>
      <c r="BF14" s="277">
        <v>0</v>
      </c>
      <c r="BG14" s="281">
        <v>0</v>
      </c>
      <c r="BH14" s="278">
        <v>0</v>
      </c>
      <c r="BI14" s="280">
        <v>0</v>
      </c>
      <c r="BJ14" s="281">
        <v>124</v>
      </c>
      <c r="BK14" s="281">
        <v>75</v>
      </c>
      <c r="BL14" s="281">
        <v>33</v>
      </c>
      <c r="BM14" s="281">
        <v>60</v>
      </c>
      <c r="BN14" s="281">
        <v>7</v>
      </c>
      <c r="BO14" s="278">
        <v>299</v>
      </c>
      <c r="BP14" s="283">
        <v>299</v>
      </c>
      <c r="BQ14" s="277">
        <v>2</v>
      </c>
      <c r="BR14" s="281">
        <v>0</v>
      </c>
      <c r="BS14" s="278">
        <v>2</v>
      </c>
      <c r="BT14" s="280">
        <v>0</v>
      </c>
      <c r="BU14" s="281">
        <v>63</v>
      </c>
      <c r="BV14" s="281">
        <v>73</v>
      </c>
      <c r="BW14" s="281">
        <v>101</v>
      </c>
      <c r="BX14" s="281">
        <v>59</v>
      </c>
      <c r="BY14" s="281">
        <v>0</v>
      </c>
      <c r="BZ14" s="278">
        <v>296</v>
      </c>
      <c r="CA14" s="283">
        <v>298</v>
      </c>
      <c r="CB14" s="277">
        <v>0</v>
      </c>
      <c r="CC14" s="281">
        <v>0</v>
      </c>
      <c r="CD14" s="278">
        <v>0</v>
      </c>
      <c r="CE14" s="280">
        <v>0</v>
      </c>
      <c r="CF14" s="281">
        <v>0</v>
      </c>
      <c r="CG14" s="281">
        <v>17</v>
      </c>
      <c r="CH14" s="281">
        <v>0</v>
      </c>
      <c r="CI14" s="281">
        <v>0</v>
      </c>
      <c r="CJ14" s="281">
        <v>0</v>
      </c>
      <c r="CK14" s="278">
        <v>17</v>
      </c>
      <c r="CL14" s="283">
        <v>17</v>
      </c>
      <c r="CM14" s="277">
        <v>0</v>
      </c>
      <c r="CN14" s="281">
        <v>0</v>
      </c>
      <c r="CO14" s="278">
        <v>0</v>
      </c>
      <c r="CP14" s="280">
        <v>0</v>
      </c>
      <c r="CQ14" s="281">
        <v>0</v>
      </c>
      <c r="CR14" s="281">
        <v>0</v>
      </c>
      <c r="CS14" s="281">
        <v>0</v>
      </c>
      <c r="CT14" s="281">
        <v>0</v>
      </c>
      <c r="CU14" s="281">
        <v>0</v>
      </c>
      <c r="CV14" s="278">
        <v>0</v>
      </c>
      <c r="CW14" s="283">
        <v>0</v>
      </c>
      <c r="CX14" s="277">
        <v>0</v>
      </c>
      <c r="CY14" s="281">
        <v>0</v>
      </c>
      <c r="CZ14" s="278">
        <v>0</v>
      </c>
      <c r="DA14" s="280">
        <v>0</v>
      </c>
      <c r="DB14" s="281">
        <v>0</v>
      </c>
      <c r="DC14" s="281">
        <v>0</v>
      </c>
      <c r="DD14" s="281">
        <v>0</v>
      </c>
      <c r="DE14" s="281">
        <v>0</v>
      </c>
      <c r="DF14" s="281">
        <v>0</v>
      </c>
      <c r="DG14" s="278">
        <v>0</v>
      </c>
      <c r="DH14" s="283">
        <v>0</v>
      </c>
    </row>
    <row r="15" spans="2:112" ht="19.8" customHeight="1" x14ac:dyDescent="0.2">
      <c r="B15" s="262" t="s">
        <v>12</v>
      </c>
      <c r="C15" s="277">
        <v>0</v>
      </c>
      <c r="D15" s="281">
        <v>0</v>
      </c>
      <c r="E15" s="385">
        <v>0</v>
      </c>
      <c r="F15" s="280">
        <v>0</v>
      </c>
      <c r="G15" s="281">
        <v>471</v>
      </c>
      <c r="H15" s="281">
        <v>543</v>
      </c>
      <c r="I15" s="281">
        <v>611</v>
      </c>
      <c r="J15" s="281">
        <v>911</v>
      </c>
      <c r="K15" s="281">
        <v>828</v>
      </c>
      <c r="L15" s="282">
        <v>3364</v>
      </c>
      <c r="M15" s="283">
        <v>3364</v>
      </c>
      <c r="N15" s="277">
        <v>0</v>
      </c>
      <c r="O15" s="281">
        <v>0</v>
      </c>
      <c r="P15" s="278">
        <v>0</v>
      </c>
      <c r="Q15" s="280">
        <v>0</v>
      </c>
      <c r="R15" s="281">
        <v>0</v>
      </c>
      <c r="S15" s="281">
        <v>3</v>
      </c>
      <c r="T15" s="281">
        <v>5</v>
      </c>
      <c r="U15" s="281">
        <v>8</v>
      </c>
      <c r="V15" s="281">
        <v>31</v>
      </c>
      <c r="W15" s="278">
        <v>47</v>
      </c>
      <c r="X15" s="283">
        <v>47</v>
      </c>
      <c r="Y15" s="277">
        <v>63</v>
      </c>
      <c r="Z15" s="281">
        <v>97</v>
      </c>
      <c r="AA15" s="278">
        <v>160</v>
      </c>
      <c r="AB15" s="280">
        <v>0</v>
      </c>
      <c r="AC15" s="281">
        <v>159</v>
      </c>
      <c r="AD15" s="281">
        <v>275</v>
      </c>
      <c r="AE15" s="281">
        <v>194</v>
      </c>
      <c r="AF15" s="281">
        <v>45</v>
      </c>
      <c r="AG15" s="281">
        <v>112</v>
      </c>
      <c r="AH15" s="278">
        <v>785</v>
      </c>
      <c r="AI15" s="283">
        <v>945</v>
      </c>
      <c r="AJ15" s="277">
        <v>0</v>
      </c>
      <c r="AK15" s="281">
        <v>0</v>
      </c>
      <c r="AL15" s="278">
        <v>0</v>
      </c>
      <c r="AM15" s="280">
        <v>0</v>
      </c>
      <c r="AN15" s="281">
        <v>8</v>
      </c>
      <c r="AO15" s="281">
        <v>129</v>
      </c>
      <c r="AP15" s="281">
        <v>50</v>
      </c>
      <c r="AQ15" s="281">
        <v>12</v>
      </c>
      <c r="AR15" s="281">
        <v>10</v>
      </c>
      <c r="AS15" s="278">
        <v>209</v>
      </c>
      <c r="AT15" s="283">
        <v>209</v>
      </c>
      <c r="AU15" s="277">
        <v>0</v>
      </c>
      <c r="AV15" s="281">
        <v>0</v>
      </c>
      <c r="AW15" s="278">
        <v>0</v>
      </c>
      <c r="AX15" s="280">
        <v>0</v>
      </c>
      <c r="AY15" s="281">
        <v>487</v>
      </c>
      <c r="AZ15" s="281">
        <v>246</v>
      </c>
      <c r="BA15" s="281">
        <v>249</v>
      </c>
      <c r="BB15" s="281">
        <v>39</v>
      </c>
      <c r="BC15" s="281">
        <v>42</v>
      </c>
      <c r="BD15" s="282">
        <v>1063</v>
      </c>
      <c r="BE15" s="283">
        <v>1063</v>
      </c>
      <c r="BF15" s="277">
        <v>0</v>
      </c>
      <c r="BG15" s="281">
        <v>0</v>
      </c>
      <c r="BH15" s="278">
        <v>0</v>
      </c>
      <c r="BI15" s="280">
        <v>0</v>
      </c>
      <c r="BJ15" s="281">
        <v>144</v>
      </c>
      <c r="BK15" s="281">
        <v>117</v>
      </c>
      <c r="BL15" s="281">
        <v>105</v>
      </c>
      <c r="BM15" s="281">
        <v>42</v>
      </c>
      <c r="BN15" s="281">
        <v>0</v>
      </c>
      <c r="BO15" s="278">
        <v>408</v>
      </c>
      <c r="BP15" s="283">
        <v>408</v>
      </c>
      <c r="BQ15" s="277">
        <v>19</v>
      </c>
      <c r="BR15" s="281">
        <v>0</v>
      </c>
      <c r="BS15" s="278">
        <v>19</v>
      </c>
      <c r="BT15" s="280">
        <v>0</v>
      </c>
      <c r="BU15" s="281">
        <v>41</v>
      </c>
      <c r="BV15" s="281">
        <v>62</v>
      </c>
      <c r="BW15" s="281">
        <v>75</v>
      </c>
      <c r="BX15" s="281">
        <v>113</v>
      </c>
      <c r="BY15" s="281">
        <v>36</v>
      </c>
      <c r="BZ15" s="278">
        <v>327</v>
      </c>
      <c r="CA15" s="283">
        <v>346</v>
      </c>
      <c r="CB15" s="277">
        <v>0</v>
      </c>
      <c r="CC15" s="281">
        <v>0</v>
      </c>
      <c r="CD15" s="278">
        <v>0</v>
      </c>
      <c r="CE15" s="280">
        <v>0</v>
      </c>
      <c r="CF15" s="281">
        <v>0</v>
      </c>
      <c r="CG15" s="281">
        <v>7</v>
      </c>
      <c r="CH15" s="281">
        <v>15</v>
      </c>
      <c r="CI15" s="281">
        <v>0</v>
      </c>
      <c r="CJ15" s="281">
        <v>0</v>
      </c>
      <c r="CK15" s="278">
        <v>22</v>
      </c>
      <c r="CL15" s="283">
        <v>22</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row>
    <row r="16" spans="2:112" ht="19.8" customHeight="1" x14ac:dyDescent="0.2">
      <c r="B16" s="262" t="s">
        <v>13</v>
      </c>
      <c r="C16" s="277">
        <v>0</v>
      </c>
      <c r="D16" s="281">
        <v>0</v>
      </c>
      <c r="E16" s="385">
        <v>0</v>
      </c>
      <c r="F16" s="280">
        <v>0</v>
      </c>
      <c r="G16" s="281">
        <v>193</v>
      </c>
      <c r="H16" s="281">
        <v>310</v>
      </c>
      <c r="I16" s="281">
        <v>318</v>
      </c>
      <c r="J16" s="281">
        <v>674</v>
      </c>
      <c r="K16" s="281">
        <v>365</v>
      </c>
      <c r="L16" s="282">
        <v>1860</v>
      </c>
      <c r="M16" s="283">
        <v>1860</v>
      </c>
      <c r="N16" s="277">
        <v>0</v>
      </c>
      <c r="O16" s="281">
        <v>0</v>
      </c>
      <c r="P16" s="278">
        <v>0</v>
      </c>
      <c r="Q16" s="280">
        <v>0</v>
      </c>
      <c r="R16" s="281">
        <v>0</v>
      </c>
      <c r="S16" s="281">
        <v>0</v>
      </c>
      <c r="T16" s="281">
        <v>0</v>
      </c>
      <c r="U16" s="281">
        <v>8</v>
      </c>
      <c r="V16" s="281">
        <v>28</v>
      </c>
      <c r="W16" s="278">
        <v>36</v>
      </c>
      <c r="X16" s="283">
        <v>36</v>
      </c>
      <c r="Y16" s="277">
        <v>6</v>
      </c>
      <c r="Z16" s="281">
        <v>5</v>
      </c>
      <c r="AA16" s="278">
        <v>11</v>
      </c>
      <c r="AB16" s="280">
        <v>0</v>
      </c>
      <c r="AC16" s="281">
        <v>37</v>
      </c>
      <c r="AD16" s="281">
        <v>105</v>
      </c>
      <c r="AE16" s="281">
        <v>73</v>
      </c>
      <c r="AF16" s="281">
        <v>112</v>
      </c>
      <c r="AG16" s="281">
        <v>89</v>
      </c>
      <c r="AH16" s="278">
        <v>416</v>
      </c>
      <c r="AI16" s="283">
        <v>427</v>
      </c>
      <c r="AJ16" s="277">
        <v>0</v>
      </c>
      <c r="AK16" s="281">
        <v>0</v>
      </c>
      <c r="AL16" s="278">
        <v>0</v>
      </c>
      <c r="AM16" s="280">
        <v>0</v>
      </c>
      <c r="AN16" s="281">
        <v>27</v>
      </c>
      <c r="AO16" s="281">
        <v>9</v>
      </c>
      <c r="AP16" s="281">
        <v>0</v>
      </c>
      <c r="AQ16" s="281">
        <v>8</v>
      </c>
      <c r="AR16" s="281">
        <v>6</v>
      </c>
      <c r="AS16" s="278">
        <v>50</v>
      </c>
      <c r="AT16" s="283">
        <v>50</v>
      </c>
      <c r="AU16" s="277">
        <v>0</v>
      </c>
      <c r="AV16" s="281">
        <v>0</v>
      </c>
      <c r="AW16" s="278">
        <v>0</v>
      </c>
      <c r="AX16" s="280">
        <v>0</v>
      </c>
      <c r="AY16" s="281">
        <v>111</v>
      </c>
      <c r="AZ16" s="281">
        <v>174</v>
      </c>
      <c r="BA16" s="281">
        <v>114</v>
      </c>
      <c r="BB16" s="281">
        <v>92</v>
      </c>
      <c r="BC16" s="281">
        <v>23</v>
      </c>
      <c r="BD16" s="282">
        <v>514</v>
      </c>
      <c r="BE16" s="283">
        <v>514</v>
      </c>
      <c r="BF16" s="277">
        <v>0</v>
      </c>
      <c r="BG16" s="281">
        <v>0</v>
      </c>
      <c r="BH16" s="278">
        <v>0</v>
      </c>
      <c r="BI16" s="280">
        <v>0</v>
      </c>
      <c r="BJ16" s="281">
        <v>19</v>
      </c>
      <c r="BK16" s="281">
        <v>40</v>
      </c>
      <c r="BL16" s="281">
        <v>18</v>
      </c>
      <c r="BM16" s="281">
        <v>30</v>
      </c>
      <c r="BN16" s="281">
        <v>0</v>
      </c>
      <c r="BO16" s="278">
        <v>107</v>
      </c>
      <c r="BP16" s="283">
        <v>107</v>
      </c>
      <c r="BQ16" s="277">
        <v>0</v>
      </c>
      <c r="BR16" s="281">
        <v>0</v>
      </c>
      <c r="BS16" s="278">
        <v>0</v>
      </c>
      <c r="BT16" s="280">
        <v>0</v>
      </c>
      <c r="BU16" s="281">
        <v>19</v>
      </c>
      <c r="BV16" s="281">
        <v>18</v>
      </c>
      <c r="BW16" s="281">
        <v>34</v>
      </c>
      <c r="BX16" s="281">
        <v>57</v>
      </c>
      <c r="BY16" s="281">
        <v>12</v>
      </c>
      <c r="BZ16" s="278">
        <v>140</v>
      </c>
      <c r="CA16" s="283">
        <v>140</v>
      </c>
      <c r="CB16" s="277">
        <v>0</v>
      </c>
      <c r="CC16" s="281">
        <v>0</v>
      </c>
      <c r="CD16" s="278">
        <v>0</v>
      </c>
      <c r="CE16" s="280">
        <v>0</v>
      </c>
      <c r="CF16" s="281">
        <v>0</v>
      </c>
      <c r="CG16" s="281">
        <v>23</v>
      </c>
      <c r="CH16" s="281">
        <v>0</v>
      </c>
      <c r="CI16" s="281">
        <v>0</v>
      </c>
      <c r="CJ16" s="281">
        <v>0</v>
      </c>
      <c r="CK16" s="278">
        <v>23</v>
      </c>
      <c r="CL16" s="283">
        <v>23</v>
      </c>
      <c r="CM16" s="277">
        <v>0</v>
      </c>
      <c r="CN16" s="281">
        <v>0</v>
      </c>
      <c r="CO16" s="278">
        <v>0</v>
      </c>
      <c r="CP16" s="280">
        <v>0</v>
      </c>
      <c r="CQ16" s="281">
        <v>0</v>
      </c>
      <c r="CR16" s="281">
        <v>0</v>
      </c>
      <c r="CS16" s="281">
        <v>0</v>
      </c>
      <c r="CT16" s="281">
        <v>0</v>
      </c>
      <c r="CU16" s="281">
        <v>0</v>
      </c>
      <c r="CV16" s="278">
        <v>0</v>
      </c>
      <c r="CW16" s="283">
        <v>0</v>
      </c>
      <c r="CX16" s="277">
        <v>0</v>
      </c>
      <c r="CY16" s="281">
        <v>0</v>
      </c>
      <c r="CZ16" s="278">
        <v>0</v>
      </c>
      <c r="DA16" s="280">
        <v>0</v>
      </c>
      <c r="DB16" s="281">
        <v>0</v>
      </c>
      <c r="DC16" s="281">
        <v>0</v>
      </c>
      <c r="DD16" s="281">
        <v>0</v>
      </c>
      <c r="DE16" s="281">
        <v>0</v>
      </c>
      <c r="DF16" s="281">
        <v>0</v>
      </c>
      <c r="DG16" s="278">
        <v>0</v>
      </c>
      <c r="DH16" s="283">
        <v>0</v>
      </c>
    </row>
    <row r="17" spans="2:112" ht="19.8" customHeight="1" x14ac:dyDescent="0.2">
      <c r="B17" s="262" t="s">
        <v>15</v>
      </c>
      <c r="C17" s="277">
        <v>0</v>
      </c>
      <c r="D17" s="281">
        <v>0</v>
      </c>
      <c r="E17" s="385">
        <v>0</v>
      </c>
      <c r="F17" s="280">
        <v>0</v>
      </c>
      <c r="G17" s="281">
        <v>74</v>
      </c>
      <c r="H17" s="281">
        <v>66</v>
      </c>
      <c r="I17" s="281">
        <v>237</v>
      </c>
      <c r="J17" s="281">
        <v>26</v>
      </c>
      <c r="K17" s="281">
        <v>106</v>
      </c>
      <c r="L17" s="282">
        <v>509</v>
      </c>
      <c r="M17" s="283">
        <v>509</v>
      </c>
      <c r="N17" s="277">
        <v>0</v>
      </c>
      <c r="O17" s="281">
        <v>0</v>
      </c>
      <c r="P17" s="278">
        <v>0</v>
      </c>
      <c r="Q17" s="280">
        <v>0</v>
      </c>
      <c r="R17" s="281">
        <v>0</v>
      </c>
      <c r="S17" s="281">
        <v>0</v>
      </c>
      <c r="T17" s="281">
        <v>0</v>
      </c>
      <c r="U17" s="281">
        <v>24</v>
      </c>
      <c r="V17" s="281">
        <v>0</v>
      </c>
      <c r="W17" s="278">
        <v>24</v>
      </c>
      <c r="X17" s="283">
        <v>24</v>
      </c>
      <c r="Y17" s="277">
        <v>0</v>
      </c>
      <c r="Z17" s="281">
        <v>8</v>
      </c>
      <c r="AA17" s="278">
        <v>8</v>
      </c>
      <c r="AB17" s="280">
        <v>0</v>
      </c>
      <c r="AC17" s="281">
        <v>22</v>
      </c>
      <c r="AD17" s="281">
        <v>57</v>
      </c>
      <c r="AE17" s="281">
        <v>4</v>
      </c>
      <c r="AF17" s="281">
        <v>23</v>
      </c>
      <c r="AG17" s="281">
        <v>2</v>
      </c>
      <c r="AH17" s="278">
        <v>108</v>
      </c>
      <c r="AI17" s="283">
        <v>116</v>
      </c>
      <c r="AJ17" s="277">
        <v>0</v>
      </c>
      <c r="AK17" s="281">
        <v>0</v>
      </c>
      <c r="AL17" s="278">
        <v>0</v>
      </c>
      <c r="AM17" s="280">
        <v>0</v>
      </c>
      <c r="AN17" s="281">
        <v>10</v>
      </c>
      <c r="AO17" s="281">
        <v>12</v>
      </c>
      <c r="AP17" s="281">
        <v>0</v>
      </c>
      <c r="AQ17" s="281">
        <v>0</v>
      </c>
      <c r="AR17" s="281">
        <v>12</v>
      </c>
      <c r="AS17" s="278">
        <v>34</v>
      </c>
      <c r="AT17" s="283">
        <v>34</v>
      </c>
      <c r="AU17" s="277">
        <v>0</v>
      </c>
      <c r="AV17" s="281">
        <v>0</v>
      </c>
      <c r="AW17" s="278">
        <v>0</v>
      </c>
      <c r="AX17" s="280">
        <v>0</v>
      </c>
      <c r="AY17" s="281">
        <v>14</v>
      </c>
      <c r="AZ17" s="281">
        <v>49</v>
      </c>
      <c r="BA17" s="281">
        <v>25</v>
      </c>
      <c r="BB17" s="281">
        <v>0</v>
      </c>
      <c r="BC17" s="281">
        <v>0</v>
      </c>
      <c r="BD17" s="282">
        <v>88</v>
      </c>
      <c r="BE17" s="283">
        <v>88</v>
      </c>
      <c r="BF17" s="277">
        <v>0</v>
      </c>
      <c r="BG17" s="281">
        <v>0</v>
      </c>
      <c r="BH17" s="278">
        <v>0</v>
      </c>
      <c r="BI17" s="280">
        <v>0</v>
      </c>
      <c r="BJ17" s="281">
        <v>6</v>
      </c>
      <c r="BK17" s="281">
        <v>5</v>
      </c>
      <c r="BL17" s="281">
        <v>39</v>
      </c>
      <c r="BM17" s="281">
        <v>0</v>
      </c>
      <c r="BN17" s="281">
        <v>0</v>
      </c>
      <c r="BO17" s="278">
        <v>50</v>
      </c>
      <c r="BP17" s="283">
        <v>50</v>
      </c>
      <c r="BQ17" s="277">
        <v>0</v>
      </c>
      <c r="BR17" s="281">
        <v>0</v>
      </c>
      <c r="BS17" s="278">
        <v>0</v>
      </c>
      <c r="BT17" s="280">
        <v>0</v>
      </c>
      <c r="BU17" s="281">
        <v>0</v>
      </c>
      <c r="BV17" s="281">
        <v>0</v>
      </c>
      <c r="BW17" s="281">
        <v>29</v>
      </c>
      <c r="BX17" s="281">
        <v>65</v>
      </c>
      <c r="BY17" s="281">
        <v>3</v>
      </c>
      <c r="BZ17" s="278">
        <v>97</v>
      </c>
      <c r="CA17" s="283">
        <v>97</v>
      </c>
      <c r="CB17" s="277">
        <v>0</v>
      </c>
      <c r="CC17" s="281">
        <v>0</v>
      </c>
      <c r="CD17" s="278">
        <v>0</v>
      </c>
      <c r="CE17" s="280">
        <v>0</v>
      </c>
      <c r="CF17" s="281">
        <v>0</v>
      </c>
      <c r="CG17" s="281">
        <v>0</v>
      </c>
      <c r="CH17" s="281">
        <v>0</v>
      </c>
      <c r="CI17" s="281">
        <v>0</v>
      </c>
      <c r="CJ17" s="281">
        <v>0</v>
      </c>
      <c r="CK17" s="278">
        <v>0</v>
      </c>
      <c r="CL17" s="283">
        <v>0</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row>
    <row r="18" spans="2:112" ht="19.8" customHeight="1" x14ac:dyDescent="0.2">
      <c r="B18" s="262" t="s">
        <v>16</v>
      </c>
      <c r="C18" s="277">
        <v>0</v>
      </c>
      <c r="D18" s="281">
        <v>0</v>
      </c>
      <c r="E18" s="385">
        <v>0</v>
      </c>
      <c r="F18" s="280">
        <v>0</v>
      </c>
      <c r="G18" s="281">
        <v>104</v>
      </c>
      <c r="H18" s="281">
        <v>129</v>
      </c>
      <c r="I18" s="281">
        <v>125</v>
      </c>
      <c r="J18" s="281">
        <v>66</v>
      </c>
      <c r="K18" s="281">
        <v>175</v>
      </c>
      <c r="L18" s="282">
        <v>599</v>
      </c>
      <c r="M18" s="283">
        <v>599</v>
      </c>
      <c r="N18" s="277">
        <v>0</v>
      </c>
      <c r="O18" s="281">
        <v>0</v>
      </c>
      <c r="P18" s="278">
        <v>0</v>
      </c>
      <c r="Q18" s="280">
        <v>0</v>
      </c>
      <c r="R18" s="281">
        <v>0</v>
      </c>
      <c r="S18" s="281">
        <v>3</v>
      </c>
      <c r="T18" s="281">
        <v>0</v>
      </c>
      <c r="U18" s="281">
        <v>2</v>
      </c>
      <c r="V18" s="281">
        <v>7</v>
      </c>
      <c r="W18" s="278">
        <v>12</v>
      </c>
      <c r="X18" s="283">
        <v>12</v>
      </c>
      <c r="Y18" s="277">
        <v>11</v>
      </c>
      <c r="Z18" s="281">
        <v>8</v>
      </c>
      <c r="AA18" s="278">
        <v>19</v>
      </c>
      <c r="AB18" s="280">
        <v>0</v>
      </c>
      <c r="AC18" s="281">
        <v>91</v>
      </c>
      <c r="AD18" s="281">
        <v>190</v>
      </c>
      <c r="AE18" s="281">
        <v>85</v>
      </c>
      <c r="AF18" s="281">
        <v>124</v>
      </c>
      <c r="AG18" s="281">
        <v>68</v>
      </c>
      <c r="AH18" s="278">
        <v>558</v>
      </c>
      <c r="AI18" s="283">
        <v>577</v>
      </c>
      <c r="AJ18" s="277">
        <v>0</v>
      </c>
      <c r="AK18" s="281">
        <v>0</v>
      </c>
      <c r="AL18" s="278">
        <v>0</v>
      </c>
      <c r="AM18" s="280">
        <v>0</v>
      </c>
      <c r="AN18" s="281">
        <v>18</v>
      </c>
      <c r="AO18" s="281">
        <v>10</v>
      </c>
      <c r="AP18" s="281">
        <v>27</v>
      </c>
      <c r="AQ18" s="281">
        <v>0</v>
      </c>
      <c r="AR18" s="281">
        <v>9</v>
      </c>
      <c r="AS18" s="278">
        <v>64</v>
      </c>
      <c r="AT18" s="283">
        <v>64</v>
      </c>
      <c r="AU18" s="277">
        <v>0</v>
      </c>
      <c r="AV18" s="281">
        <v>0</v>
      </c>
      <c r="AW18" s="278">
        <v>0</v>
      </c>
      <c r="AX18" s="280">
        <v>0</v>
      </c>
      <c r="AY18" s="281">
        <v>137</v>
      </c>
      <c r="AZ18" s="281">
        <v>218</v>
      </c>
      <c r="BA18" s="281">
        <v>119</v>
      </c>
      <c r="BB18" s="281">
        <v>102</v>
      </c>
      <c r="BC18" s="281">
        <v>25</v>
      </c>
      <c r="BD18" s="282">
        <v>601</v>
      </c>
      <c r="BE18" s="283">
        <v>601</v>
      </c>
      <c r="BF18" s="277">
        <v>0</v>
      </c>
      <c r="BG18" s="281">
        <v>0</v>
      </c>
      <c r="BH18" s="278">
        <v>0</v>
      </c>
      <c r="BI18" s="280">
        <v>0</v>
      </c>
      <c r="BJ18" s="281">
        <v>148</v>
      </c>
      <c r="BK18" s="281">
        <v>253</v>
      </c>
      <c r="BL18" s="281">
        <v>52</v>
      </c>
      <c r="BM18" s="281">
        <v>36</v>
      </c>
      <c r="BN18" s="281">
        <v>0</v>
      </c>
      <c r="BO18" s="278">
        <v>489</v>
      </c>
      <c r="BP18" s="283">
        <v>489</v>
      </c>
      <c r="BQ18" s="277">
        <v>0</v>
      </c>
      <c r="BR18" s="281">
        <v>0</v>
      </c>
      <c r="BS18" s="278">
        <v>0</v>
      </c>
      <c r="BT18" s="280">
        <v>0</v>
      </c>
      <c r="BU18" s="281">
        <v>8</v>
      </c>
      <c r="BV18" s="281">
        <v>38</v>
      </c>
      <c r="BW18" s="281">
        <v>129</v>
      </c>
      <c r="BX18" s="281">
        <v>7</v>
      </c>
      <c r="BY18" s="281">
        <v>3</v>
      </c>
      <c r="BZ18" s="278">
        <v>185</v>
      </c>
      <c r="CA18" s="283">
        <v>185</v>
      </c>
      <c r="CB18" s="277">
        <v>0</v>
      </c>
      <c r="CC18" s="281">
        <v>0</v>
      </c>
      <c r="CD18" s="278">
        <v>0</v>
      </c>
      <c r="CE18" s="280">
        <v>0</v>
      </c>
      <c r="CF18" s="281">
        <v>0</v>
      </c>
      <c r="CG18" s="281">
        <v>7</v>
      </c>
      <c r="CH18" s="281">
        <v>2</v>
      </c>
      <c r="CI18" s="281">
        <v>3</v>
      </c>
      <c r="CJ18" s="281">
        <v>0</v>
      </c>
      <c r="CK18" s="278">
        <v>12</v>
      </c>
      <c r="CL18" s="283">
        <v>12</v>
      </c>
      <c r="CM18" s="277">
        <v>0</v>
      </c>
      <c r="CN18" s="281">
        <v>0</v>
      </c>
      <c r="CO18" s="278">
        <v>0</v>
      </c>
      <c r="CP18" s="280">
        <v>0</v>
      </c>
      <c r="CQ18" s="281">
        <v>0</v>
      </c>
      <c r="CR18" s="281">
        <v>0</v>
      </c>
      <c r="CS18" s="281">
        <v>0</v>
      </c>
      <c r="CT18" s="281">
        <v>0</v>
      </c>
      <c r="CU18" s="281">
        <v>0</v>
      </c>
      <c r="CV18" s="278">
        <v>0</v>
      </c>
      <c r="CW18" s="283">
        <v>0</v>
      </c>
      <c r="CX18" s="277">
        <v>0</v>
      </c>
      <c r="CY18" s="281">
        <v>0</v>
      </c>
      <c r="CZ18" s="278">
        <v>0</v>
      </c>
      <c r="DA18" s="280">
        <v>0</v>
      </c>
      <c r="DB18" s="281">
        <v>0</v>
      </c>
      <c r="DC18" s="281">
        <v>0</v>
      </c>
      <c r="DD18" s="281">
        <v>0</v>
      </c>
      <c r="DE18" s="281">
        <v>0</v>
      </c>
      <c r="DF18" s="281">
        <v>0</v>
      </c>
      <c r="DG18" s="278">
        <v>0</v>
      </c>
      <c r="DH18" s="283">
        <v>0</v>
      </c>
    </row>
    <row r="19" spans="2:112" ht="19.8" customHeight="1" x14ac:dyDescent="0.2">
      <c r="B19" s="262" t="s">
        <v>17</v>
      </c>
      <c r="C19" s="277">
        <v>0</v>
      </c>
      <c r="D19" s="281">
        <v>0</v>
      </c>
      <c r="E19" s="385">
        <v>0</v>
      </c>
      <c r="F19" s="280">
        <v>0</v>
      </c>
      <c r="G19" s="281">
        <v>46</v>
      </c>
      <c r="H19" s="281">
        <v>378</v>
      </c>
      <c r="I19" s="281">
        <v>527</v>
      </c>
      <c r="J19" s="281">
        <v>132</v>
      </c>
      <c r="K19" s="281">
        <v>1063</v>
      </c>
      <c r="L19" s="282">
        <v>2146</v>
      </c>
      <c r="M19" s="283">
        <v>2146</v>
      </c>
      <c r="N19" s="277">
        <v>0</v>
      </c>
      <c r="O19" s="281">
        <v>0</v>
      </c>
      <c r="P19" s="278">
        <v>0</v>
      </c>
      <c r="Q19" s="280">
        <v>0</v>
      </c>
      <c r="R19" s="281">
        <v>0</v>
      </c>
      <c r="S19" s="281">
        <v>0</v>
      </c>
      <c r="T19" s="281">
        <v>1</v>
      </c>
      <c r="U19" s="281">
        <v>4</v>
      </c>
      <c r="V19" s="281">
        <v>35</v>
      </c>
      <c r="W19" s="278">
        <v>40</v>
      </c>
      <c r="X19" s="283">
        <v>40</v>
      </c>
      <c r="Y19" s="277">
        <v>2</v>
      </c>
      <c r="Z19" s="281">
        <v>34</v>
      </c>
      <c r="AA19" s="278">
        <v>36</v>
      </c>
      <c r="AB19" s="280">
        <v>0</v>
      </c>
      <c r="AC19" s="281">
        <v>57</v>
      </c>
      <c r="AD19" s="281">
        <v>98</v>
      </c>
      <c r="AE19" s="281">
        <v>144</v>
      </c>
      <c r="AF19" s="281">
        <v>43</v>
      </c>
      <c r="AG19" s="281">
        <v>61</v>
      </c>
      <c r="AH19" s="278">
        <v>403</v>
      </c>
      <c r="AI19" s="283">
        <v>439</v>
      </c>
      <c r="AJ19" s="277">
        <v>27</v>
      </c>
      <c r="AK19" s="281">
        <v>0</v>
      </c>
      <c r="AL19" s="278">
        <v>27</v>
      </c>
      <c r="AM19" s="280">
        <v>0</v>
      </c>
      <c r="AN19" s="281">
        <v>8</v>
      </c>
      <c r="AO19" s="281">
        <v>23</v>
      </c>
      <c r="AP19" s="281">
        <v>0</v>
      </c>
      <c r="AQ19" s="281">
        <v>9</v>
      </c>
      <c r="AR19" s="281">
        <v>3</v>
      </c>
      <c r="AS19" s="278">
        <v>43</v>
      </c>
      <c r="AT19" s="283">
        <v>70</v>
      </c>
      <c r="AU19" s="277">
        <v>0</v>
      </c>
      <c r="AV19" s="281">
        <v>0</v>
      </c>
      <c r="AW19" s="278">
        <v>0</v>
      </c>
      <c r="AX19" s="280">
        <v>0</v>
      </c>
      <c r="AY19" s="281">
        <v>248</v>
      </c>
      <c r="AZ19" s="281">
        <v>243</v>
      </c>
      <c r="BA19" s="281">
        <v>135</v>
      </c>
      <c r="BB19" s="281">
        <v>83</v>
      </c>
      <c r="BC19" s="281">
        <v>47</v>
      </c>
      <c r="BD19" s="282">
        <v>756</v>
      </c>
      <c r="BE19" s="283">
        <v>756</v>
      </c>
      <c r="BF19" s="277">
        <v>0</v>
      </c>
      <c r="BG19" s="281">
        <v>0</v>
      </c>
      <c r="BH19" s="278">
        <v>0</v>
      </c>
      <c r="BI19" s="280">
        <v>0</v>
      </c>
      <c r="BJ19" s="281">
        <v>25</v>
      </c>
      <c r="BK19" s="281">
        <v>133</v>
      </c>
      <c r="BL19" s="281">
        <v>19</v>
      </c>
      <c r="BM19" s="281">
        <v>15</v>
      </c>
      <c r="BN19" s="281">
        <v>0</v>
      </c>
      <c r="BO19" s="278">
        <v>192</v>
      </c>
      <c r="BP19" s="283">
        <v>192</v>
      </c>
      <c r="BQ19" s="277">
        <v>0</v>
      </c>
      <c r="BR19" s="281">
        <v>0</v>
      </c>
      <c r="BS19" s="278">
        <v>0</v>
      </c>
      <c r="BT19" s="280">
        <v>0</v>
      </c>
      <c r="BU19" s="281">
        <v>31</v>
      </c>
      <c r="BV19" s="281">
        <v>34</v>
      </c>
      <c r="BW19" s="281">
        <v>98</v>
      </c>
      <c r="BX19" s="281">
        <v>135</v>
      </c>
      <c r="BY19" s="281">
        <v>20</v>
      </c>
      <c r="BZ19" s="278">
        <v>318</v>
      </c>
      <c r="CA19" s="283">
        <v>318</v>
      </c>
      <c r="CB19" s="277">
        <v>0</v>
      </c>
      <c r="CC19" s="281">
        <v>0</v>
      </c>
      <c r="CD19" s="278">
        <v>0</v>
      </c>
      <c r="CE19" s="280">
        <v>0</v>
      </c>
      <c r="CF19" s="281">
        <v>11</v>
      </c>
      <c r="CG19" s="281">
        <v>22</v>
      </c>
      <c r="CH19" s="281">
        <v>0</v>
      </c>
      <c r="CI19" s="281">
        <v>4</v>
      </c>
      <c r="CJ19" s="281">
        <v>0</v>
      </c>
      <c r="CK19" s="278">
        <v>37</v>
      </c>
      <c r="CL19" s="283">
        <v>37</v>
      </c>
      <c r="CM19" s="277">
        <v>0</v>
      </c>
      <c r="CN19" s="281">
        <v>0</v>
      </c>
      <c r="CO19" s="278">
        <v>0</v>
      </c>
      <c r="CP19" s="280">
        <v>0</v>
      </c>
      <c r="CQ19" s="281">
        <v>0</v>
      </c>
      <c r="CR19" s="281">
        <v>0</v>
      </c>
      <c r="CS19" s="281">
        <v>0</v>
      </c>
      <c r="CT19" s="281">
        <v>0</v>
      </c>
      <c r="CU19" s="281">
        <v>0</v>
      </c>
      <c r="CV19" s="278">
        <v>0</v>
      </c>
      <c r="CW19" s="283">
        <v>0</v>
      </c>
      <c r="CX19" s="277">
        <v>0</v>
      </c>
      <c r="CY19" s="281">
        <v>0</v>
      </c>
      <c r="CZ19" s="278">
        <v>0</v>
      </c>
      <c r="DA19" s="280">
        <v>0</v>
      </c>
      <c r="DB19" s="281">
        <v>0</v>
      </c>
      <c r="DC19" s="281">
        <v>0</v>
      </c>
      <c r="DD19" s="281">
        <v>0</v>
      </c>
      <c r="DE19" s="281">
        <v>0</v>
      </c>
      <c r="DF19" s="281">
        <v>0</v>
      </c>
      <c r="DG19" s="278">
        <v>0</v>
      </c>
      <c r="DH19" s="283">
        <v>0</v>
      </c>
    </row>
    <row r="20" spans="2:112" ht="19.8" customHeight="1" x14ac:dyDescent="0.2">
      <c r="B20" s="262" t="s">
        <v>18</v>
      </c>
      <c r="C20" s="277">
        <v>0</v>
      </c>
      <c r="D20" s="281">
        <v>0</v>
      </c>
      <c r="E20" s="385">
        <v>0</v>
      </c>
      <c r="F20" s="280">
        <v>0</v>
      </c>
      <c r="G20" s="281">
        <v>160</v>
      </c>
      <c r="H20" s="281">
        <v>572</v>
      </c>
      <c r="I20" s="281">
        <v>334</v>
      </c>
      <c r="J20" s="281">
        <v>710</v>
      </c>
      <c r="K20" s="281">
        <v>178</v>
      </c>
      <c r="L20" s="282">
        <v>1954</v>
      </c>
      <c r="M20" s="283">
        <v>1954</v>
      </c>
      <c r="N20" s="277">
        <v>0</v>
      </c>
      <c r="O20" s="281">
        <v>0</v>
      </c>
      <c r="P20" s="278">
        <v>0</v>
      </c>
      <c r="Q20" s="280">
        <v>0</v>
      </c>
      <c r="R20" s="281">
        <v>0</v>
      </c>
      <c r="S20" s="281">
        <v>9</v>
      </c>
      <c r="T20" s="281">
        <v>4</v>
      </c>
      <c r="U20" s="281">
        <v>14</v>
      </c>
      <c r="V20" s="281">
        <v>8</v>
      </c>
      <c r="W20" s="278">
        <v>35</v>
      </c>
      <c r="X20" s="283">
        <v>35</v>
      </c>
      <c r="Y20" s="277">
        <v>23</v>
      </c>
      <c r="Z20" s="281">
        <v>23</v>
      </c>
      <c r="AA20" s="278">
        <v>46</v>
      </c>
      <c r="AB20" s="280">
        <v>0</v>
      </c>
      <c r="AC20" s="281">
        <v>156</v>
      </c>
      <c r="AD20" s="281">
        <v>178</v>
      </c>
      <c r="AE20" s="281">
        <v>90</v>
      </c>
      <c r="AF20" s="281">
        <v>223</v>
      </c>
      <c r="AG20" s="281">
        <v>16</v>
      </c>
      <c r="AH20" s="278">
        <v>663</v>
      </c>
      <c r="AI20" s="283">
        <v>709</v>
      </c>
      <c r="AJ20" s="277">
        <v>0</v>
      </c>
      <c r="AK20" s="281">
        <v>28</v>
      </c>
      <c r="AL20" s="278">
        <v>28</v>
      </c>
      <c r="AM20" s="280">
        <v>0</v>
      </c>
      <c r="AN20" s="281">
        <v>52</v>
      </c>
      <c r="AO20" s="281">
        <v>45</v>
      </c>
      <c r="AP20" s="281">
        <v>0</v>
      </c>
      <c r="AQ20" s="281">
        <v>24</v>
      </c>
      <c r="AR20" s="281">
        <v>24</v>
      </c>
      <c r="AS20" s="278">
        <v>145</v>
      </c>
      <c r="AT20" s="283">
        <v>173</v>
      </c>
      <c r="AU20" s="277">
        <v>0</v>
      </c>
      <c r="AV20" s="281">
        <v>0</v>
      </c>
      <c r="AW20" s="278">
        <v>0</v>
      </c>
      <c r="AX20" s="280">
        <v>0</v>
      </c>
      <c r="AY20" s="281">
        <v>358</v>
      </c>
      <c r="AZ20" s="281">
        <v>361</v>
      </c>
      <c r="BA20" s="281">
        <v>262</v>
      </c>
      <c r="BB20" s="281">
        <v>69</v>
      </c>
      <c r="BC20" s="281">
        <v>43</v>
      </c>
      <c r="BD20" s="282">
        <v>1093</v>
      </c>
      <c r="BE20" s="283">
        <v>1093</v>
      </c>
      <c r="BF20" s="277">
        <v>0</v>
      </c>
      <c r="BG20" s="281">
        <v>0</v>
      </c>
      <c r="BH20" s="278">
        <v>0</v>
      </c>
      <c r="BI20" s="280">
        <v>0</v>
      </c>
      <c r="BJ20" s="281">
        <v>96</v>
      </c>
      <c r="BK20" s="281">
        <v>107</v>
      </c>
      <c r="BL20" s="281">
        <v>65</v>
      </c>
      <c r="BM20" s="281">
        <v>38</v>
      </c>
      <c r="BN20" s="281">
        <v>15</v>
      </c>
      <c r="BO20" s="278">
        <v>321</v>
      </c>
      <c r="BP20" s="283">
        <v>321</v>
      </c>
      <c r="BQ20" s="277">
        <v>3</v>
      </c>
      <c r="BR20" s="281">
        <v>8</v>
      </c>
      <c r="BS20" s="278">
        <v>11</v>
      </c>
      <c r="BT20" s="280">
        <v>0</v>
      </c>
      <c r="BU20" s="281">
        <v>27</v>
      </c>
      <c r="BV20" s="281">
        <v>171</v>
      </c>
      <c r="BW20" s="281">
        <v>198</v>
      </c>
      <c r="BX20" s="281">
        <v>60</v>
      </c>
      <c r="BY20" s="281">
        <v>43</v>
      </c>
      <c r="BZ20" s="278">
        <v>499</v>
      </c>
      <c r="CA20" s="283">
        <v>510</v>
      </c>
      <c r="CB20" s="277">
        <v>0</v>
      </c>
      <c r="CC20" s="281">
        <v>0</v>
      </c>
      <c r="CD20" s="278">
        <v>0</v>
      </c>
      <c r="CE20" s="280">
        <v>0</v>
      </c>
      <c r="CF20" s="281">
        <v>0</v>
      </c>
      <c r="CG20" s="281">
        <v>0</v>
      </c>
      <c r="CH20" s="281">
        <v>17</v>
      </c>
      <c r="CI20" s="281">
        <v>0</v>
      </c>
      <c r="CJ20" s="281">
        <v>0</v>
      </c>
      <c r="CK20" s="278">
        <v>17</v>
      </c>
      <c r="CL20" s="283">
        <v>17</v>
      </c>
      <c r="CM20" s="277">
        <v>0</v>
      </c>
      <c r="CN20" s="281">
        <v>0</v>
      </c>
      <c r="CO20" s="278">
        <v>0</v>
      </c>
      <c r="CP20" s="280">
        <v>0</v>
      </c>
      <c r="CQ20" s="281">
        <v>0</v>
      </c>
      <c r="CR20" s="281">
        <v>0</v>
      </c>
      <c r="CS20" s="281">
        <v>0</v>
      </c>
      <c r="CT20" s="281">
        <v>0</v>
      </c>
      <c r="CU20" s="281">
        <v>0</v>
      </c>
      <c r="CV20" s="278">
        <v>0</v>
      </c>
      <c r="CW20" s="283">
        <v>0</v>
      </c>
      <c r="CX20" s="277">
        <v>0</v>
      </c>
      <c r="CY20" s="281">
        <v>0</v>
      </c>
      <c r="CZ20" s="278">
        <v>0</v>
      </c>
      <c r="DA20" s="280">
        <v>0</v>
      </c>
      <c r="DB20" s="281">
        <v>0</v>
      </c>
      <c r="DC20" s="281">
        <v>0</v>
      </c>
      <c r="DD20" s="281">
        <v>0</v>
      </c>
      <c r="DE20" s="281">
        <v>0</v>
      </c>
      <c r="DF20" s="281">
        <v>0</v>
      </c>
      <c r="DG20" s="278">
        <v>0</v>
      </c>
      <c r="DH20" s="283">
        <v>0</v>
      </c>
    </row>
    <row r="21" spans="2:112" ht="19.8" customHeight="1" x14ac:dyDescent="0.2">
      <c r="B21" s="262" t="s">
        <v>19</v>
      </c>
      <c r="C21" s="277">
        <v>0</v>
      </c>
      <c r="D21" s="281">
        <v>0</v>
      </c>
      <c r="E21" s="385">
        <v>0</v>
      </c>
      <c r="F21" s="280">
        <v>0</v>
      </c>
      <c r="G21" s="281">
        <v>210</v>
      </c>
      <c r="H21" s="281">
        <v>89</v>
      </c>
      <c r="I21" s="281">
        <v>131</v>
      </c>
      <c r="J21" s="281">
        <v>413</v>
      </c>
      <c r="K21" s="281">
        <v>10</v>
      </c>
      <c r="L21" s="282">
        <v>853</v>
      </c>
      <c r="M21" s="283">
        <v>853</v>
      </c>
      <c r="N21" s="277">
        <v>0</v>
      </c>
      <c r="O21" s="281">
        <v>0</v>
      </c>
      <c r="P21" s="278">
        <v>0</v>
      </c>
      <c r="Q21" s="280">
        <v>0</v>
      </c>
      <c r="R21" s="281">
        <v>0</v>
      </c>
      <c r="S21" s="281">
        <v>1</v>
      </c>
      <c r="T21" s="281">
        <v>8</v>
      </c>
      <c r="U21" s="281">
        <v>13</v>
      </c>
      <c r="V21" s="281">
        <v>17</v>
      </c>
      <c r="W21" s="278">
        <v>39</v>
      </c>
      <c r="X21" s="283">
        <v>39</v>
      </c>
      <c r="Y21" s="277">
        <v>4</v>
      </c>
      <c r="Z21" s="281">
        <v>2</v>
      </c>
      <c r="AA21" s="278">
        <v>6</v>
      </c>
      <c r="AB21" s="280">
        <v>0</v>
      </c>
      <c r="AC21" s="281">
        <v>98</v>
      </c>
      <c r="AD21" s="281">
        <v>80</v>
      </c>
      <c r="AE21" s="281">
        <v>66</v>
      </c>
      <c r="AF21" s="281">
        <v>80</v>
      </c>
      <c r="AG21" s="281">
        <v>102</v>
      </c>
      <c r="AH21" s="278">
        <v>426</v>
      </c>
      <c r="AI21" s="283">
        <v>432</v>
      </c>
      <c r="AJ21" s="277">
        <v>0</v>
      </c>
      <c r="AK21" s="281">
        <v>0</v>
      </c>
      <c r="AL21" s="278">
        <v>0</v>
      </c>
      <c r="AM21" s="280">
        <v>0</v>
      </c>
      <c r="AN21" s="281">
        <v>12</v>
      </c>
      <c r="AO21" s="281">
        <v>12</v>
      </c>
      <c r="AP21" s="281">
        <v>33</v>
      </c>
      <c r="AQ21" s="281">
        <v>10</v>
      </c>
      <c r="AR21" s="281">
        <v>0</v>
      </c>
      <c r="AS21" s="278">
        <v>67</v>
      </c>
      <c r="AT21" s="283">
        <v>67</v>
      </c>
      <c r="AU21" s="277">
        <v>0</v>
      </c>
      <c r="AV21" s="281">
        <v>0</v>
      </c>
      <c r="AW21" s="278">
        <v>0</v>
      </c>
      <c r="AX21" s="280">
        <v>0</v>
      </c>
      <c r="AY21" s="281">
        <v>167</v>
      </c>
      <c r="AZ21" s="281">
        <v>162</v>
      </c>
      <c r="BA21" s="281">
        <v>81</v>
      </c>
      <c r="BB21" s="281">
        <v>25</v>
      </c>
      <c r="BC21" s="281">
        <v>1</v>
      </c>
      <c r="BD21" s="282">
        <v>436</v>
      </c>
      <c r="BE21" s="283">
        <v>436</v>
      </c>
      <c r="BF21" s="277">
        <v>0</v>
      </c>
      <c r="BG21" s="281">
        <v>0</v>
      </c>
      <c r="BH21" s="278">
        <v>0</v>
      </c>
      <c r="BI21" s="280">
        <v>0</v>
      </c>
      <c r="BJ21" s="281">
        <v>78</v>
      </c>
      <c r="BK21" s="281">
        <v>58</v>
      </c>
      <c r="BL21" s="281">
        <v>21</v>
      </c>
      <c r="BM21" s="281">
        <v>15</v>
      </c>
      <c r="BN21" s="281">
        <v>0</v>
      </c>
      <c r="BO21" s="278">
        <v>172</v>
      </c>
      <c r="BP21" s="283">
        <v>172</v>
      </c>
      <c r="BQ21" s="277">
        <v>0</v>
      </c>
      <c r="BR21" s="281">
        <v>0</v>
      </c>
      <c r="BS21" s="278">
        <v>0</v>
      </c>
      <c r="BT21" s="280">
        <v>0</v>
      </c>
      <c r="BU21" s="281">
        <v>14</v>
      </c>
      <c r="BV21" s="281">
        <v>45</v>
      </c>
      <c r="BW21" s="281">
        <v>5</v>
      </c>
      <c r="BX21" s="281">
        <v>0</v>
      </c>
      <c r="BY21" s="281">
        <v>0</v>
      </c>
      <c r="BZ21" s="278">
        <v>64</v>
      </c>
      <c r="CA21" s="283">
        <v>64</v>
      </c>
      <c r="CB21" s="277">
        <v>0</v>
      </c>
      <c r="CC21" s="281">
        <v>0</v>
      </c>
      <c r="CD21" s="278">
        <v>0</v>
      </c>
      <c r="CE21" s="280">
        <v>0</v>
      </c>
      <c r="CF21" s="281">
        <v>3</v>
      </c>
      <c r="CG21" s="281">
        <v>0</v>
      </c>
      <c r="CH21" s="281">
        <v>14</v>
      </c>
      <c r="CI21" s="281">
        <v>5</v>
      </c>
      <c r="CJ21" s="281">
        <v>6</v>
      </c>
      <c r="CK21" s="278">
        <v>28</v>
      </c>
      <c r="CL21" s="283">
        <v>28</v>
      </c>
      <c r="CM21" s="277">
        <v>0</v>
      </c>
      <c r="CN21" s="281">
        <v>0</v>
      </c>
      <c r="CO21" s="278">
        <v>0</v>
      </c>
      <c r="CP21" s="280">
        <v>0</v>
      </c>
      <c r="CQ21" s="281">
        <v>0</v>
      </c>
      <c r="CR21" s="281">
        <v>0</v>
      </c>
      <c r="CS21" s="281">
        <v>0</v>
      </c>
      <c r="CT21" s="281">
        <v>0</v>
      </c>
      <c r="CU21" s="281">
        <v>0</v>
      </c>
      <c r="CV21" s="278">
        <v>0</v>
      </c>
      <c r="CW21" s="283">
        <v>0</v>
      </c>
      <c r="CX21" s="277">
        <v>0</v>
      </c>
      <c r="CY21" s="281">
        <v>0</v>
      </c>
      <c r="CZ21" s="278">
        <v>0</v>
      </c>
      <c r="DA21" s="280">
        <v>0</v>
      </c>
      <c r="DB21" s="281">
        <v>0</v>
      </c>
      <c r="DC21" s="281">
        <v>0</v>
      </c>
      <c r="DD21" s="281">
        <v>0</v>
      </c>
      <c r="DE21" s="281">
        <v>0</v>
      </c>
      <c r="DF21" s="281">
        <v>0</v>
      </c>
      <c r="DG21" s="278">
        <v>0</v>
      </c>
      <c r="DH21" s="283">
        <v>0</v>
      </c>
    </row>
    <row r="22" spans="2:112" ht="19.8" customHeight="1" x14ac:dyDescent="0.2">
      <c r="B22" s="262" t="s">
        <v>20</v>
      </c>
      <c r="C22" s="277">
        <v>0</v>
      </c>
      <c r="D22" s="281">
        <v>0</v>
      </c>
      <c r="E22" s="385">
        <v>0</v>
      </c>
      <c r="F22" s="280">
        <v>0</v>
      </c>
      <c r="G22" s="281">
        <v>199</v>
      </c>
      <c r="H22" s="281">
        <v>359</v>
      </c>
      <c r="I22" s="281">
        <v>227</v>
      </c>
      <c r="J22" s="281">
        <v>206</v>
      </c>
      <c r="K22" s="281">
        <v>0</v>
      </c>
      <c r="L22" s="282">
        <v>991</v>
      </c>
      <c r="M22" s="283">
        <v>991</v>
      </c>
      <c r="N22" s="277">
        <v>0</v>
      </c>
      <c r="O22" s="281">
        <v>0</v>
      </c>
      <c r="P22" s="278">
        <v>0</v>
      </c>
      <c r="Q22" s="280">
        <v>0</v>
      </c>
      <c r="R22" s="281">
        <v>0</v>
      </c>
      <c r="S22" s="281">
        <v>0</v>
      </c>
      <c r="T22" s="281">
        <v>4</v>
      </c>
      <c r="U22" s="281">
        <v>3</v>
      </c>
      <c r="V22" s="281">
        <v>14</v>
      </c>
      <c r="W22" s="278">
        <v>21</v>
      </c>
      <c r="X22" s="283">
        <v>21</v>
      </c>
      <c r="Y22" s="277">
        <v>30</v>
      </c>
      <c r="Z22" s="281">
        <v>29</v>
      </c>
      <c r="AA22" s="278">
        <v>59</v>
      </c>
      <c r="AB22" s="280">
        <v>0</v>
      </c>
      <c r="AC22" s="281">
        <v>199</v>
      </c>
      <c r="AD22" s="281">
        <v>174</v>
      </c>
      <c r="AE22" s="281">
        <v>96</v>
      </c>
      <c r="AF22" s="281">
        <v>55</v>
      </c>
      <c r="AG22" s="281">
        <v>35</v>
      </c>
      <c r="AH22" s="278">
        <v>559</v>
      </c>
      <c r="AI22" s="283">
        <v>618</v>
      </c>
      <c r="AJ22" s="277">
        <v>18</v>
      </c>
      <c r="AK22" s="281">
        <v>35</v>
      </c>
      <c r="AL22" s="278">
        <v>53</v>
      </c>
      <c r="AM22" s="280">
        <v>0</v>
      </c>
      <c r="AN22" s="281">
        <v>56</v>
      </c>
      <c r="AO22" s="281">
        <v>35</v>
      </c>
      <c r="AP22" s="281">
        <v>26</v>
      </c>
      <c r="AQ22" s="281">
        <v>20</v>
      </c>
      <c r="AR22" s="281">
        <v>0</v>
      </c>
      <c r="AS22" s="278">
        <v>137</v>
      </c>
      <c r="AT22" s="283">
        <v>190</v>
      </c>
      <c r="AU22" s="277">
        <v>0</v>
      </c>
      <c r="AV22" s="281">
        <v>0</v>
      </c>
      <c r="AW22" s="278">
        <v>0</v>
      </c>
      <c r="AX22" s="280">
        <v>0</v>
      </c>
      <c r="AY22" s="281">
        <v>170</v>
      </c>
      <c r="AZ22" s="281">
        <v>155</v>
      </c>
      <c r="BA22" s="281">
        <v>106</v>
      </c>
      <c r="BB22" s="281">
        <v>44</v>
      </c>
      <c r="BC22" s="281">
        <v>0</v>
      </c>
      <c r="BD22" s="282">
        <v>475</v>
      </c>
      <c r="BE22" s="283">
        <v>475</v>
      </c>
      <c r="BF22" s="277">
        <v>0</v>
      </c>
      <c r="BG22" s="281">
        <v>0</v>
      </c>
      <c r="BH22" s="278">
        <v>0</v>
      </c>
      <c r="BI22" s="280">
        <v>0</v>
      </c>
      <c r="BJ22" s="281">
        <v>97</v>
      </c>
      <c r="BK22" s="281">
        <v>82</v>
      </c>
      <c r="BL22" s="281">
        <v>40</v>
      </c>
      <c r="BM22" s="281">
        <v>33</v>
      </c>
      <c r="BN22" s="281">
        <v>5</v>
      </c>
      <c r="BO22" s="278">
        <v>257</v>
      </c>
      <c r="BP22" s="283">
        <v>257</v>
      </c>
      <c r="BQ22" s="277">
        <v>0</v>
      </c>
      <c r="BR22" s="281">
        <v>3</v>
      </c>
      <c r="BS22" s="278">
        <v>3</v>
      </c>
      <c r="BT22" s="280">
        <v>0</v>
      </c>
      <c r="BU22" s="281">
        <v>37</v>
      </c>
      <c r="BV22" s="281">
        <v>6</v>
      </c>
      <c r="BW22" s="281">
        <v>87</v>
      </c>
      <c r="BX22" s="281">
        <v>138</v>
      </c>
      <c r="BY22" s="281">
        <v>0</v>
      </c>
      <c r="BZ22" s="278">
        <v>268</v>
      </c>
      <c r="CA22" s="283">
        <v>271</v>
      </c>
      <c r="CB22" s="277">
        <v>0</v>
      </c>
      <c r="CC22" s="281">
        <v>0</v>
      </c>
      <c r="CD22" s="278">
        <v>0</v>
      </c>
      <c r="CE22" s="280">
        <v>0</v>
      </c>
      <c r="CF22" s="281">
        <v>0</v>
      </c>
      <c r="CG22" s="281">
        <v>0</v>
      </c>
      <c r="CH22" s="281">
        <v>5</v>
      </c>
      <c r="CI22" s="281">
        <v>15</v>
      </c>
      <c r="CJ22" s="281">
        <v>0</v>
      </c>
      <c r="CK22" s="278">
        <v>20</v>
      </c>
      <c r="CL22" s="283">
        <v>20</v>
      </c>
      <c r="CM22" s="277">
        <v>0</v>
      </c>
      <c r="CN22" s="281">
        <v>0</v>
      </c>
      <c r="CO22" s="278">
        <v>0</v>
      </c>
      <c r="CP22" s="280">
        <v>0</v>
      </c>
      <c r="CQ22" s="281">
        <v>0</v>
      </c>
      <c r="CR22" s="281">
        <v>0</v>
      </c>
      <c r="CS22" s="281">
        <v>0</v>
      </c>
      <c r="CT22" s="281">
        <v>0</v>
      </c>
      <c r="CU22" s="281">
        <v>0</v>
      </c>
      <c r="CV22" s="278">
        <v>0</v>
      </c>
      <c r="CW22" s="283">
        <v>0</v>
      </c>
      <c r="CX22" s="277">
        <v>0</v>
      </c>
      <c r="CY22" s="281">
        <v>0</v>
      </c>
      <c r="CZ22" s="278">
        <v>0</v>
      </c>
      <c r="DA22" s="280">
        <v>0</v>
      </c>
      <c r="DB22" s="281">
        <v>0</v>
      </c>
      <c r="DC22" s="281">
        <v>0</v>
      </c>
      <c r="DD22" s="281">
        <v>0</v>
      </c>
      <c r="DE22" s="281">
        <v>0</v>
      </c>
      <c r="DF22" s="281">
        <v>0</v>
      </c>
      <c r="DG22" s="278">
        <v>0</v>
      </c>
      <c r="DH22" s="283">
        <v>0</v>
      </c>
    </row>
    <row r="23" spans="2:112" ht="19.8" customHeight="1" x14ac:dyDescent="0.2">
      <c r="B23" s="262" t="s">
        <v>21</v>
      </c>
      <c r="C23" s="277">
        <v>0</v>
      </c>
      <c r="D23" s="281">
        <v>0</v>
      </c>
      <c r="E23" s="385">
        <v>0</v>
      </c>
      <c r="F23" s="280">
        <v>0</v>
      </c>
      <c r="G23" s="281">
        <v>215</v>
      </c>
      <c r="H23" s="281">
        <v>76</v>
      </c>
      <c r="I23" s="281">
        <v>162</v>
      </c>
      <c r="J23" s="281">
        <v>333</v>
      </c>
      <c r="K23" s="281">
        <v>368</v>
      </c>
      <c r="L23" s="282">
        <v>1154</v>
      </c>
      <c r="M23" s="283">
        <v>1154</v>
      </c>
      <c r="N23" s="277">
        <v>0</v>
      </c>
      <c r="O23" s="281">
        <v>0</v>
      </c>
      <c r="P23" s="278">
        <v>0</v>
      </c>
      <c r="Q23" s="280">
        <v>0</v>
      </c>
      <c r="R23" s="281">
        <v>0</v>
      </c>
      <c r="S23" s="281">
        <v>0</v>
      </c>
      <c r="T23" s="281">
        <v>4</v>
      </c>
      <c r="U23" s="281">
        <v>12</v>
      </c>
      <c r="V23" s="281">
        <v>22</v>
      </c>
      <c r="W23" s="278">
        <v>38</v>
      </c>
      <c r="X23" s="283">
        <v>38</v>
      </c>
      <c r="Y23" s="277">
        <v>37</v>
      </c>
      <c r="Z23" s="281">
        <v>13</v>
      </c>
      <c r="AA23" s="278">
        <v>50</v>
      </c>
      <c r="AB23" s="280">
        <v>0</v>
      </c>
      <c r="AC23" s="281">
        <v>148</v>
      </c>
      <c r="AD23" s="281">
        <v>183</v>
      </c>
      <c r="AE23" s="281">
        <v>87</v>
      </c>
      <c r="AF23" s="281">
        <v>159</v>
      </c>
      <c r="AG23" s="281">
        <v>37</v>
      </c>
      <c r="AH23" s="278">
        <v>614</v>
      </c>
      <c r="AI23" s="283">
        <v>664</v>
      </c>
      <c r="AJ23" s="277">
        <v>0</v>
      </c>
      <c r="AK23" s="281">
        <v>8</v>
      </c>
      <c r="AL23" s="278">
        <v>8</v>
      </c>
      <c r="AM23" s="280">
        <v>0</v>
      </c>
      <c r="AN23" s="281">
        <v>18</v>
      </c>
      <c r="AO23" s="281">
        <v>38</v>
      </c>
      <c r="AP23" s="281">
        <v>3</v>
      </c>
      <c r="AQ23" s="281">
        <v>28</v>
      </c>
      <c r="AR23" s="281">
        <v>0</v>
      </c>
      <c r="AS23" s="278">
        <v>87</v>
      </c>
      <c r="AT23" s="283">
        <v>95</v>
      </c>
      <c r="AU23" s="277">
        <v>0</v>
      </c>
      <c r="AV23" s="281">
        <v>0</v>
      </c>
      <c r="AW23" s="278">
        <v>0</v>
      </c>
      <c r="AX23" s="280">
        <v>0</v>
      </c>
      <c r="AY23" s="281">
        <v>128</v>
      </c>
      <c r="AZ23" s="281">
        <v>158</v>
      </c>
      <c r="BA23" s="281">
        <v>100</v>
      </c>
      <c r="BB23" s="281">
        <v>18</v>
      </c>
      <c r="BC23" s="281">
        <v>55</v>
      </c>
      <c r="BD23" s="282">
        <v>459</v>
      </c>
      <c r="BE23" s="283">
        <v>459</v>
      </c>
      <c r="BF23" s="277">
        <v>0</v>
      </c>
      <c r="BG23" s="281">
        <v>0</v>
      </c>
      <c r="BH23" s="278">
        <v>0</v>
      </c>
      <c r="BI23" s="280">
        <v>0</v>
      </c>
      <c r="BJ23" s="281">
        <v>46</v>
      </c>
      <c r="BK23" s="281">
        <v>77</v>
      </c>
      <c r="BL23" s="281">
        <v>29</v>
      </c>
      <c r="BM23" s="281">
        <v>7</v>
      </c>
      <c r="BN23" s="281">
        <v>0</v>
      </c>
      <c r="BO23" s="278">
        <v>159</v>
      </c>
      <c r="BP23" s="283">
        <v>159</v>
      </c>
      <c r="BQ23" s="277">
        <v>0</v>
      </c>
      <c r="BR23" s="281">
        <v>0</v>
      </c>
      <c r="BS23" s="278">
        <v>0</v>
      </c>
      <c r="BT23" s="280">
        <v>0</v>
      </c>
      <c r="BU23" s="281">
        <v>41</v>
      </c>
      <c r="BV23" s="281">
        <v>16</v>
      </c>
      <c r="BW23" s="281">
        <v>132</v>
      </c>
      <c r="BX23" s="281">
        <v>45</v>
      </c>
      <c r="BY23" s="281">
        <v>120</v>
      </c>
      <c r="BZ23" s="278">
        <v>354</v>
      </c>
      <c r="CA23" s="283">
        <v>354</v>
      </c>
      <c r="CB23" s="277">
        <v>0</v>
      </c>
      <c r="CC23" s="281">
        <v>0</v>
      </c>
      <c r="CD23" s="278">
        <v>0</v>
      </c>
      <c r="CE23" s="280">
        <v>0</v>
      </c>
      <c r="CF23" s="281">
        <v>0</v>
      </c>
      <c r="CG23" s="281">
        <v>30</v>
      </c>
      <c r="CH23" s="281">
        <v>0</v>
      </c>
      <c r="CI23" s="281">
        <v>0</v>
      </c>
      <c r="CJ23" s="281">
        <v>0</v>
      </c>
      <c r="CK23" s="278">
        <v>30</v>
      </c>
      <c r="CL23" s="283">
        <v>30</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row>
    <row r="24" spans="2:112" ht="19.8" customHeight="1" x14ac:dyDescent="0.2">
      <c r="B24" s="262" t="s">
        <v>22</v>
      </c>
      <c r="C24" s="277">
        <v>0</v>
      </c>
      <c r="D24" s="281">
        <v>0</v>
      </c>
      <c r="E24" s="385">
        <v>0</v>
      </c>
      <c r="F24" s="280">
        <v>0</v>
      </c>
      <c r="G24" s="281">
        <v>32</v>
      </c>
      <c r="H24" s="281">
        <v>89</v>
      </c>
      <c r="I24" s="281">
        <v>10</v>
      </c>
      <c r="J24" s="281">
        <v>91</v>
      </c>
      <c r="K24" s="281">
        <v>196</v>
      </c>
      <c r="L24" s="282">
        <v>418</v>
      </c>
      <c r="M24" s="283">
        <v>418</v>
      </c>
      <c r="N24" s="277">
        <v>0</v>
      </c>
      <c r="O24" s="281">
        <v>0</v>
      </c>
      <c r="P24" s="278">
        <v>0</v>
      </c>
      <c r="Q24" s="280">
        <v>0</v>
      </c>
      <c r="R24" s="281">
        <v>0</v>
      </c>
      <c r="S24" s="281">
        <v>0</v>
      </c>
      <c r="T24" s="281">
        <v>4</v>
      </c>
      <c r="U24" s="281">
        <v>8</v>
      </c>
      <c r="V24" s="281">
        <v>1</v>
      </c>
      <c r="W24" s="278">
        <v>13</v>
      </c>
      <c r="X24" s="283">
        <v>13</v>
      </c>
      <c r="Y24" s="277">
        <v>0</v>
      </c>
      <c r="Z24" s="281">
        <v>0</v>
      </c>
      <c r="AA24" s="278">
        <v>0</v>
      </c>
      <c r="AB24" s="280">
        <v>0</v>
      </c>
      <c r="AC24" s="281">
        <v>15</v>
      </c>
      <c r="AD24" s="281">
        <v>7</v>
      </c>
      <c r="AE24" s="281">
        <v>16</v>
      </c>
      <c r="AF24" s="281">
        <v>31</v>
      </c>
      <c r="AG24" s="281">
        <v>12</v>
      </c>
      <c r="AH24" s="278">
        <v>81</v>
      </c>
      <c r="AI24" s="283">
        <v>81</v>
      </c>
      <c r="AJ24" s="277">
        <v>0</v>
      </c>
      <c r="AK24" s="281">
        <v>0</v>
      </c>
      <c r="AL24" s="278">
        <v>0</v>
      </c>
      <c r="AM24" s="280">
        <v>0</v>
      </c>
      <c r="AN24" s="281">
        <v>24</v>
      </c>
      <c r="AO24" s="281">
        <v>27</v>
      </c>
      <c r="AP24" s="281">
        <v>0</v>
      </c>
      <c r="AQ24" s="281">
        <v>8</v>
      </c>
      <c r="AR24" s="281">
        <v>27</v>
      </c>
      <c r="AS24" s="278">
        <v>86</v>
      </c>
      <c r="AT24" s="283">
        <v>86</v>
      </c>
      <c r="AU24" s="277">
        <v>0</v>
      </c>
      <c r="AV24" s="281">
        <v>0</v>
      </c>
      <c r="AW24" s="278">
        <v>0</v>
      </c>
      <c r="AX24" s="280">
        <v>0</v>
      </c>
      <c r="AY24" s="281">
        <v>60</v>
      </c>
      <c r="AZ24" s="281">
        <v>154</v>
      </c>
      <c r="BA24" s="281">
        <v>42</v>
      </c>
      <c r="BB24" s="281">
        <v>10</v>
      </c>
      <c r="BC24" s="281">
        <v>56</v>
      </c>
      <c r="BD24" s="282">
        <v>322</v>
      </c>
      <c r="BE24" s="283">
        <v>322</v>
      </c>
      <c r="BF24" s="277">
        <v>0</v>
      </c>
      <c r="BG24" s="281">
        <v>0</v>
      </c>
      <c r="BH24" s="278">
        <v>0</v>
      </c>
      <c r="BI24" s="280">
        <v>0</v>
      </c>
      <c r="BJ24" s="281">
        <v>34</v>
      </c>
      <c r="BK24" s="281">
        <v>14</v>
      </c>
      <c r="BL24" s="281">
        <v>4</v>
      </c>
      <c r="BM24" s="281">
        <v>7</v>
      </c>
      <c r="BN24" s="281">
        <v>15</v>
      </c>
      <c r="BO24" s="278">
        <v>74</v>
      </c>
      <c r="BP24" s="283">
        <v>74</v>
      </c>
      <c r="BQ24" s="277">
        <v>0</v>
      </c>
      <c r="BR24" s="281">
        <v>0</v>
      </c>
      <c r="BS24" s="278">
        <v>0</v>
      </c>
      <c r="BT24" s="280">
        <v>0</v>
      </c>
      <c r="BU24" s="281">
        <v>8</v>
      </c>
      <c r="BV24" s="281">
        <v>0</v>
      </c>
      <c r="BW24" s="281">
        <v>46</v>
      </c>
      <c r="BX24" s="281">
        <v>20</v>
      </c>
      <c r="BY24" s="281">
        <v>0</v>
      </c>
      <c r="BZ24" s="278">
        <v>74</v>
      </c>
      <c r="CA24" s="283">
        <v>74</v>
      </c>
      <c r="CB24" s="277">
        <v>0</v>
      </c>
      <c r="CC24" s="281">
        <v>0</v>
      </c>
      <c r="CD24" s="278">
        <v>0</v>
      </c>
      <c r="CE24" s="280">
        <v>0</v>
      </c>
      <c r="CF24" s="281">
        <v>2</v>
      </c>
      <c r="CG24" s="281">
        <v>8</v>
      </c>
      <c r="CH24" s="281">
        <v>2</v>
      </c>
      <c r="CI24" s="281">
        <v>0</v>
      </c>
      <c r="CJ24" s="281">
        <v>0</v>
      </c>
      <c r="CK24" s="278">
        <v>12</v>
      </c>
      <c r="CL24" s="283">
        <v>12</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row>
    <row r="25" spans="2:112" ht="19.8" customHeight="1" x14ac:dyDescent="0.2">
      <c r="B25" s="262" t="s">
        <v>23</v>
      </c>
      <c r="C25" s="277">
        <v>0</v>
      </c>
      <c r="D25" s="281">
        <v>0</v>
      </c>
      <c r="E25" s="385">
        <v>0</v>
      </c>
      <c r="F25" s="280">
        <v>0</v>
      </c>
      <c r="G25" s="281">
        <v>41</v>
      </c>
      <c r="H25" s="281">
        <v>91</v>
      </c>
      <c r="I25" s="281">
        <v>164</v>
      </c>
      <c r="J25" s="281">
        <v>187</v>
      </c>
      <c r="K25" s="281">
        <v>58</v>
      </c>
      <c r="L25" s="282">
        <v>541</v>
      </c>
      <c r="M25" s="283">
        <v>541</v>
      </c>
      <c r="N25" s="277">
        <v>0</v>
      </c>
      <c r="O25" s="281">
        <v>0</v>
      </c>
      <c r="P25" s="278">
        <v>0</v>
      </c>
      <c r="Q25" s="280">
        <v>0</v>
      </c>
      <c r="R25" s="281">
        <v>0</v>
      </c>
      <c r="S25" s="281">
        <v>0</v>
      </c>
      <c r="T25" s="281">
        <v>0</v>
      </c>
      <c r="U25" s="281">
        <v>4</v>
      </c>
      <c r="V25" s="281">
        <v>0</v>
      </c>
      <c r="W25" s="278">
        <v>4</v>
      </c>
      <c r="X25" s="283">
        <v>4</v>
      </c>
      <c r="Y25" s="277">
        <v>14</v>
      </c>
      <c r="Z25" s="281">
        <v>20</v>
      </c>
      <c r="AA25" s="278">
        <v>34</v>
      </c>
      <c r="AB25" s="280">
        <v>0</v>
      </c>
      <c r="AC25" s="281">
        <v>67</v>
      </c>
      <c r="AD25" s="281">
        <v>115</v>
      </c>
      <c r="AE25" s="281">
        <v>23</v>
      </c>
      <c r="AF25" s="281">
        <v>58</v>
      </c>
      <c r="AG25" s="281">
        <v>18</v>
      </c>
      <c r="AH25" s="278">
        <v>281</v>
      </c>
      <c r="AI25" s="283">
        <v>315</v>
      </c>
      <c r="AJ25" s="277">
        <v>0</v>
      </c>
      <c r="AK25" s="281">
        <v>0</v>
      </c>
      <c r="AL25" s="278">
        <v>0</v>
      </c>
      <c r="AM25" s="280">
        <v>0</v>
      </c>
      <c r="AN25" s="281">
        <v>0</v>
      </c>
      <c r="AO25" s="281">
        <v>16</v>
      </c>
      <c r="AP25" s="281">
        <v>0</v>
      </c>
      <c r="AQ25" s="281">
        <v>0</v>
      </c>
      <c r="AR25" s="281">
        <v>0</v>
      </c>
      <c r="AS25" s="278">
        <v>16</v>
      </c>
      <c r="AT25" s="283">
        <v>16</v>
      </c>
      <c r="AU25" s="277">
        <v>0</v>
      </c>
      <c r="AV25" s="281">
        <v>0</v>
      </c>
      <c r="AW25" s="278">
        <v>0</v>
      </c>
      <c r="AX25" s="280">
        <v>0</v>
      </c>
      <c r="AY25" s="281">
        <v>126</v>
      </c>
      <c r="AZ25" s="281">
        <v>111</v>
      </c>
      <c r="BA25" s="281">
        <v>115</v>
      </c>
      <c r="BB25" s="281">
        <v>78</v>
      </c>
      <c r="BC25" s="281">
        <v>8</v>
      </c>
      <c r="BD25" s="282">
        <v>438</v>
      </c>
      <c r="BE25" s="283">
        <v>438</v>
      </c>
      <c r="BF25" s="277">
        <v>0</v>
      </c>
      <c r="BG25" s="281">
        <v>0</v>
      </c>
      <c r="BH25" s="278">
        <v>0</v>
      </c>
      <c r="BI25" s="280">
        <v>0</v>
      </c>
      <c r="BJ25" s="281">
        <v>21</v>
      </c>
      <c r="BK25" s="281">
        <v>26</v>
      </c>
      <c r="BL25" s="281">
        <v>16</v>
      </c>
      <c r="BM25" s="281">
        <v>25</v>
      </c>
      <c r="BN25" s="281">
        <v>0</v>
      </c>
      <c r="BO25" s="278">
        <v>88</v>
      </c>
      <c r="BP25" s="283">
        <v>88</v>
      </c>
      <c r="BQ25" s="277">
        <v>0</v>
      </c>
      <c r="BR25" s="281">
        <v>0</v>
      </c>
      <c r="BS25" s="278">
        <v>0</v>
      </c>
      <c r="BT25" s="280">
        <v>0</v>
      </c>
      <c r="BU25" s="281">
        <v>0</v>
      </c>
      <c r="BV25" s="281">
        <v>7</v>
      </c>
      <c r="BW25" s="281">
        <v>12</v>
      </c>
      <c r="BX25" s="281">
        <v>13</v>
      </c>
      <c r="BY25" s="281">
        <v>0</v>
      </c>
      <c r="BZ25" s="278">
        <v>32</v>
      </c>
      <c r="CA25" s="283">
        <v>32</v>
      </c>
      <c r="CB25" s="277">
        <v>0</v>
      </c>
      <c r="CC25" s="281">
        <v>0</v>
      </c>
      <c r="CD25" s="278">
        <v>0</v>
      </c>
      <c r="CE25" s="280">
        <v>0</v>
      </c>
      <c r="CF25" s="281">
        <v>2</v>
      </c>
      <c r="CG25" s="281">
        <v>0</v>
      </c>
      <c r="CH25" s="281">
        <v>0</v>
      </c>
      <c r="CI25" s="281">
        <v>0</v>
      </c>
      <c r="CJ25" s="281">
        <v>0</v>
      </c>
      <c r="CK25" s="278">
        <v>2</v>
      </c>
      <c r="CL25" s="283">
        <v>2</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row>
    <row r="26" spans="2:112" ht="19.8" customHeight="1" x14ac:dyDescent="0.2">
      <c r="B26" s="262" t="s">
        <v>24</v>
      </c>
      <c r="C26" s="277">
        <v>0</v>
      </c>
      <c r="D26" s="281">
        <v>0</v>
      </c>
      <c r="E26" s="385">
        <v>0</v>
      </c>
      <c r="F26" s="280">
        <v>0</v>
      </c>
      <c r="G26" s="281">
        <v>155</v>
      </c>
      <c r="H26" s="281">
        <v>86</v>
      </c>
      <c r="I26" s="281">
        <v>11</v>
      </c>
      <c r="J26" s="281">
        <v>255</v>
      </c>
      <c r="K26" s="281">
        <v>76</v>
      </c>
      <c r="L26" s="282">
        <v>583</v>
      </c>
      <c r="M26" s="283">
        <v>583</v>
      </c>
      <c r="N26" s="277">
        <v>0</v>
      </c>
      <c r="O26" s="281">
        <v>0</v>
      </c>
      <c r="P26" s="278">
        <v>0</v>
      </c>
      <c r="Q26" s="280">
        <v>0</v>
      </c>
      <c r="R26" s="281">
        <v>0</v>
      </c>
      <c r="S26" s="281">
        <v>0</v>
      </c>
      <c r="T26" s="281">
        <v>0</v>
      </c>
      <c r="U26" s="281">
        <v>2</v>
      </c>
      <c r="V26" s="281">
        <v>16</v>
      </c>
      <c r="W26" s="278">
        <v>18</v>
      </c>
      <c r="X26" s="283">
        <v>18</v>
      </c>
      <c r="Y26" s="277">
        <v>10</v>
      </c>
      <c r="Z26" s="281">
        <v>17</v>
      </c>
      <c r="AA26" s="278">
        <v>27</v>
      </c>
      <c r="AB26" s="280">
        <v>0</v>
      </c>
      <c r="AC26" s="281">
        <v>107</v>
      </c>
      <c r="AD26" s="281">
        <v>57</v>
      </c>
      <c r="AE26" s="281">
        <v>58</v>
      </c>
      <c r="AF26" s="281">
        <v>24</v>
      </c>
      <c r="AG26" s="281">
        <v>40</v>
      </c>
      <c r="AH26" s="278">
        <v>286</v>
      </c>
      <c r="AI26" s="283">
        <v>313</v>
      </c>
      <c r="AJ26" s="277">
        <v>0</v>
      </c>
      <c r="AK26" s="281">
        <v>16</v>
      </c>
      <c r="AL26" s="278">
        <v>16</v>
      </c>
      <c r="AM26" s="280">
        <v>0</v>
      </c>
      <c r="AN26" s="281">
        <v>27</v>
      </c>
      <c r="AO26" s="281">
        <v>0</v>
      </c>
      <c r="AP26" s="281">
        <v>0</v>
      </c>
      <c r="AQ26" s="281">
        <v>32</v>
      </c>
      <c r="AR26" s="281">
        <v>0</v>
      </c>
      <c r="AS26" s="278">
        <v>59</v>
      </c>
      <c r="AT26" s="283">
        <v>75</v>
      </c>
      <c r="AU26" s="277">
        <v>0</v>
      </c>
      <c r="AV26" s="281">
        <v>0</v>
      </c>
      <c r="AW26" s="278">
        <v>0</v>
      </c>
      <c r="AX26" s="280">
        <v>0</v>
      </c>
      <c r="AY26" s="281">
        <v>104</v>
      </c>
      <c r="AZ26" s="281">
        <v>67</v>
      </c>
      <c r="BA26" s="281">
        <v>66</v>
      </c>
      <c r="BB26" s="281">
        <v>15</v>
      </c>
      <c r="BC26" s="281">
        <v>0</v>
      </c>
      <c r="BD26" s="282">
        <v>252</v>
      </c>
      <c r="BE26" s="283">
        <v>252</v>
      </c>
      <c r="BF26" s="277">
        <v>0</v>
      </c>
      <c r="BG26" s="281">
        <v>0</v>
      </c>
      <c r="BH26" s="278">
        <v>0</v>
      </c>
      <c r="BI26" s="280">
        <v>0</v>
      </c>
      <c r="BJ26" s="281">
        <v>18</v>
      </c>
      <c r="BK26" s="281">
        <v>31</v>
      </c>
      <c r="BL26" s="281">
        <v>16</v>
      </c>
      <c r="BM26" s="281">
        <v>0</v>
      </c>
      <c r="BN26" s="281">
        <v>0</v>
      </c>
      <c r="BO26" s="278">
        <v>65</v>
      </c>
      <c r="BP26" s="283">
        <v>65</v>
      </c>
      <c r="BQ26" s="277">
        <v>0</v>
      </c>
      <c r="BR26" s="281">
        <v>0</v>
      </c>
      <c r="BS26" s="278">
        <v>0</v>
      </c>
      <c r="BT26" s="280">
        <v>0</v>
      </c>
      <c r="BU26" s="281">
        <v>8</v>
      </c>
      <c r="BV26" s="281">
        <v>0</v>
      </c>
      <c r="BW26" s="281">
        <v>22</v>
      </c>
      <c r="BX26" s="281">
        <v>8</v>
      </c>
      <c r="BY26" s="281">
        <v>10</v>
      </c>
      <c r="BZ26" s="278">
        <v>48</v>
      </c>
      <c r="CA26" s="283">
        <v>48</v>
      </c>
      <c r="CB26" s="277">
        <v>0</v>
      </c>
      <c r="CC26" s="281">
        <v>0</v>
      </c>
      <c r="CD26" s="278">
        <v>0</v>
      </c>
      <c r="CE26" s="280">
        <v>0</v>
      </c>
      <c r="CF26" s="281">
        <v>0</v>
      </c>
      <c r="CG26" s="281">
        <v>13</v>
      </c>
      <c r="CH26" s="281">
        <v>0</v>
      </c>
      <c r="CI26" s="281">
        <v>0</v>
      </c>
      <c r="CJ26" s="281">
        <v>0</v>
      </c>
      <c r="CK26" s="278">
        <v>13</v>
      </c>
      <c r="CL26" s="283">
        <v>13</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row>
    <row r="27" spans="2:112" ht="19.8" customHeight="1" x14ac:dyDescent="0.2">
      <c r="B27" s="262" t="s">
        <v>25</v>
      </c>
      <c r="C27" s="277">
        <v>0</v>
      </c>
      <c r="D27" s="281">
        <v>0</v>
      </c>
      <c r="E27" s="385">
        <v>0</v>
      </c>
      <c r="F27" s="280">
        <v>0</v>
      </c>
      <c r="G27" s="281">
        <v>51</v>
      </c>
      <c r="H27" s="281">
        <v>41</v>
      </c>
      <c r="I27" s="281">
        <v>165</v>
      </c>
      <c r="J27" s="281">
        <v>0</v>
      </c>
      <c r="K27" s="281">
        <v>0</v>
      </c>
      <c r="L27" s="282">
        <v>257</v>
      </c>
      <c r="M27" s="283">
        <v>257</v>
      </c>
      <c r="N27" s="277">
        <v>0</v>
      </c>
      <c r="O27" s="281">
        <v>0</v>
      </c>
      <c r="P27" s="278">
        <v>0</v>
      </c>
      <c r="Q27" s="280">
        <v>0</v>
      </c>
      <c r="R27" s="281">
        <v>0</v>
      </c>
      <c r="S27" s="281">
        <v>0</v>
      </c>
      <c r="T27" s="281">
        <v>6</v>
      </c>
      <c r="U27" s="281">
        <v>3</v>
      </c>
      <c r="V27" s="281">
        <v>4</v>
      </c>
      <c r="W27" s="278">
        <v>13</v>
      </c>
      <c r="X27" s="283">
        <v>13</v>
      </c>
      <c r="Y27" s="277">
        <v>5</v>
      </c>
      <c r="Z27" s="281">
        <v>18</v>
      </c>
      <c r="AA27" s="278">
        <v>23</v>
      </c>
      <c r="AB27" s="280">
        <v>0</v>
      </c>
      <c r="AC27" s="281">
        <v>45</v>
      </c>
      <c r="AD27" s="281">
        <v>20</v>
      </c>
      <c r="AE27" s="281">
        <v>14</v>
      </c>
      <c r="AF27" s="281">
        <v>2</v>
      </c>
      <c r="AG27" s="281">
        <v>7</v>
      </c>
      <c r="AH27" s="278">
        <v>88</v>
      </c>
      <c r="AI27" s="283">
        <v>111</v>
      </c>
      <c r="AJ27" s="277">
        <v>0</v>
      </c>
      <c r="AK27" s="281">
        <v>16</v>
      </c>
      <c r="AL27" s="278">
        <v>16</v>
      </c>
      <c r="AM27" s="280">
        <v>0</v>
      </c>
      <c r="AN27" s="281">
        <v>0</v>
      </c>
      <c r="AO27" s="281">
        <v>0</v>
      </c>
      <c r="AP27" s="281">
        <v>10</v>
      </c>
      <c r="AQ27" s="281">
        <v>0</v>
      </c>
      <c r="AR27" s="281">
        <v>6</v>
      </c>
      <c r="AS27" s="278">
        <v>16</v>
      </c>
      <c r="AT27" s="283">
        <v>32</v>
      </c>
      <c r="AU27" s="277">
        <v>0</v>
      </c>
      <c r="AV27" s="281">
        <v>0</v>
      </c>
      <c r="AW27" s="278">
        <v>0</v>
      </c>
      <c r="AX27" s="280">
        <v>0</v>
      </c>
      <c r="AY27" s="281">
        <v>17</v>
      </c>
      <c r="AZ27" s="281">
        <v>15</v>
      </c>
      <c r="BA27" s="281">
        <v>34</v>
      </c>
      <c r="BB27" s="281">
        <v>56</v>
      </c>
      <c r="BC27" s="281">
        <v>0</v>
      </c>
      <c r="BD27" s="282">
        <v>122</v>
      </c>
      <c r="BE27" s="283">
        <v>122</v>
      </c>
      <c r="BF27" s="277">
        <v>0</v>
      </c>
      <c r="BG27" s="281">
        <v>0</v>
      </c>
      <c r="BH27" s="278">
        <v>0</v>
      </c>
      <c r="BI27" s="280">
        <v>0</v>
      </c>
      <c r="BJ27" s="281">
        <v>21</v>
      </c>
      <c r="BK27" s="281">
        <v>28</v>
      </c>
      <c r="BL27" s="281">
        <v>16</v>
      </c>
      <c r="BM27" s="281">
        <v>6</v>
      </c>
      <c r="BN27" s="281">
        <v>0</v>
      </c>
      <c r="BO27" s="278">
        <v>71</v>
      </c>
      <c r="BP27" s="283">
        <v>71</v>
      </c>
      <c r="BQ27" s="277">
        <v>0</v>
      </c>
      <c r="BR27" s="281">
        <v>0</v>
      </c>
      <c r="BS27" s="278">
        <v>0</v>
      </c>
      <c r="BT27" s="280">
        <v>0</v>
      </c>
      <c r="BU27" s="281">
        <v>15</v>
      </c>
      <c r="BV27" s="281">
        <v>0</v>
      </c>
      <c r="BW27" s="281">
        <v>9</v>
      </c>
      <c r="BX27" s="281">
        <v>3</v>
      </c>
      <c r="BY27" s="281">
        <v>0</v>
      </c>
      <c r="BZ27" s="278">
        <v>27</v>
      </c>
      <c r="CA27" s="283">
        <v>27</v>
      </c>
      <c r="CB27" s="277">
        <v>0</v>
      </c>
      <c r="CC27" s="281">
        <v>0</v>
      </c>
      <c r="CD27" s="278">
        <v>0</v>
      </c>
      <c r="CE27" s="280">
        <v>0</v>
      </c>
      <c r="CF27" s="281">
        <v>4</v>
      </c>
      <c r="CG27" s="281">
        <v>0</v>
      </c>
      <c r="CH27" s="281">
        <v>3</v>
      </c>
      <c r="CI27" s="281">
        <v>0</v>
      </c>
      <c r="CJ27" s="281">
        <v>0</v>
      </c>
      <c r="CK27" s="278">
        <v>7</v>
      </c>
      <c r="CL27" s="283">
        <v>7</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row>
    <row r="28" spans="2:112" ht="19.8" customHeight="1" x14ac:dyDescent="0.2">
      <c r="B28" s="262" t="s">
        <v>26</v>
      </c>
      <c r="C28" s="277">
        <v>0</v>
      </c>
      <c r="D28" s="281">
        <v>0</v>
      </c>
      <c r="E28" s="385">
        <v>0</v>
      </c>
      <c r="F28" s="280">
        <v>0</v>
      </c>
      <c r="G28" s="281">
        <v>55</v>
      </c>
      <c r="H28" s="281">
        <v>149</v>
      </c>
      <c r="I28" s="281">
        <v>116</v>
      </c>
      <c r="J28" s="281">
        <v>45</v>
      </c>
      <c r="K28" s="281">
        <v>30</v>
      </c>
      <c r="L28" s="282">
        <v>395</v>
      </c>
      <c r="M28" s="283">
        <v>395</v>
      </c>
      <c r="N28" s="277">
        <v>0</v>
      </c>
      <c r="O28" s="281">
        <v>0</v>
      </c>
      <c r="P28" s="278">
        <v>0</v>
      </c>
      <c r="Q28" s="280">
        <v>0</v>
      </c>
      <c r="R28" s="281">
        <v>0</v>
      </c>
      <c r="S28" s="281">
        <v>0</v>
      </c>
      <c r="T28" s="281">
        <v>4</v>
      </c>
      <c r="U28" s="281">
        <v>5</v>
      </c>
      <c r="V28" s="281">
        <v>8</v>
      </c>
      <c r="W28" s="278">
        <v>17</v>
      </c>
      <c r="X28" s="283">
        <v>17</v>
      </c>
      <c r="Y28" s="277">
        <v>0</v>
      </c>
      <c r="Z28" s="281">
        <v>0</v>
      </c>
      <c r="AA28" s="278">
        <v>0</v>
      </c>
      <c r="AB28" s="280">
        <v>0</v>
      </c>
      <c r="AC28" s="281">
        <v>7</v>
      </c>
      <c r="AD28" s="281">
        <v>28</v>
      </c>
      <c r="AE28" s="281">
        <v>56</v>
      </c>
      <c r="AF28" s="281">
        <v>28</v>
      </c>
      <c r="AG28" s="281">
        <v>23</v>
      </c>
      <c r="AH28" s="278">
        <v>142</v>
      </c>
      <c r="AI28" s="283">
        <v>142</v>
      </c>
      <c r="AJ28" s="277">
        <v>0</v>
      </c>
      <c r="AK28" s="281">
        <v>0</v>
      </c>
      <c r="AL28" s="278">
        <v>0</v>
      </c>
      <c r="AM28" s="280">
        <v>0</v>
      </c>
      <c r="AN28" s="281">
        <v>24</v>
      </c>
      <c r="AO28" s="281">
        <v>12</v>
      </c>
      <c r="AP28" s="281">
        <v>0</v>
      </c>
      <c r="AQ28" s="281">
        <v>0</v>
      </c>
      <c r="AR28" s="281">
        <v>0</v>
      </c>
      <c r="AS28" s="278">
        <v>36</v>
      </c>
      <c r="AT28" s="283">
        <v>36</v>
      </c>
      <c r="AU28" s="277">
        <v>0</v>
      </c>
      <c r="AV28" s="281">
        <v>0</v>
      </c>
      <c r="AW28" s="278">
        <v>0</v>
      </c>
      <c r="AX28" s="280">
        <v>0</v>
      </c>
      <c r="AY28" s="281">
        <v>53</v>
      </c>
      <c r="AZ28" s="281">
        <v>97</v>
      </c>
      <c r="BA28" s="281">
        <v>39</v>
      </c>
      <c r="BB28" s="281">
        <v>9</v>
      </c>
      <c r="BC28" s="281">
        <v>30</v>
      </c>
      <c r="BD28" s="282">
        <v>228</v>
      </c>
      <c r="BE28" s="283">
        <v>228</v>
      </c>
      <c r="BF28" s="277">
        <v>0</v>
      </c>
      <c r="BG28" s="281">
        <v>0</v>
      </c>
      <c r="BH28" s="278">
        <v>0</v>
      </c>
      <c r="BI28" s="280">
        <v>0</v>
      </c>
      <c r="BJ28" s="281">
        <v>9</v>
      </c>
      <c r="BK28" s="281">
        <v>23</v>
      </c>
      <c r="BL28" s="281">
        <v>14</v>
      </c>
      <c r="BM28" s="281">
        <v>5</v>
      </c>
      <c r="BN28" s="281">
        <v>0</v>
      </c>
      <c r="BO28" s="278">
        <v>51</v>
      </c>
      <c r="BP28" s="283">
        <v>51</v>
      </c>
      <c r="BQ28" s="277">
        <v>0</v>
      </c>
      <c r="BR28" s="281">
        <v>0</v>
      </c>
      <c r="BS28" s="278">
        <v>0</v>
      </c>
      <c r="BT28" s="280">
        <v>0</v>
      </c>
      <c r="BU28" s="281">
        <v>0</v>
      </c>
      <c r="BV28" s="281">
        <v>36</v>
      </c>
      <c r="BW28" s="281">
        <v>43</v>
      </c>
      <c r="BX28" s="281">
        <v>39</v>
      </c>
      <c r="BY28" s="281">
        <v>0</v>
      </c>
      <c r="BZ28" s="278">
        <v>118</v>
      </c>
      <c r="CA28" s="283">
        <v>118</v>
      </c>
      <c r="CB28" s="277">
        <v>0</v>
      </c>
      <c r="CC28" s="281">
        <v>0</v>
      </c>
      <c r="CD28" s="278">
        <v>0</v>
      </c>
      <c r="CE28" s="280">
        <v>0</v>
      </c>
      <c r="CF28" s="281">
        <v>0</v>
      </c>
      <c r="CG28" s="281">
        <v>0</v>
      </c>
      <c r="CH28" s="281">
        <v>0</v>
      </c>
      <c r="CI28" s="281">
        <v>0</v>
      </c>
      <c r="CJ28" s="281">
        <v>0</v>
      </c>
      <c r="CK28" s="278">
        <v>0</v>
      </c>
      <c r="CL28" s="283">
        <v>0</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row>
    <row r="29" spans="2:112" ht="19.8" customHeight="1" x14ac:dyDescent="0.2">
      <c r="B29" s="262" t="s">
        <v>27</v>
      </c>
      <c r="C29" s="277">
        <v>0</v>
      </c>
      <c r="D29" s="281">
        <v>0</v>
      </c>
      <c r="E29" s="385">
        <v>0</v>
      </c>
      <c r="F29" s="280">
        <v>0</v>
      </c>
      <c r="G29" s="281">
        <v>27</v>
      </c>
      <c r="H29" s="281">
        <v>9</v>
      </c>
      <c r="I29" s="281">
        <v>299</v>
      </c>
      <c r="J29" s="281">
        <v>97</v>
      </c>
      <c r="K29" s="281">
        <v>0</v>
      </c>
      <c r="L29" s="282">
        <v>432</v>
      </c>
      <c r="M29" s="283">
        <v>432</v>
      </c>
      <c r="N29" s="277">
        <v>0</v>
      </c>
      <c r="O29" s="281">
        <v>0</v>
      </c>
      <c r="P29" s="278">
        <v>0</v>
      </c>
      <c r="Q29" s="280">
        <v>0</v>
      </c>
      <c r="R29" s="281">
        <v>0</v>
      </c>
      <c r="S29" s="281">
        <v>0</v>
      </c>
      <c r="T29" s="281">
        <v>0</v>
      </c>
      <c r="U29" s="281">
        <v>3</v>
      </c>
      <c r="V29" s="281">
        <v>10</v>
      </c>
      <c r="W29" s="278">
        <v>13</v>
      </c>
      <c r="X29" s="283">
        <v>13</v>
      </c>
      <c r="Y29" s="277">
        <v>11</v>
      </c>
      <c r="Z29" s="281">
        <v>11</v>
      </c>
      <c r="AA29" s="278">
        <v>22</v>
      </c>
      <c r="AB29" s="280">
        <v>0</v>
      </c>
      <c r="AC29" s="281">
        <v>35</v>
      </c>
      <c r="AD29" s="281">
        <v>45</v>
      </c>
      <c r="AE29" s="281">
        <v>28</v>
      </c>
      <c r="AF29" s="281">
        <v>18</v>
      </c>
      <c r="AG29" s="281">
        <v>19</v>
      </c>
      <c r="AH29" s="278">
        <v>145</v>
      </c>
      <c r="AI29" s="283">
        <v>167</v>
      </c>
      <c r="AJ29" s="277">
        <v>0</v>
      </c>
      <c r="AK29" s="281">
        <v>0</v>
      </c>
      <c r="AL29" s="278">
        <v>0</v>
      </c>
      <c r="AM29" s="280">
        <v>0</v>
      </c>
      <c r="AN29" s="281">
        <v>0</v>
      </c>
      <c r="AO29" s="281">
        <v>0</v>
      </c>
      <c r="AP29" s="281">
        <v>0</v>
      </c>
      <c r="AQ29" s="281">
        <v>0</v>
      </c>
      <c r="AR29" s="281">
        <v>0</v>
      </c>
      <c r="AS29" s="278">
        <v>0</v>
      </c>
      <c r="AT29" s="283">
        <v>0</v>
      </c>
      <c r="AU29" s="277">
        <v>0</v>
      </c>
      <c r="AV29" s="281">
        <v>0</v>
      </c>
      <c r="AW29" s="278">
        <v>0</v>
      </c>
      <c r="AX29" s="280">
        <v>0</v>
      </c>
      <c r="AY29" s="281">
        <v>50</v>
      </c>
      <c r="AZ29" s="281">
        <v>56</v>
      </c>
      <c r="BA29" s="281">
        <v>72</v>
      </c>
      <c r="BB29" s="281">
        <v>49</v>
      </c>
      <c r="BC29" s="281">
        <v>14</v>
      </c>
      <c r="BD29" s="282">
        <v>241</v>
      </c>
      <c r="BE29" s="283">
        <v>241</v>
      </c>
      <c r="BF29" s="277">
        <v>0</v>
      </c>
      <c r="BG29" s="281">
        <v>0</v>
      </c>
      <c r="BH29" s="278">
        <v>0</v>
      </c>
      <c r="BI29" s="280">
        <v>0</v>
      </c>
      <c r="BJ29" s="281">
        <v>15</v>
      </c>
      <c r="BK29" s="281">
        <v>23</v>
      </c>
      <c r="BL29" s="281">
        <v>4</v>
      </c>
      <c r="BM29" s="281">
        <v>0</v>
      </c>
      <c r="BN29" s="281">
        <v>0</v>
      </c>
      <c r="BO29" s="278">
        <v>42</v>
      </c>
      <c r="BP29" s="283">
        <v>42</v>
      </c>
      <c r="BQ29" s="277">
        <v>0</v>
      </c>
      <c r="BR29" s="281">
        <v>0</v>
      </c>
      <c r="BS29" s="278">
        <v>0</v>
      </c>
      <c r="BT29" s="280">
        <v>0</v>
      </c>
      <c r="BU29" s="281">
        <v>0</v>
      </c>
      <c r="BV29" s="281">
        <v>0</v>
      </c>
      <c r="BW29" s="281">
        <v>5</v>
      </c>
      <c r="BX29" s="281">
        <v>13</v>
      </c>
      <c r="BY29" s="281">
        <v>3</v>
      </c>
      <c r="BZ29" s="278">
        <v>21</v>
      </c>
      <c r="CA29" s="283">
        <v>21</v>
      </c>
      <c r="CB29" s="277">
        <v>0</v>
      </c>
      <c r="CC29" s="281">
        <v>0</v>
      </c>
      <c r="CD29" s="278">
        <v>0</v>
      </c>
      <c r="CE29" s="280">
        <v>0</v>
      </c>
      <c r="CF29" s="281">
        <v>10</v>
      </c>
      <c r="CG29" s="281">
        <v>0</v>
      </c>
      <c r="CH29" s="281">
        <v>0</v>
      </c>
      <c r="CI29" s="281">
        <v>0</v>
      </c>
      <c r="CJ29" s="281">
        <v>0</v>
      </c>
      <c r="CK29" s="278">
        <v>10</v>
      </c>
      <c r="CL29" s="283">
        <v>10</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row>
    <row r="30" spans="2:112" ht="19.8" customHeight="1" x14ac:dyDescent="0.2">
      <c r="B30" s="262" t="s">
        <v>28</v>
      </c>
      <c r="C30" s="277">
        <v>0</v>
      </c>
      <c r="D30" s="281">
        <v>0</v>
      </c>
      <c r="E30" s="385">
        <v>0</v>
      </c>
      <c r="F30" s="280">
        <v>0</v>
      </c>
      <c r="G30" s="281">
        <v>0</v>
      </c>
      <c r="H30" s="281">
        <v>8</v>
      </c>
      <c r="I30" s="281">
        <v>18</v>
      </c>
      <c r="J30" s="281">
        <v>0</v>
      </c>
      <c r="K30" s="281">
        <v>0</v>
      </c>
      <c r="L30" s="282">
        <v>26</v>
      </c>
      <c r="M30" s="283">
        <v>26</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0</v>
      </c>
      <c r="AD30" s="281">
        <v>20</v>
      </c>
      <c r="AE30" s="281">
        <v>8</v>
      </c>
      <c r="AF30" s="281">
        <v>0</v>
      </c>
      <c r="AG30" s="281">
        <v>0</v>
      </c>
      <c r="AH30" s="278">
        <v>28</v>
      </c>
      <c r="AI30" s="283">
        <v>28</v>
      </c>
      <c r="AJ30" s="277">
        <v>0</v>
      </c>
      <c r="AK30" s="281">
        <v>0</v>
      </c>
      <c r="AL30" s="278">
        <v>0</v>
      </c>
      <c r="AM30" s="280">
        <v>0</v>
      </c>
      <c r="AN30" s="281">
        <v>0</v>
      </c>
      <c r="AO30" s="281">
        <v>0</v>
      </c>
      <c r="AP30" s="281">
        <v>0</v>
      </c>
      <c r="AQ30" s="281">
        <v>0</v>
      </c>
      <c r="AR30" s="281">
        <v>0</v>
      </c>
      <c r="AS30" s="278">
        <v>0</v>
      </c>
      <c r="AT30" s="283">
        <v>0</v>
      </c>
      <c r="AU30" s="277">
        <v>0</v>
      </c>
      <c r="AV30" s="281">
        <v>0</v>
      </c>
      <c r="AW30" s="278">
        <v>0</v>
      </c>
      <c r="AX30" s="280">
        <v>0</v>
      </c>
      <c r="AY30" s="281">
        <v>18</v>
      </c>
      <c r="AZ30" s="281">
        <v>0</v>
      </c>
      <c r="BA30" s="281">
        <v>0</v>
      </c>
      <c r="BB30" s="281">
        <v>0</v>
      </c>
      <c r="BC30" s="281">
        <v>0</v>
      </c>
      <c r="BD30" s="282">
        <v>18</v>
      </c>
      <c r="BE30" s="283">
        <v>18</v>
      </c>
      <c r="BF30" s="277">
        <v>0</v>
      </c>
      <c r="BG30" s="281">
        <v>0</v>
      </c>
      <c r="BH30" s="278">
        <v>0</v>
      </c>
      <c r="BI30" s="280">
        <v>0</v>
      </c>
      <c r="BJ30" s="281">
        <v>0</v>
      </c>
      <c r="BK30" s="281">
        <v>8</v>
      </c>
      <c r="BL30" s="281">
        <v>0</v>
      </c>
      <c r="BM30" s="281">
        <v>0</v>
      </c>
      <c r="BN30" s="281">
        <v>0</v>
      </c>
      <c r="BO30" s="278">
        <v>8</v>
      </c>
      <c r="BP30" s="283">
        <v>8</v>
      </c>
      <c r="BQ30" s="277">
        <v>0</v>
      </c>
      <c r="BR30" s="281">
        <v>0</v>
      </c>
      <c r="BS30" s="278">
        <v>0</v>
      </c>
      <c r="BT30" s="280">
        <v>0</v>
      </c>
      <c r="BU30" s="281">
        <v>0</v>
      </c>
      <c r="BV30" s="281">
        <v>0</v>
      </c>
      <c r="BW30" s="281">
        <v>0</v>
      </c>
      <c r="BX30" s="281">
        <v>0</v>
      </c>
      <c r="BY30" s="281">
        <v>4</v>
      </c>
      <c r="BZ30" s="278">
        <v>4</v>
      </c>
      <c r="CA30" s="283">
        <v>4</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row>
    <row r="31" spans="2:112" ht="19.8" customHeight="1" x14ac:dyDescent="0.2">
      <c r="B31" s="262" t="s">
        <v>29</v>
      </c>
      <c r="C31" s="277">
        <v>0</v>
      </c>
      <c r="D31" s="281">
        <v>0</v>
      </c>
      <c r="E31" s="385">
        <v>0</v>
      </c>
      <c r="F31" s="280">
        <v>0</v>
      </c>
      <c r="G31" s="281">
        <v>4</v>
      </c>
      <c r="H31" s="281">
        <v>0</v>
      </c>
      <c r="I31" s="281">
        <v>0</v>
      </c>
      <c r="J31" s="281">
        <v>61</v>
      </c>
      <c r="K31" s="281">
        <v>0</v>
      </c>
      <c r="L31" s="282">
        <v>65</v>
      </c>
      <c r="M31" s="283">
        <v>65</v>
      </c>
      <c r="N31" s="277">
        <v>0</v>
      </c>
      <c r="O31" s="281">
        <v>0</v>
      </c>
      <c r="P31" s="278">
        <v>0</v>
      </c>
      <c r="Q31" s="280">
        <v>0</v>
      </c>
      <c r="R31" s="281">
        <v>0</v>
      </c>
      <c r="S31" s="281">
        <v>0</v>
      </c>
      <c r="T31" s="281">
        <v>0</v>
      </c>
      <c r="U31" s="281">
        <v>0</v>
      </c>
      <c r="V31" s="281">
        <v>4</v>
      </c>
      <c r="W31" s="278">
        <v>4</v>
      </c>
      <c r="X31" s="283">
        <v>4</v>
      </c>
      <c r="Y31" s="277">
        <v>0</v>
      </c>
      <c r="Z31" s="281">
        <v>2</v>
      </c>
      <c r="AA31" s="278">
        <v>2</v>
      </c>
      <c r="AB31" s="280">
        <v>0</v>
      </c>
      <c r="AC31" s="281">
        <v>0</v>
      </c>
      <c r="AD31" s="281">
        <v>0</v>
      </c>
      <c r="AE31" s="281">
        <v>12</v>
      </c>
      <c r="AF31" s="281">
        <v>5</v>
      </c>
      <c r="AG31" s="281">
        <v>5</v>
      </c>
      <c r="AH31" s="278">
        <v>22</v>
      </c>
      <c r="AI31" s="283">
        <v>24</v>
      </c>
      <c r="AJ31" s="277">
        <v>0</v>
      </c>
      <c r="AK31" s="281">
        <v>0</v>
      </c>
      <c r="AL31" s="278">
        <v>0</v>
      </c>
      <c r="AM31" s="280">
        <v>0</v>
      </c>
      <c r="AN31" s="281">
        <v>0</v>
      </c>
      <c r="AO31" s="281">
        <v>0</v>
      </c>
      <c r="AP31" s="281">
        <v>0</v>
      </c>
      <c r="AQ31" s="281">
        <v>0</v>
      </c>
      <c r="AR31" s="281">
        <v>0</v>
      </c>
      <c r="AS31" s="278">
        <v>0</v>
      </c>
      <c r="AT31" s="283">
        <v>0</v>
      </c>
      <c r="AU31" s="277">
        <v>0</v>
      </c>
      <c r="AV31" s="281">
        <v>0</v>
      </c>
      <c r="AW31" s="278">
        <v>0</v>
      </c>
      <c r="AX31" s="280">
        <v>0</v>
      </c>
      <c r="AY31" s="281">
        <v>49</v>
      </c>
      <c r="AZ31" s="281">
        <v>15</v>
      </c>
      <c r="BA31" s="281">
        <v>16</v>
      </c>
      <c r="BB31" s="281">
        <v>0</v>
      </c>
      <c r="BC31" s="281">
        <v>8</v>
      </c>
      <c r="BD31" s="282">
        <v>88</v>
      </c>
      <c r="BE31" s="283">
        <v>88</v>
      </c>
      <c r="BF31" s="277">
        <v>0</v>
      </c>
      <c r="BG31" s="281">
        <v>0</v>
      </c>
      <c r="BH31" s="278">
        <v>0</v>
      </c>
      <c r="BI31" s="280">
        <v>0</v>
      </c>
      <c r="BJ31" s="281">
        <v>7</v>
      </c>
      <c r="BK31" s="281">
        <v>0</v>
      </c>
      <c r="BL31" s="281">
        <v>4</v>
      </c>
      <c r="BM31" s="281">
        <v>9</v>
      </c>
      <c r="BN31" s="281">
        <v>0</v>
      </c>
      <c r="BO31" s="278">
        <v>20</v>
      </c>
      <c r="BP31" s="283">
        <v>20</v>
      </c>
      <c r="BQ31" s="277">
        <v>0</v>
      </c>
      <c r="BR31" s="281">
        <v>0</v>
      </c>
      <c r="BS31" s="278">
        <v>0</v>
      </c>
      <c r="BT31" s="280">
        <v>0</v>
      </c>
      <c r="BU31" s="281">
        <v>0</v>
      </c>
      <c r="BV31" s="281">
        <v>0</v>
      </c>
      <c r="BW31" s="281">
        <v>2</v>
      </c>
      <c r="BX31" s="281">
        <v>0</v>
      </c>
      <c r="BY31" s="281">
        <v>12</v>
      </c>
      <c r="BZ31" s="278">
        <v>14</v>
      </c>
      <c r="CA31" s="283">
        <v>14</v>
      </c>
      <c r="CB31" s="277">
        <v>0</v>
      </c>
      <c r="CC31" s="281">
        <v>0</v>
      </c>
      <c r="CD31" s="278">
        <v>0</v>
      </c>
      <c r="CE31" s="280">
        <v>0</v>
      </c>
      <c r="CF31" s="281">
        <v>0</v>
      </c>
      <c r="CG31" s="281">
        <v>0</v>
      </c>
      <c r="CH31" s="281">
        <v>0</v>
      </c>
      <c r="CI31" s="281">
        <v>0</v>
      </c>
      <c r="CJ31" s="281">
        <v>0</v>
      </c>
      <c r="CK31" s="278">
        <v>0</v>
      </c>
      <c r="CL31" s="283">
        <v>0</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row>
    <row r="32" spans="2:112" ht="19.8" customHeight="1" x14ac:dyDescent="0.2">
      <c r="B32" s="262" t="s">
        <v>30</v>
      </c>
      <c r="C32" s="277">
        <v>0</v>
      </c>
      <c r="D32" s="281">
        <v>0</v>
      </c>
      <c r="E32" s="385">
        <v>0</v>
      </c>
      <c r="F32" s="280">
        <v>0</v>
      </c>
      <c r="G32" s="281">
        <v>0</v>
      </c>
      <c r="H32" s="281">
        <v>19</v>
      </c>
      <c r="I32" s="281">
        <v>2</v>
      </c>
      <c r="J32" s="281">
        <v>31</v>
      </c>
      <c r="K32" s="281">
        <v>62</v>
      </c>
      <c r="L32" s="282">
        <v>114</v>
      </c>
      <c r="M32" s="283">
        <v>114</v>
      </c>
      <c r="N32" s="277">
        <v>0</v>
      </c>
      <c r="O32" s="281">
        <v>0</v>
      </c>
      <c r="P32" s="278">
        <v>0</v>
      </c>
      <c r="Q32" s="280">
        <v>0</v>
      </c>
      <c r="R32" s="281">
        <v>0</v>
      </c>
      <c r="S32" s="281">
        <v>0</v>
      </c>
      <c r="T32" s="281">
        <v>0</v>
      </c>
      <c r="U32" s="281">
        <v>8</v>
      </c>
      <c r="V32" s="281">
        <v>7</v>
      </c>
      <c r="W32" s="278">
        <v>15</v>
      </c>
      <c r="X32" s="283">
        <v>15</v>
      </c>
      <c r="Y32" s="277">
        <v>0</v>
      </c>
      <c r="Z32" s="281">
        <v>2</v>
      </c>
      <c r="AA32" s="278">
        <v>2</v>
      </c>
      <c r="AB32" s="280">
        <v>0</v>
      </c>
      <c r="AC32" s="281">
        <v>4</v>
      </c>
      <c r="AD32" s="281">
        <v>0</v>
      </c>
      <c r="AE32" s="281">
        <v>0</v>
      </c>
      <c r="AF32" s="281">
        <v>10</v>
      </c>
      <c r="AG32" s="281">
        <v>7</v>
      </c>
      <c r="AH32" s="278">
        <v>21</v>
      </c>
      <c r="AI32" s="283">
        <v>23</v>
      </c>
      <c r="AJ32" s="277">
        <v>0</v>
      </c>
      <c r="AK32" s="281">
        <v>0</v>
      </c>
      <c r="AL32" s="278">
        <v>0</v>
      </c>
      <c r="AM32" s="280">
        <v>0</v>
      </c>
      <c r="AN32" s="281">
        <v>0</v>
      </c>
      <c r="AO32" s="281">
        <v>0</v>
      </c>
      <c r="AP32" s="281">
        <v>0</v>
      </c>
      <c r="AQ32" s="281">
        <v>0</v>
      </c>
      <c r="AR32" s="281">
        <v>0</v>
      </c>
      <c r="AS32" s="278">
        <v>0</v>
      </c>
      <c r="AT32" s="283">
        <v>0</v>
      </c>
      <c r="AU32" s="277">
        <v>0</v>
      </c>
      <c r="AV32" s="281">
        <v>0</v>
      </c>
      <c r="AW32" s="278">
        <v>0</v>
      </c>
      <c r="AX32" s="280">
        <v>0</v>
      </c>
      <c r="AY32" s="281">
        <v>2</v>
      </c>
      <c r="AZ32" s="281">
        <v>0</v>
      </c>
      <c r="BA32" s="281">
        <v>0</v>
      </c>
      <c r="BB32" s="281">
        <v>19</v>
      </c>
      <c r="BC32" s="281">
        <v>0</v>
      </c>
      <c r="BD32" s="282">
        <v>21</v>
      </c>
      <c r="BE32" s="283">
        <v>21</v>
      </c>
      <c r="BF32" s="277">
        <v>0</v>
      </c>
      <c r="BG32" s="281">
        <v>0</v>
      </c>
      <c r="BH32" s="278">
        <v>0</v>
      </c>
      <c r="BI32" s="280">
        <v>0</v>
      </c>
      <c r="BJ32" s="281">
        <v>5</v>
      </c>
      <c r="BK32" s="281">
        <v>0</v>
      </c>
      <c r="BL32" s="281">
        <v>0</v>
      </c>
      <c r="BM32" s="281">
        <v>0</v>
      </c>
      <c r="BN32" s="281">
        <v>0</v>
      </c>
      <c r="BO32" s="278">
        <v>5</v>
      </c>
      <c r="BP32" s="283">
        <v>5</v>
      </c>
      <c r="BQ32" s="277">
        <v>0</v>
      </c>
      <c r="BR32" s="281">
        <v>0</v>
      </c>
      <c r="BS32" s="278">
        <v>0</v>
      </c>
      <c r="BT32" s="280">
        <v>0</v>
      </c>
      <c r="BU32" s="281">
        <v>4</v>
      </c>
      <c r="BV32" s="281">
        <v>0</v>
      </c>
      <c r="BW32" s="281">
        <v>0</v>
      </c>
      <c r="BX32" s="281">
        <v>14</v>
      </c>
      <c r="BY32" s="281">
        <v>0</v>
      </c>
      <c r="BZ32" s="278">
        <v>18</v>
      </c>
      <c r="CA32" s="283">
        <v>18</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row>
    <row r="33" spans="2:112" ht="19.8" customHeight="1" x14ac:dyDescent="0.2">
      <c r="B33" s="262" t="s">
        <v>31</v>
      </c>
      <c r="C33" s="277">
        <v>0</v>
      </c>
      <c r="D33" s="281">
        <v>0</v>
      </c>
      <c r="E33" s="385">
        <v>0</v>
      </c>
      <c r="F33" s="280">
        <v>0</v>
      </c>
      <c r="G33" s="281">
        <v>17</v>
      </c>
      <c r="H33" s="281">
        <v>12</v>
      </c>
      <c r="I33" s="281">
        <v>0</v>
      </c>
      <c r="J33" s="281">
        <v>0</v>
      </c>
      <c r="K33" s="281">
        <v>0</v>
      </c>
      <c r="L33" s="282">
        <v>29</v>
      </c>
      <c r="M33" s="283">
        <v>29</v>
      </c>
      <c r="N33" s="277">
        <v>0</v>
      </c>
      <c r="O33" s="281">
        <v>0</v>
      </c>
      <c r="P33" s="278">
        <v>0</v>
      </c>
      <c r="Q33" s="280">
        <v>0</v>
      </c>
      <c r="R33" s="281">
        <v>0</v>
      </c>
      <c r="S33" s="281">
        <v>5</v>
      </c>
      <c r="T33" s="281">
        <v>5</v>
      </c>
      <c r="U33" s="281">
        <v>0</v>
      </c>
      <c r="V33" s="281">
        <v>0</v>
      </c>
      <c r="W33" s="278">
        <v>10</v>
      </c>
      <c r="X33" s="283">
        <v>10</v>
      </c>
      <c r="Y33" s="277">
        <v>0</v>
      </c>
      <c r="Z33" s="281">
        <v>0</v>
      </c>
      <c r="AA33" s="278">
        <v>0</v>
      </c>
      <c r="AB33" s="280">
        <v>0</v>
      </c>
      <c r="AC33" s="281">
        <v>7</v>
      </c>
      <c r="AD33" s="281">
        <v>0</v>
      </c>
      <c r="AE33" s="281">
        <v>5</v>
      </c>
      <c r="AF33" s="281">
        <v>4</v>
      </c>
      <c r="AG33" s="281">
        <v>0</v>
      </c>
      <c r="AH33" s="278">
        <v>16</v>
      </c>
      <c r="AI33" s="283">
        <v>16</v>
      </c>
      <c r="AJ33" s="277">
        <v>0</v>
      </c>
      <c r="AK33" s="281">
        <v>0</v>
      </c>
      <c r="AL33" s="278">
        <v>0</v>
      </c>
      <c r="AM33" s="280">
        <v>0</v>
      </c>
      <c r="AN33" s="281">
        <v>22</v>
      </c>
      <c r="AO33" s="281">
        <v>24</v>
      </c>
      <c r="AP33" s="281">
        <v>0</v>
      </c>
      <c r="AQ33" s="281">
        <v>15</v>
      </c>
      <c r="AR33" s="281">
        <v>0</v>
      </c>
      <c r="AS33" s="278">
        <v>61</v>
      </c>
      <c r="AT33" s="283">
        <v>61</v>
      </c>
      <c r="AU33" s="277">
        <v>0</v>
      </c>
      <c r="AV33" s="281">
        <v>0</v>
      </c>
      <c r="AW33" s="278">
        <v>0</v>
      </c>
      <c r="AX33" s="280">
        <v>0</v>
      </c>
      <c r="AY33" s="281">
        <v>17</v>
      </c>
      <c r="AZ33" s="281">
        <v>22</v>
      </c>
      <c r="BA33" s="281">
        <v>2</v>
      </c>
      <c r="BB33" s="281">
        <v>0</v>
      </c>
      <c r="BC33" s="281">
        <v>0</v>
      </c>
      <c r="BD33" s="282">
        <v>41</v>
      </c>
      <c r="BE33" s="283">
        <v>41</v>
      </c>
      <c r="BF33" s="277">
        <v>0</v>
      </c>
      <c r="BG33" s="281">
        <v>0</v>
      </c>
      <c r="BH33" s="278">
        <v>0</v>
      </c>
      <c r="BI33" s="280">
        <v>0</v>
      </c>
      <c r="BJ33" s="281">
        <v>0</v>
      </c>
      <c r="BK33" s="281">
        <v>30</v>
      </c>
      <c r="BL33" s="281">
        <v>0</v>
      </c>
      <c r="BM33" s="281">
        <v>8</v>
      </c>
      <c r="BN33" s="281">
        <v>0</v>
      </c>
      <c r="BO33" s="278">
        <v>38</v>
      </c>
      <c r="BP33" s="283">
        <v>38</v>
      </c>
      <c r="BQ33" s="277">
        <v>0</v>
      </c>
      <c r="BR33" s="281">
        <v>0</v>
      </c>
      <c r="BS33" s="278">
        <v>0</v>
      </c>
      <c r="BT33" s="280">
        <v>0</v>
      </c>
      <c r="BU33" s="281">
        <v>6</v>
      </c>
      <c r="BV33" s="281">
        <v>11</v>
      </c>
      <c r="BW33" s="281">
        <v>0</v>
      </c>
      <c r="BX33" s="281">
        <v>0</v>
      </c>
      <c r="BY33" s="281">
        <v>0</v>
      </c>
      <c r="BZ33" s="278">
        <v>17</v>
      </c>
      <c r="CA33" s="283">
        <v>17</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row>
    <row r="34" spans="2:112" ht="19.8" customHeight="1" x14ac:dyDescent="0.2">
      <c r="B34" s="262" t="s">
        <v>32</v>
      </c>
      <c r="C34" s="277">
        <v>0</v>
      </c>
      <c r="D34" s="281">
        <v>0</v>
      </c>
      <c r="E34" s="385">
        <v>0</v>
      </c>
      <c r="F34" s="280">
        <v>0</v>
      </c>
      <c r="G34" s="281">
        <v>4</v>
      </c>
      <c r="H34" s="281">
        <v>36</v>
      </c>
      <c r="I34" s="281">
        <v>18</v>
      </c>
      <c r="J34" s="281">
        <v>112</v>
      </c>
      <c r="K34" s="281">
        <v>86</v>
      </c>
      <c r="L34" s="282">
        <v>256</v>
      </c>
      <c r="M34" s="283">
        <v>256</v>
      </c>
      <c r="N34" s="277">
        <v>0</v>
      </c>
      <c r="O34" s="281">
        <v>0</v>
      </c>
      <c r="P34" s="278">
        <v>0</v>
      </c>
      <c r="Q34" s="280">
        <v>0</v>
      </c>
      <c r="R34" s="281">
        <v>0</v>
      </c>
      <c r="S34" s="281">
        <v>0</v>
      </c>
      <c r="T34" s="281">
        <v>0</v>
      </c>
      <c r="U34" s="281">
        <v>0</v>
      </c>
      <c r="V34" s="281">
        <v>4</v>
      </c>
      <c r="W34" s="278">
        <v>4</v>
      </c>
      <c r="X34" s="283">
        <v>4</v>
      </c>
      <c r="Y34" s="277">
        <v>0</v>
      </c>
      <c r="Z34" s="281">
        <v>2</v>
      </c>
      <c r="AA34" s="278">
        <v>2</v>
      </c>
      <c r="AB34" s="280">
        <v>0</v>
      </c>
      <c r="AC34" s="281">
        <v>23</v>
      </c>
      <c r="AD34" s="281">
        <v>13</v>
      </c>
      <c r="AE34" s="281">
        <v>12</v>
      </c>
      <c r="AF34" s="281">
        <v>7</v>
      </c>
      <c r="AG34" s="281">
        <v>0</v>
      </c>
      <c r="AH34" s="278">
        <v>55</v>
      </c>
      <c r="AI34" s="283">
        <v>57</v>
      </c>
      <c r="AJ34" s="277">
        <v>0</v>
      </c>
      <c r="AK34" s="281">
        <v>0</v>
      </c>
      <c r="AL34" s="278">
        <v>0</v>
      </c>
      <c r="AM34" s="280">
        <v>0</v>
      </c>
      <c r="AN34" s="281">
        <v>0</v>
      </c>
      <c r="AO34" s="281">
        <v>27</v>
      </c>
      <c r="AP34" s="281">
        <v>0</v>
      </c>
      <c r="AQ34" s="281">
        <v>0</v>
      </c>
      <c r="AR34" s="281">
        <v>0</v>
      </c>
      <c r="AS34" s="278">
        <v>27</v>
      </c>
      <c r="AT34" s="283">
        <v>27</v>
      </c>
      <c r="AU34" s="277">
        <v>0</v>
      </c>
      <c r="AV34" s="281">
        <v>0</v>
      </c>
      <c r="AW34" s="278">
        <v>0</v>
      </c>
      <c r="AX34" s="280">
        <v>0</v>
      </c>
      <c r="AY34" s="281">
        <v>32</v>
      </c>
      <c r="AZ34" s="281">
        <v>7</v>
      </c>
      <c r="BA34" s="281">
        <v>14</v>
      </c>
      <c r="BB34" s="281">
        <v>0</v>
      </c>
      <c r="BC34" s="281">
        <v>8</v>
      </c>
      <c r="BD34" s="282">
        <v>61</v>
      </c>
      <c r="BE34" s="283">
        <v>61</v>
      </c>
      <c r="BF34" s="277">
        <v>0</v>
      </c>
      <c r="BG34" s="281">
        <v>0</v>
      </c>
      <c r="BH34" s="278">
        <v>0</v>
      </c>
      <c r="BI34" s="280">
        <v>0</v>
      </c>
      <c r="BJ34" s="281">
        <v>11</v>
      </c>
      <c r="BK34" s="281">
        <v>0</v>
      </c>
      <c r="BL34" s="281">
        <v>0</v>
      </c>
      <c r="BM34" s="281">
        <v>0</v>
      </c>
      <c r="BN34" s="281">
        <v>10</v>
      </c>
      <c r="BO34" s="278">
        <v>21</v>
      </c>
      <c r="BP34" s="283">
        <v>21</v>
      </c>
      <c r="BQ34" s="277">
        <v>0</v>
      </c>
      <c r="BR34" s="281">
        <v>0</v>
      </c>
      <c r="BS34" s="278">
        <v>0</v>
      </c>
      <c r="BT34" s="280">
        <v>0</v>
      </c>
      <c r="BU34" s="281">
        <v>2</v>
      </c>
      <c r="BV34" s="281">
        <v>0</v>
      </c>
      <c r="BW34" s="281">
        <v>10</v>
      </c>
      <c r="BX34" s="281">
        <v>0</v>
      </c>
      <c r="BY34" s="281">
        <v>7</v>
      </c>
      <c r="BZ34" s="278">
        <v>19</v>
      </c>
      <c r="CA34" s="283">
        <v>19</v>
      </c>
      <c r="CB34" s="277">
        <v>0</v>
      </c>
      <c r="CC34" s="281">
        <v>0</v>
      </c>
      <c r="CD34" s="278">
        <v>0</v>
      </c>
      <c r="CE34" s="280">
        <v>0</v>
      </c>
      <c r="CF34" s="281">
        <v>0</v>
      </c>
      <c r="CG34" s="281">
        <v>0</v>
      </c>
      <c r="CH34" s="281">
        <v>0</v>
      </c>
      <c r="CI34" s="281">
        <v>0</v>
      </c>
      <c r="CJ34" s="281">
        <v>0</v>
      </c>
      <c r="CK34" s="278">
        <v>0</v>
      </c>
      <c r="CL34" s="283">
        <v>0</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row>
    <row r="35" spans="2:112" ht="19.8" customHeight="1" x14ac:dyDescent="0.2">
      <c r="B35" s="262" t="s">
        <v>33</v>
      </c>
      <c r="C35" s="277">
        <v>0</v>
      </c>
      <c r="D35" s="281">
        <v>0</v>
      </c>
      <c r="E35" s="385">
        <v>0</v>
      </c>
      <c r="F35" s="280">
        <v>0</v>
      </c>
      <c r="G35" s="281">
        <v>7</v>
      </c>
      <c r="H35" s="281">
        <v>0</v>
      </c>
      <c r="I35" s="281">
        <v>0</v>
      </c>
      <c r="J35" s="281">
        <v>0</v>
      </c>
      <c r="K35" s="281">
        <v>0</v>
      </c>
      <c r="L35" s="282">
        <v>7</v>
      </c>
      <c r="M35" s="283">
        <v>7</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22</v>
      </c>
      <c r="AD35" s="281">
        <v>0</v>
      </c>
      <c r="AE35" s="281">
        <v>0</v>
      </c>
      <c r="AF35" s="281">
        <v>0</v>
      </c>
      <c r="AG35" s="281">
        <v>0</v>
      </c>
      <c r="AH35" s="278">
        <v>22</v>
      </c>
      <c r="AI35" s="283">
        <v>22</v>
      </c>
      <c r="AJ35" s="277">
        <v>24</v>
      </c>
      <c r="AK35" s="281">
        <v>24</v>
      </c>
      <c r="AL35" s="278">
        <v>48</v>
      </c>
      <c r="AM35" s="280">
        <v>0</v>
      </c>
      <c r="AN35" s="281">
        <v>0</v>
      </c>
      <c r="AO35" s="281">
        <v>0</v>
      </c>
      <c r="AP35" s="281">
        <v>0</v>
      </c>
      <c r="AQ35" s="281">
        <v>0</v>
      </c>
      <c r="AR35" s="281">
        <v>0</v>
      </c>
      <c r="AS35" s="278">
        <v>0</v>
      </c>
      <c r="AT35" s="283">
        <v>48</v>
      </c>
      <c r="AU35" s="277">
        <v>0</v>
      </c>
      <c r="AV35" s="281">
        <v>0</v>
      </c>
      <c r="AW35" s="278">
        <v>0</v>
      </c>
      <c r="AX35" s="280">
        <v>0</v>
      </c>
      <c r="AY35" s="281">
        <v>5</v>
      </c>
      <c r="AZ35" s="281">
        <v>0</v>
      </c>
      <c r="BA35" s="281">
        <v>0</v>
      </c>
      <c r="BB35" s="281">
        <v>0</v>
      </c>
      <c r="BC35" s="281">
        <v>0</v>
      </c>
      <c r="BD35" s="282">
        <v>5</v>
      </c>
      <c r="BE35" s="283">
        <v>5</v>
      </c>
      <c r="BF35" s="277">
        <v>0</v>
      </c>
      <c r="BG35" s="281">
        <v>0</v>
      </c>
      <c r="BH35" s="278">
        <v>0</v>
      </c>
      <c r="BI35" s="280">
        <v>0</v>
      </c>
      <c r="BJ35" s="281">
        <v>3</v>
      </c>
      <c r="BK35" s="281">
        <v>9</v>
      </c>
      <c r="BL35" s="281">
        <v>19</v>
      </c>
      <c r="BM35" s="281">
        <v>0</v>
      </c>
      <c r="BN35" s="281">
        <v>0</v>
      </c>
      <c r="BO35" s="278">
        <v>31</v>
      </c>
      <c r="BP35" s="283">
        <v>31</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13</v>
      </c>
      <c r="CI35" s="281">
        <v>0</v>
      </c>
      <c r="CJ35" s="281">
        <v>0</v>
      </c>
      <c r="CK35" s="278">
        <v>13</v>
      </c>
      <c r="CL35" s="283">
        <v>13</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row>
    <row r="36" spans="2:112" ht="19.8" customHeight="1" x14ac:dyDescent="0.2">
      <c r="B36" s="262" t="s">
        <v>34</v>
      </c>
      <c r="C36" s="277">
        <v>0</v>
      </c>
      <c r="D36" s="281">
        <v>0</v>
      </c>
      <c r="E36" s="385">
        <v>0</v>
      </c>
      <c r="F36" s="280">
        <v>0</v>
      </c>
      <c r="G36" s="281">
        <v>4</v>
      </c>
      <c r="H36" s="281">
        <v>0</v>
      </c>
      <c r="I36" s="281">
        <v>0</v>
      </c>
      <c r="J36" s="281">
        <v>0</v>
      </c>
      <c r="K36" s="281">
        <v>0</v>
      </c>
      <c r="L36" s="282">
        <v>4</v>
      </c>
      <c r="M36" s="283">
        <v>4</v>
      </c>
      <c r="N36" s="277">
        <v>0</v>
      </c>
      <c r="O36" s="281">
        <v>0</v>
      </c>
      <c r="P36" s="278">
        <v>0</v>
      </c>
      <c r="Q36" s="280">
        <v>0</v>
      </c>
      <c r="R36" s="281">
        <v>0</v>
      </c>
      <c r="S36" s="281">
        <v>0</v>
      </c>
      <c r="T36" s="281">
        <v>0</v>
      </c>
      <c r="U36" s="281">
        <v>0</v>
      </c>
      <c r="V36" s="281">
        <v>0</v>
      </c>
      <c r="W36" s="278">
        <v>0</v>
      </c>
      <c r="X36" s="283">
        <v>0</v>
      </c>
      <c r="Y36" s="277">
        <v>0</v>
      </c>
      <c r="Z36" s="281">
        <v>9</v>
      </c>
      <c r="AA36" s="278">
        <v>9</v>
      </c>
      <c r="AB36" s="280">
        <v>0</v>
      </c>
      <c r="AC36" s="281">
        <v>3</v>
      </c>
      <c r="AD36" s="281">
        <v>4</v>
      </c>
      <c r="AE36" s="281">
        <v>0</v>
      </c>
      <c r="AF36" s="281">
        <v>0</v>
      </c>
      <c r="AG36" s="281">
        <v>0</v>
      </c>
      <c r="AH36" s="278">
        <v>7</v>
      </c>
      <c r="AI36" s="283">
        <v>16</v>
      </c>
      <c r="AJ36" s="277">
        <v>0</v>
      </c>
      <c r="AK36" s="281">
        <v>0</v>
      </c>
      <c r="AL36" s="278">
        <v>0</v>
      </c>
      <c r="AM36" s="280">
        <v>0</v>
      </c>
      <c r="AN36" s="281">
        <v>0</v>
      </c>
      <c r="AO36" s="281">
        <v>23</v>
      </c>
      <c r="AP36" s="281">
        <v>0</v>
      </c>
      <c r="AQ36" s="281">
        <v>0</v>
      </c>
      <c r="AR36" s="281">
        <v>0</v>
      </c>
      <c r="AS36" s="278">
        <v>23</v>
      </c>
      <c r="AT36" s="283">
        <v>23</v>
      </c>
      <c r="AU36" s="277">
        <v>0</v>
      </c>
      <c r="AV36" s="281">
        <v>0</v>
      </c>
      <c r="AW36" s="278">
        <v>0</v>
      </c>
      <c r="AX36" s="280">
        <v>0</v>
      </c>
      <c r="AY36" s="281">
        <v>4</v>
      </c>
      <c r="AZ36" s="281">
        <v>0</v>
      </c>
      <c r="BA36" s="281">
        <v>0</v>
      </c>
      <c r="BB36" s="281">
        <v>0</v>
      </c>
      <c r="BC36" s="281">
        <v>0</v>
      </c>
      <c r="BD36" s="282">
        <v>4</v>
      </c>
      <c r="BE36" s="283">
        <v>4</v>
      </c>
      <c r="BF36" s="277">
        <v>0</v>
      </c>
      <c r="BG36" s="281">
        <v>0</v>
      </c>
      <c r="BH36" s="278">
        <v>0</v>
      </c>
      <c r="BI36" s="280">
        <v>0</v>
      </c>
      <c r="BJ36" s="281">
        <v>8</v>
      </c>
      <c r="BK36" s="281">
        <v>8</v>
      </c>
      <c r="BL36" s="281">
        <v>0</v>
      </c>
      <c r="BM36" s="281">
        <v>0</v>
      </c>
      <c r="BN36" s="281">
        <v>0</v>
      </c>
      <c r="BO36" s="278">
        <v>16</v>
      </c>
      <c r="BP36" s="283">
        <v>16</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row>
    <row r="37" spans="2:112" ht="19.8" customHeight="1" x14ac:dyDescent="0.2">
      <c r="B37" s="262" t="s">
        <v>35</v>
      </c>
      <c r="C37" s="277">
        <v>0</v>
      </c>
      <c r="D37" s="281">
        <v>0</v>
      </c>
      <c r="E37" s="385">
        <v>0</v>
      </c>
      <c r="F37" s="280">
        <v>0</v>
      </c>
      <c r="G37" s="281">
        <v>42</v>
      </c>
      <c r="H37" s="281">
        <v>46</v>
      </c>
      <c r="I37" s="281">
        <v>83</v>
      </c>
      <c r="J37" s="281">
        <v>0</v>
      </c>
      <c r="K37" s="281">
        <v>85</v>
      </c>
      <c r="L37" s="282">
        <v>256</v>
      </c>
      <c r="M37" s="283">
        <v>256</v>
      </c>
      <c r="N37" s="277">
        <v>0</v>
      </c>
      <c r="O37" s="281">
        <v>0</v>
      </c>
      <c r="P37" s="278">
        <v>0</v>
      </c>
      <c r="Q37" s="280">
        <v>0</v>
      </c>
      <c r="R37" s="281">
        <v>0</v>
      </c>
      <c r="S37" s="281">
        <v>0</v>
      </c>
      <c r="T37" s="281">
        <v>0</v>
      </c>
      <c r="U37" s="281">
        <v>0</v>
      </c>
      <c r="V37" s="281">
        <v>6</v>
      </c>
      <c r="W37" s="278">
        <v>6</v>
      </c>
      <c r="X37" s="283">
        <v>6</v>
      </c>
      <c r="Y37" s="277">
        <v>0</v>
      </c>
      <c r="Z37" s="281">
        <v>0</v>
      </c>
      <c r="AA37" s="278">
        <v>0</v>
      </c>
      <c r="AB37" s="280">
        <v>0</v>
      </c>
      <c r="AC37" s="281">
        <v>0</v>
      </c>
      <c r="AD37" s="281">
        <v>10</v>
      </c>
      <c r="AE37" s="281">
        <v>0</v>
      </c>
      <c r="AF37" s="281">
        <v>0</v>
      </c>
      <c r="AG37" s="281">
        <v>0</v>
      </c>
      <c r="AH37" s="278">
        <v>10</v>
      </c>
      <c r="AI37" s="283">
        <v>10</v>
      </c>
      <c r="AJ37" s="277">
        <v>0</v>
      </c>
      <c r="AK37" s="281">
        <v>0</v>
      </c>
      <c r="AL37" s="278">
        <v>0</v>
      </c>
      <c r="AM37" s="280">
        <v>0</v>
      </c>
      <c r="AN37" s="281">
        <v>30</v>
      </c>
      <c r="AO37" s="281">
        <v>12</v>
      </c>
      <c r="AP37" s="281">
        <v>24</v>
      </c>
      <c r="AQ37" s="281">
        <v>0</v>
      </c>
      <c r="AR37" s="281">
        <v>0</v>
      </c>
      <c r="AS37" s="278">
        <v>66</v>
      </c>
      <c r="AT37" s="283">
        <v>66</v>
      </c>
      <c r="AU37" s="277">
        <v>0</v>
      </c>
      <c r="AV37" s="281">
        <v>0</v>
      </c>
      <c r="AW37" s="278">
        <v>0</v>
      </c>
      <c r="AX37" s="280">
        <v>0</v>
      </c>
      <c r="AY37" s="281">
        <v>54</v>
      </c>
      <c r="AZ37" s="281">
        <v>88</v>
      </c>
      <c r="BA37" s="281">
        <v>18</v>
      </c>
      <c r="BB37" s="281">
        <v>0</v>
      </c>
      <c r="BC37" s="281">
        <v>0</v>
      </c>
      <c r="BD37" s="282">
        <v>160</v>
      </c>
      <c r="BE37" s="283">
        <v>160</v>
      </c>
      <c r="BF37" s="277">
        <v>0</v>
      </c>
      <c r="BG37" s="281">
        <v>0</v>
      </c>
      <c r="BH37" s="278">
        <v>0</v>
      </c>
      <c r="BI37" s="280">
        <v>0</v>
      </c>
      <c r="BJ37" s="281">
        <v>6</v>
      </c>
      <c r="BK37" s="281">
        <v>1</v>
      </c>
      <c r="BL37" s="281">
        <v>0</v>
      </c>
      <c r="BM37" s="281">
        <v>22</v>
      </c>
      <c r="BN37" s="281">
        <v>0</v>
      </c>
      <c r="BO37" s="278">
        <v>29</v>
      </c>
      <c r="BP37" s="283">
        <v>29</v>
      </c>
      <c r="BQ37" s="277">
        <v>0</v>
      </c>
      <c r="BR37" s="281">
        <v>0</v>
      </c>
      <c r="BS37" s="278">
        <v>0</v>
      </c>
      <c r="BT37" s="280">
        <v>0</v>
      </c>
      <c r="BU37" s="281">
        <v>0</v>
      </c>
      <c r="BV37" s="281">
        <v>0</v>
      </c>
      <c r="BW37" s="281">
        <v>1</v>
      </c>
      <c r="BX37" s="281">
        <v>0</v>
      </c>
      <c r="BY37" s="281">
        <v>0</v>
      </c>
      <c r="BZ37" s="278">
        <v>1</v>
      </c>
      <c r="CA37" s="283">
        <v>1</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row>
    <row r="38" spans="2:112" ht="19.8" customHeight="1" x14ac:dyDescent="0.2">
      <c r="B38" s="262" t="s">
        <v>36</v>
      </c>
      <c r="C38" s="277">
        <v>0</v>
      </c>
      <c r="D38" s="281">
        <v>0</v>
      </c>
      <c r="E38" s="385">
        <v>0</v>
      </c>
      <c r="F38" s="280">
        <v>0</v>
      </c>
      <c r="G38" s="281">
        <v>53</v>
      </c>
      <c r="H38" s="281">
        <v>4</v>
      </c>
      <c r="I38" s="281">
        <v>0</v>
      </c>
      <c r="J38" s="281">
        <v>0</v>
      </c>
      <c r="K38" s="281">
        <v>0</v>
      </c>
      <c r="L38" s="282">
        <v>57</v>
      </c>
      <c r="M38" s="283">
        <v>57</v>
      </c>
      <c r="N38" s="277">
        <v>0</v>
      </c>
      <c r="O38" s="281">
        <v>0</v>
      </c>
      <c r="P38" s="278">
        <v>0</v>
      </c>
      <c r="Q38" s="280">
        <v>0</v>
      </c>
      <c r="R38" s="281">
        <v>0</v>
      </c>
      <c r="S38" s="281">
        <v>0</v>
      </c>
      <c r="T38" s="281">
        <v>0</v>
      </c>
      <c r="U38" s="281">
        <v>9</v>
      </c>
      <c r="V38" s="281">
        <v>0</v>
      </c>
      <c r="W38" s="278">
        <v>9</v>
      </c>
      <c r="X38" s="283">
        <v>9</v>
      </c>
      <c r="Y38" s="277">
        <v>0</v>
      </c>
      <c r="Z38" s="281">
        <v>0</v>
      </c>
      <c r="AA38" s="278">
        <v>0</v>
      </c>
      <c r="AB38" s="280">
        <v>0</v>
      </c>
      <c r="AC38" s="281">
        <v>12</v>
      </c>
      <c r="AD38" s="281">
        <v>3</v>
      </c>
      <c r="AE38" s="281">
        <v>12</v>
      </c>
      <c r="AF38" s="281">
        <v>12</v>
      </c>
      <c r="AG38" s="281">
        <v>0</v>
      </c>
      <c r="AH38" s="278">
        <v>39</v>
      </c>
      <c r="AI38" s="283">
        <v>39</v>
      </c>
      <c r="AJ38" s="277">
        <v>0</v>
      </c>
      <c r="AK38" s="281">
        <v>0</v>
      </c>
      <c r="AL38" s="278">
        <v>0</v>
      </c>
      <c r="AM38" s="280">
        <v>0</v>
      </c>
      <c r="AN38" s="281">
        <v>0</v>
      </c>
      <c r="AO38" s="281">
        <v>0</v>
      </c>
      <c r="AP38" s="281">
        <v>0</v>
      </c>
      <c r="AQ38" s="281">
        <v>0</v>
      </c>
      <c r="AR38" s="281">
        <v>0</v>
      </c>
      <c r="AS38" s="278">
        <v>0</v>
      </c>
      <c r="AT38" s="283">
        <v>0</v>
      </c>
      <c r="AU38" s="277">
        <v>0</v>
      </c>
      <c r="AV38" s="281">
        <v>0</v>
      </c>
      <c r="AW38" s="278">
        <v>0</v>
      </c>
      <c r="AX38" s="280">
        <v>0</v>
      </c>
      <c r="AY38" s="281">
        <v>13</v>
      </c>
      <c r="AZ38" s="281">
        <v>18</v>
      </c>
      <c r="BA38" s="281">
        <v>0</v>
      </c>
      <c r="BB38" s="281">
        <v>4</v>
      </c>
      <c r="BC38" s="281">
        <v>0</v>
      </c>
      <c r="BD38" s="282">
        <v>35</v>
      </c>
      <c r="BE38" s="283">
        <v>35</v>
      </c>
      <c r="BF38" s="277">
        <v>0</v>
      </c>
      <c r="BG38" s="281">
        <v>0</v>
      </c>
      <c r="BH38" s="278">
        <v>0</v>
      </c>
      <c r="BI38" s="280">
        <v>0</v>
      </c>
      <c r="BJ38" s="281">
        <v>0</v>
      </c>
      <c r="BK38" s="281">
        <v>7</v>
      </c>
      <c r="BL38" s="281">
        <v>0</v>
      </c>
      <c r="BM38" s="281">
        <v>0</v>
      </c>
      <c r="BN38" s="281">
        <v>0</v>
      </c>
      <c r="BO38" s="278">
        <v>7</v>
      </c>
      <c r="BP38" s="283">
        <v>7</v>
      </c>
      <c r="BQ38" s="277">
        <v>0</v>
      </c>
      <c r="BR38" s="281">
        <v>0</v>
      </c>
      <c r="BS38" s="278">
        <v>0</v>
      </c>
      <c r="BT38" s="280">
        <v>0</v>
      </c>
      <c r="BU38" s="281">
        <v>27</v>
      </c>
      <c r="BV38" s="281">
        <v>0</v>
      </c>
      <c r="BW38" s="281">
        <v>0</v>
      </c>
      <c r="BX38" s="281">
        <v>6</v>
      </c>
      <c r="BY38" s="281">
        <v>0</v>
      </c>
      <c r="BZ38" s="278">
        <v>33</v>
      </c>
      <c r="CA38" s="283">
        <v>33</v>
      </c>
      <c r="CB38" s="277">
        <v>0</v>
      </c>
      <c r="CC38" s="281">
        <v>0</v>
      </c>
      <c r="CD38" s="278">
        <v>0</v>
      </c>
      <c r="CE38" s="280">
        <v>0</v>
      </c>
      <c r="CF38" s="281">
        <v>0</v>
      </c>
      <c r="CG38" s="281">
        <v>10</v>
      </c>
      <c r="CH38" s="281">
        <v>0</v>
      </c>
      <c r="CI38" s="281">
        <v>0</v>
      </c>
      <c r="CJ38" s="281">
        <v>0</v>
      </c>
      <c r="CK38" s="278">
        <v>10</v>
      </c>
      <c r="CL38" s="283">
        <v>10</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row>
    <row r="39" spans="2:112" ht="19.8" customHeight="1" thickBot="1" x14ac:dyDescent="0.25">
      <c r="B39" s="263" t="s">
        <v>37</v>
      </c>
      <c r="C39" s="284">
        <v>0</v>
      </c>
      <c r="D39" s="288">
        <v>0</v>
      </c>
      <c r="E39" s="386">
        <v>0</v>
      </c>
      <c r="F39" s="287">
        <v>0</v>
      </c>
      <c r="G39" s="288">
        <v>0</v>
      </c>
      <c r="H39" s="288">
        <v>0</v>
      </c>
      <c r="I39" s="288">
        <v>0</v>
      </c>
      <c r="J39" s="288">
        <v>0</v>
      </c>
      <c r="K39" s="288">
        <v>5</v>
      </c>
      <c r="L39" s="289">
        <v>5</v>
      </c>
      <c r="M39" s="290">
        <v>5</v>
      </c>
      <c r="N39" s="284">
        <v>0</v>
      </c>
      <c r="O39" s="288">
        <v>0</v>
      </c>
      <c r="P39" s="285">
        <v>0</v>
      </c>
      <c r="Q39" s="287">
        <v>0</v>
      </c>
      <c r="R39" s="288">
        <v>0</v>
      </c>
      <c r="S39" s="288">
        <v>0</v>
      </c>
      <c r="T39" s="288">
        <v>0</v>
      </c>
      <c r="U39" s="288">
        <v>0</v>
      </c>
      <c r="V39" s="288">
        <v>3</v>
      </c>
      <c r="W39" s="285">
        <v>3</v>
      </c>
      <c r="X39" s="290">
        <v>3</v>
      </c>
      <c r="Y39" s="284">
        <v>0</v>
      </c>
      <c r="Z39" s="288">
        <v>0</v>
      </c>
      <c r="AA39" s="285">
        <v>0</v>
      </c>
      <c r="AB39" s="287">
        <v>0</v>
      </c>
      <c r="AC39" s="288">
        <v>0</v>
      </c>
      <c r="AD39" s="288">
        <v>0</v>
      </c>
      <c r="AE39" s="288">
        <v>0</v>
      </c>
      <c r="AF39" s="288">
        <v>0</v>
      </c>
      <c r="AG39" s="288">
        <v>0</v>
      </c>
      <c r="AH39" s="285">
        <v>0</v>
      </c>
      <c r="AI39" s="290">
        <v>0</v>
      </c>
      <c r="AJ39" s="284">
        <v>0</v>
      </c>
      <c r="AK39" s="288">
        <v>0</v>
      </c>
      <c r="AL39" s="285">
        <v>0</v>
      </c>
      <c r="AM39" s="287">
        <v>0</v>
      </c>
      <c r="AN39" s="288">
        <v>24</v>
      </c>
      <c r="AO39" s="288">
        <v>8</v>
      </c>
      <c r="AP39" s="288">
        <v>0</v>
      </c>
      <c r="AQ39" s="288">
        <v>0</v>
      </c>
      <c r="AR39" s="288">
        <v>0</v>
      </c>
      <c r="AS39" s="285">
        <v>32</v>
      </c>
      <c r="AT39" s="290">
        <v>32</v>
      </c>
      <c r="AU39" s="284">
        <v>0</v>
      </c>
      <c r="AV39" s="288">
        <v>0</v>
      </c>
      <c r="AW39" s="285">
        <v>0</v>
      </c>
      <c r="AX39" s="287">
        <v>0</v>
      </c>
      <c r="AY39" s="288">
        <v>4</v>
      </c>
      <c r="AZ39" s="288">
        <v>13</v>
      </c>
      <c r="BA39" s="288">
        <v>0</v>
      </c>
      <c r="BB39" s="288">
        <v>0</v>
      </c>
      <c r="BC39" s="288">
        <v>0</v>
      </c>
      <c r="BD39" s="289">
        <v>17</v>
      </c>
      <c r="BE39" s="290">
        <v>17</v>
      </c>
      <c r="BF39" s="284">
        <v>0</v>
      </c>
      <c r="BG39" s="288">
        <v>0</v>
      </c>
      <c r="BH39" s="285">
        <v>0</v>
      </c>
      <c r="BI39" s="287">
        <v>0</v>
      </c>
      <c r="BJ39" s="288">
        <v>0</v>
      </c>
      <c r="BK39" s="288">
        <v>0</v>
      </c>
      <c r="BL39" s="288">
        <v>0</v>
      </c>
      <c r="BM39" s="288">
        <v>0</v>
      </c>
      <c r="BN39" s="288">
        <v>0</v>
      </c>
      <c r="BO39" s="285">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row>
    <row r="40" spans="2:112" ht="27" customHeight="1" x14ac:dyDescent="0.2">
      <c r="C40" s="256" t="s">
        <v>127</v>
      </c>
    </row>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6"/>
    <col min="6" max="6" width="7.77734375" style="256" customWidth="1"/>
    <col min="7" max="7" width="9" style="256"/>
    <col min="8" max="8" width="10.6640625" style="256" customWidth="1"/>
    <col min="9" max="16" width="9" style="256"/>
    <col min="17" max="17" width="7.88671875" style="256" customWidth="1"/>
    <col min="18" max="27" width="9" style="256"/>
    <col min="28" max="28" width="7.77734375" style="256" customWidth="1"/>
    <col min="29" max="38" width="9" style="256"/>
    <col min="39" max="39" width="7.5546875" style="256" customWidth="1"/>
    <col min="40" max="49" width="9" style="256"/>
    <col min="50" max="50" width="7.77734375" style="256" customWidth="1"/>
    <col min="51" max="60" width="9" style="256"/>
    <col min="61" max="61" width="7.4414062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6384" width="9" style="256"/>
  </cols>
  <sheetData>
    <row r="1" spans="2:112" ht="24" customHeight="1" x14ac:dyDescent="0.2">
      <c r="B1" s="291" t="s">
        <v>123</v>
      </c>
      <c r="J1" s="528">
        <f>第１表!F2</f>
        <v>4</v>
      </c>
      <c r="K1" s="528"/>
      <c r="L1" s="248">
        <f>第１表!G2</f>
        <v>8</v>
      </c>
      <c r="M1" s="529">
        <f>IF(L1&lt;3,L1+12-2,L1-2)</f>
        <v>6</v>
      </c>
      <c r="N1" s="529"/>
    </row>
    <row r="2" spans="2:112" ht="24" customHeight="1" thickBot="1" x14ac:dyDescent="0.25">
      <c r="B2" s="291" t="s">
        <v>154</v>
      </c>
    </row>
    <row r="3" spans="2:112" ht="13.8"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x14ac:dyDescent="0.2">
      <c r="B4" s="550"/>
      <c r="C4" s="554" t="s">
        <v>61</v>
      </c>
      <c r="D4" s="537"/>
      <c r="E4" s="538"/>
      <c r="F4" s="536" t="s">
        <v>62</v>
      </c>
      <c r="G4" s="537"/>
      <c r="H4" s="537"/>
      <c r="I4" s="537"/>
      <c r="J4" s="537"/>
      <c r="K4" s="537"/>
      <c r="L4" s="545"/>
      <c r="M4" s="539" t="s">
        <v>52</v>
      </c>
      <c r="N4" s="554" t="s">
        <v>61</v>
      </c>
      <c r="O4" s="537"/>
      <c r="P4" s="538"/>
      <c r="Q4" s="536" t="s">
        <v>62</v>
      </c>
      <c r="R4" s="537"/>
      <c r="S4" s="537"/>
      <c r="T4" s="537"/>
      <c r="U4" s="537"/>
      <c r="V4" s="537"/>
      <c r="W4" s="538"/>
      <c r="X4" s="539" t="s">
        <v>52</v>
      </c>
      <c r="Y4" s="541" t="s">
        <v>61</v>
      </c>
      <c r="Z4" s="537"/>
      <c r="AA4" s="545"/>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45"/>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row>
    <row r="5" spans="2:112" ht="28.5" customHeight="1" thickBot="1" x14ac:dyDescent="0.25">
      <c r="B5" s="551"/>
      <c r="C5" s="265" t="s">
        <v>43</v>
      </c>
      <c r="D5" s="266" t="s">
        <v>44</v>
      </c>
      <c r="E5" s="267" t="s">
        <v>45</v>
      </c>
      <c r="F5" s="268" t="s">
        <v>83</v>
      </c>
      <c r="G5" s="260" t="s">
        <v>47</v>
      </c>
      <c r="H5" s="260" t="s">
        <v>48</v>
      </c>
      <c r="I5" s="260" t="s">
        <v>49</v>
      </c>
      <c r="J5" s="260" t="s">
        <v>50</v>
      </c>
      <c r="K5" s="260" t="s">
        <v>51</v>
      </c>
      <c r="L5" s="269" t="s">
        <v>45</v>
      </c>
      <c r="M5" s="540"/>
      <c r="N5" s="265" t="s">
        <v>43</v>
      </c>
      <c r="O5" s="260" t="s">
        <v>44</v>
      </c>
      <c r="P5" s="266" t="s">
        <v>45</v>
      </c>
      <c r="Q5" s="268" t="s">
        <v>83</v>
      </c>
      <c r="R5" s="260" t="s">
        <v>47</v>
      </c>
      <c r="S5" s="260" t="s">
        <v>48</v>
      </c>
      <c r="T5" s="260" t="s">
        <v>49</v>
      </c>
      <c r="U5" s="260" t="s">
        <v>50</v>
      </c>
      <c r="V5" s="260" t="s">
        <v>51</v>
      </c>
      <c r="W5" s="266" t="s">
        <v>45</v>
      </c>
      <c r="X5" s="540"/>
      <c r="Y5" s="351" t="s">
        <v>43</v>
      </c>
      <c r="Z5" s="260" t="s">
        <v>44</v>
      </c>
      <c r="AA5" s="269" t="s">
        <v>45</v>
      </c>
      <c r="AB5" s="268" t="s">
        <v>83</v>
      </c>
      <c r="AC5" s="260" t="s">
        <v>47</v>
      </c>
      <c r="AD5" s="260" t="s">
        <v>48</v>
      </c>
      <c r="AE5" s="260" t="s">
        <v>49</v>
      </c>
      <c r="AF5" s="260" t="s">
        <v>50</v>
      </c>
      <c r="AG5" s="260" t="s">
        <v>51</v>
      </c>
      <c r="AH5" s="266" t="s">
        <v>45</v>
      </c>
      <c r="AI5" s="540"/>
      <c r="AJ5" s="351" t="s">
        <v>43</v>
      </c>
      <c r="AK5" s="260" t="s">
        <v>44</v>
      </c>
      <c r="AL5" s="266" t="s">
        <v>45</v>
      </c>
      <c r="AM5" s="268" t="s">
        <v>83</v>
      </c>
      <c r="AN5" s="260" t="s">
        <v>47</v>
      </c>
      <c r="AO5" s="260" t="s">
        <v>48</v>
      </c>
      <c r="AP5" s="260" t="s">
        <v>49</v>
      </c>
      <c r="AQ5" s="260" t="s">
        <v>50</v>
      </c>
      <c r="AR5" s="260" t="s">
        <v>51</v>
      </c>
      <c r="AS5" s="266" t="s">
        <v>45</v>
      </c>
      <c r="AT5" s="540"/>
      <c r="AU5" s="351" t="s">
        <v>43</v>
      </c>
      <c r="AV5" s="260" t="s">
        <v>44</v>
      </c>
      <c r="AW5" s="269" t="s">
        <v>45</v>
      </c>
      <c r="AX5" s="268" t="s">
        <v>83</v>
      </c>
      <c r="AY5" s="260" t="s">
        <v>47</v>
      </c>
      <c r="AZ5" s="260" t="s">
        <v>48</v>
      </c>
      <c r="BA5" s="260" t="s">
        <v>49</v>
      </c>
      <c r="BB5" s="260" t="s">
        <v>50</v>
      </c>
      <c r="BC5" s="260" t="s">
        <v>51</v>
      </c>
      <c r="BD5" s="269" t="s">
        <v>45</v>
      </c>
      <c r="BE5" s="540"/>
      <c r="BF5" s="351" t="s">
        <v>43</v>
      </c>
      <c r="BG5" s="260" t="s">
        <v>44</v>
      </c>
      <c r="BH5" s="266" t="s">
        <v>45</v>
      </c>
      <c r="BI5" s="268" t="s">
        <v>83</v>
      </c>
      <c r="BJ5" s="260" t="s">
        <v>47</v>
      </c>
      <c r="BK5" s="260" t="s">
        <v>48</v>
      </c>
      <c r="BL5" s="260" t="s">
        <v>49</v>
      </c>
      <c r="BM5" s="260" t="s">
        <v>50</v>
      </c>
      <c r="BN5" s="260" t="s">
        <v>51</v>
      </c>
      <c r="BO5" s="266" t="s">
        <v>45</v>
      </c>
      <c r="BP5" s="540"/>
      <c r="BQ5" s="351" t="s">
        <v>43</v>
      </c>
      <c r="BR5" s="260" t="s">
        <v>44</v>
      </c>
      <c r="BS5" s="266" t="s">
        <v>45</v>
      </c>
      <c r="BT5" s="268" t="s">
        <v>83</v>
      </c>
      <c r="BU5" s="260" t="s">
        <v>47</v>
      </c>
      <c r="BV5" s="260" t="s">
        <v>48</v>
      </c>
      <c r="BW5" s="260" t="s">
        <v>49</v>
      </c>
      <c r="BX5" s="260" t="s">
        <v>50</v>
      </c>
      <c r="BY5" s="260" t="s">
        <v>51</v>
      </c>
      <c r="BZ5" s="266" t="s">
        <v>45</v>
      </c>
      <c r="CA5" s="540"/>
      <c r="CB5" s="351" t="s">
        <v>43</v>
      </c>
      <c r="CC5" s="260" t="s">
        <v>44</v>
      </c>
      <c r="CD5" s="266" t="s">
        <v>45</v>
      </c>
      <c r="CE5" s="268" t="s">
        <v>83</v>
      </c>
      <c r="CF5" s="260" t="s">
        <v>47</v>
      </c>
      <c r="CG5" s="260" t="s">
        <v>48</v>
      </c>
      <c r="CH5" s="260" t="s">
        <v>49</v>
      </c>
      <c r="CI5" s="260" t="s">
        <v>50</v>
      </c>
      <c r="CJ5" s="260" t="s">
        <v>51</v>
      </c>
      <c r="CK5" s="266" t="s">
        <v>45</v>
      </c>
      <c r="CL5" s="540"/>
      <c r="CM5" s="366" t="s">
        <v>43</v>
      </c>
      <c r="CN5" s="260" t="s">
        <v>44</v>
      </c>
      <c r="CO5" s="266" t="s">
        <v>45</v>
      </c>
      <c r="CP5" s="268" t="s">
        <v>83</v>
      </c>
      <c r="CQ5" s="260" t="s">
        <v>47</v>
      </c>
      <c r="CR5" s="260" t="s">
        <v>48</v>
      </c>
      <c r="CS5" s="260" t="s">
        <v>49</v>
      </c>
      <c r="CT5" s="260" t="s">
        <v>50</v>
      </c>
      <c r="CU5" s="260" t="s">
        <v>51</v>
      </c>
      <c r="CV5" s="266" t="s">
        <v>45</v>
      </c>
      <c r="CW5" s="540"/>
      <c r="CX5" s="366" t="s">
        <v>43</v>
      </c>
      <c r="CY5" s="260" t="s">
        <v>44</v>
      </c>
      <c r="CZ5" s="266" t="s">
        <v>45</v>
      </c>
      <c r="DA5" s="268" t="s">
        <v>83</v>
      </c>
      <c r="DB5" s="260" t="s">
        <v>47</v>
      </c>
      <c r="DC5" s="260" t="s">
        <v>48</v>
      </c>
      <c r="DD5" s="260" t="s">
        <v>49</v>
      </c>
      <c r="DE5" s="260" t="s">
        <v>50</v>
      </c>
      <c r="DF5" s="260" t="s">
        <v>51</v>
      </c>
      <c r="DG5" s="266" t="s">
        <v>45</v>
      </c>
      <c r="DH5" s="540"/>
    </row>
    <row r="6" spans="2:112" ht="19.8" customHeight="1" x14ac:dyDescent="0.2">
      <c r="B6" s="261" t="s">
        <v>4</v>
      </c>
      <c r="C6" s="270">
        <v>0</v>
      </c>
      <c r="D6" s="271">
        <v>0</v>
      </c>
      <c r="E6" s="272">
        <v>0</v>
      </c>
      <c r="F6" s="273">
        <v>0</v>
      </c>
      <c r="G6" s="274">
        <v>12504</v>
      </c>
      <c r="H6" s="274">
        <v>19125</v>
      </c>
      <c r="I6" s="274">
        <v>18372</v>
      </c>
      <c r="J6" s="274">
        <v>24767</v>
      </c>
      <c r="K6" s="274">
        <v>24972</v>
      </c>
      <c r="L6" s="275">
        <v>99740</v>
      </c>
      <c r="M6" s="276">
        <v>99740</v>
      </c>
      <c r="N6" s="270">
        <v>0</v>
      </c>
      <c r="O6" s="274">
        <v>13</v>
      </c>
      <c r="P6" s="271">
        <v>13</v>
      </c>
      <c r="Q6" s="273">
        <v>0</v>
      </c>
      <c r="R6" s="274">
        <v>35</v>
      </c>
      <c r="S6" s="274">
        <v>126</v>
      </c>
      <c r="T6" s="274">
        <v>240</v>
      </c>
      <c r="U6" s="274">
        <v>678</v>
      </c>
      <c r="V6" s="274">
        <v>1268</v>
      </c>
      <c r="W6" s="271">
        <v>2347</v>
      </c>
      <c r="X6" s="276">
        <v>2360</v>
      </c>
      <c r="Y6" s="270">
        <v>1173</v>
      </c>
      <c r="Z6" s="274">
        <v>3219</v>
      </c>
      <c r="AA6" s="271">
        <v>4392</v>
      </c>
      <c r="AB6" s="273">
        <v>0</v>
      </c>
      <c r="AC6" s="274">
        <v>8836</v>
      </c>
      <c r="AD6" s="274">
        <v>13980</v>
      </c>
      <c r="AE6" s="274">
        <v>7940</v>
      </c>
      <c r="AF6" s="274">
        <v>7755</v>
      </c>
      <c r="AG6" s="274">
        <v>6178</v>
      </c>
      <c r="AH6" s="271">
        <v>44689</v>
      </c>
      <c r="AI6" s="276">
        <v>49081</v>
      </c>
      <c r="AJ6" s="270">
        <v>223</v>
      </c>
      <c r="AK6" s="274">
        <v>614</v>
      </c>
      <c r="AL6" s="271">
        <v>837</v>
      </c>
      <c r="AM6" s="273">
        <v>0</v>
      </c>
      <c r="AN6" s="274">
        <v>1086</v>
      </c>
      <c r="AO6" s="274">
        <v>1852</v>
      </c>
      <c r="AP6" s="274">
        <v>1215</v>
      </c>
      <c r="AQ6" s="274">
        <v>1426</v>
      </c>
      <c r="AR6" s="274">
        <v>607</v>
      </c>
      <c r="AS6" s="271">
        <v>6186</v>
      </c>
      <c r="AT6" s="276">
        <v>7023</v>
      </c>
      <c r="AU6" s="270">
        <v>0</v>
      </c>
      <c r="AV6" s="274">
        <v>0</v>
      </c>
      <c r="AW6" s="271">
        <v>0</v>
      </c>
      <c r="AX6" s="273">
        <v>0</v>
      </c>
      <c r="AY6" s="274">
        <v>11431</v>
      </c>
      <c r="AZ6" s="274">
        <v>10189</v>
      </c>
      <c r="BA6" s="274">
        <v>5648</v>
      </c>
      <c r="BB6" s="274">
        <v>3685</v>
      </c>
      <c r="BC6" s="274">
        <v>1534</v>
      </c>
      <c r="BD6" s="275">
        <v>32487</v>
      </c>
      <c r="BE6" s="276">
        <v>32487</v>
      </c>
      <c r="BF6" s="270">
        <v>0</v>
      </c>
      <c r="BG6" s="274">
        <v>0</v>
      </c>
      <c r="BH6" s="271">
        <v>0</v>
      </c>
      <c r="BI6" s="273">
        <v>0</v>
      </c>
      <c r="BJ6" s="274">
        <v>2383</v>
      </c>
      <c r="BK6" s="274">
        <v>3249</v>
      </c>
      <c r="BL6" s="274">
        <v>2051</v>
      </c>
      <c r="BM6" s="274">
        <v>1477</v>
      </c>
      <c r="BN6" s="274">
        <v>514</v>
      </c>
      <c r="BO6" s="271">
        <v>9674</v>
      </c>
      <c r="BP6" s="276">
        <v>9674</v>
      </c>
      <c r="BQ6" s="270">
        <v>14</v>
      </c>
      <c r="BR6" s="274">
        <v>74</v>
      </c>
      <c r="BS6" s="271">
        <v>88</v>
      </c>
      <c r="BT6" s="273">
        <v>0</v>
      </c>
      <c r="BU6" s="274">
        <v>1150</v>
      </c>
      <c r="BV6" s="274">
        <v>1694</v>
      </c>
      <c r="BW6" s="274">
        <v>2899</v>
      </c>
      <c r="BX6" s="274">
        <v>2359</v>
      </c>
      <c r="BY6" s="274">
        <v>1087</v>
      </c>
      <c r="BZ6" s="271">
        <v>9189</v>
      </c>
      <c r="CA6" s="276">
        <v>9277</v>
      </c>
      <c r="CB6" s="270">
        <v>5</v>
      </c>
      <c r="CC6" s="274">
        <v>3</v>
      </c>
      <c r="CD6" s="271">
        <v>8</v>
      </c>
      <c r="CE6" s="273">
        <v>0</v>
      </c>
      <c r="CF6" s="274">
        <v>172</v>
      </c>
      <c r="CG6" s="274">
        <v>379</v>
      </c>
      <c r="CH6" s="274">
        <v>314</v>
      </c>
      <c r="CI6" s="274">
        <v>348</v>
      </c>
      <c r="CJ6" s="274">
        <v>214</v>
      </c>
      <c r="CK6" s="271">
        <v>1427</v>
      </c>
      <c r="CL6" s="276">
        <v>1435</v>
      </c>
      <c r="CM6" s="270">
        <v>0</v>
      </c>
      <c r="CN6" s="274">
        <v>0</v>
      </c>
      <c r="CO6" s="271">
        <v>0</v>
      </c>
      <c r="CP6" s="273">
        <v>0</v>
      </c>
      <c r="CQ6" s="274">
        <v>0</v>
      </c>
      <c r="CR6" s="274">
        <v>0</v>
      </c>
      <c r="CS6" s="274">
        <v>0</v>
      </c>
      <c r="CT6" s="274">
        <v>0</v>
      </c>
      <c r="CU6" s="274">
        <v>0</v>
      </c>
      <c r="CV6" s="271">
        <v>0</v>
      </c>
      <c r="CW6" s="276">
        <v>0</v>
      </c>
      <c r="CX6" s="270">
        <v>0</v>
      </c>
      <c r="CY6" s="274">
        <v>0</v>
      </c>
      <c r="CZ6" s="271">
        <v>0</v>
      </c>
      <c r="DA6" s="273">
        <v>0</v>
      </c>
      <c r="DB6" s="274">
        <v>0</v>
      </c>
      <c r="DC6" s="274">
        <v>0</v>
      </c>
      <c r="DD6" s="274">
        <v>0</v>
      </c>
      <c r="DE6" s="274">
        <v>0</v>
      </c>
      <c r="DF6" s="274">
        <v>0</v>
      </c>
      <c r="DG6" s="271">
        <v>0</v>
      </c>
      <c r="DH6" s="276">
        <v>0</v>
      </c>
    </row>
    <row r="7" spans="2:112" ht="19.8" customHeight="1" x14ac:dyDescent="0.2">
      <c r="B7" s="262" t="s">
        <v>5</v>
      </c>
      <c r="C7" s="277">
        <v>0</v>
      </c>
      <c r="D7" s="278">
        <v>0</v>
      </c>
      <c r="E7" s="279">
        <v>0</v>
      </c>
      <c r="F7" s="280">
        <v>0</v>
      </c>
      <c r="G7" s="281">
        <v>4544</v>
      </c>
      <c r="H7" s="281">
        <v>9463</v>
      </c>
      <c r="I7" s="281">
        <v>7364</v>
      </c>
      <c r="J7" s="281">
        <v>10547</v>
      </c>
      <c r="K7" s="281">
        <v>9832</v>
      </c>
      <c r="L7" s="282">
        <v>41750</v>
      </c>
      <c r="M7" s="283">
        <v>41750</v>
      </c>
      <c r="N7" s="277">
        <v>0</v>
      </c>
      <c r="O7" s="281">
        <v>4</v>
      </c>
      <c r="P7" s="278">
        <v>4</v>
      </c>
      <c r="Q7" s="280">
        <v>0</v>
      </c>
      <c r="R7" s="281">
        <v>4</v>
      </c>
      <c r="S7" s="281">
        <v>68</v>
      </c>
      <c r="T7" s="281">
        <v>105</v>
      </c>
      <c r="U7" s="281">
        <v>316</v>
      </c>
      <c r="V7" s="281">
        <v>512</v>
      </c>
      <c r="W7" s="278">
        <v>1005</v>
      </c>
      <c r="X7" s="283">
        <v>1009</v>
      </c>
      <c r="Y7" s="277">
        <v>558</v>
      </c>
      <c r="Z7" s="281">
        <v>1599</v>
      </c>
      <c r="AA7" s="278">
        <v>2157</v>
      </c>
      <c r="AB7" s="280">
        <v>0</v>
      </c>
      <c r="AC7" s="281">
        <v>3376</v>
      </c>
      <c r="AD7" s="281">
        <v>8156</v>
      </c>
      <c r="AE7" s="281">
        <v>3840</v>
      </c>
      <c r="AF7" s="281">
        <v>3703</v>
      </c>
      <c r="AG7" s="281">
        <v>2799</v>
      </c>
      <c r="AH7" s="278">
        <v>21874</v>
      </c>
      <c r="AI7" s="283">
        <v>24031</v>
      </c>
      <c r="AJ7" s="277">
        <v>79</v>
      </c>
      <c r="AK7" s="281">
        <v>362</v>
      </c>
      <c r="AL7" s="278">
        <v>441</v>
      </c>
      <c r="AM7" s="280">
        <v>0</v>
      </c>
      <c r="AN7" s="281">
        <v>337</v>
      </c>
      <c r="AO7" s="281">
        <v>886</v>
      </c>
      <c r="AP7" s="281">
        <v>453</v>
      </c>
      <c r="AQ7" s="281">
        <v>645</v>
      </c>
      <c r="AR7" s="281">
        <v>256</v>
      </c>
      <c r="AS7" s="278">
        <v>2577</v>
      </c>
      <c r="AT7" s="283">
        <v>3018</v>
      </c>
      <c r="AU7" s="277">
        <v>0</v>
      </c>
      <c r="AV7" s="281">
        <v>0</v>
      </c>
      <c r="AW7" s="278">
        <v>0</v>
      </c>
      <c r="AX7" s="280">
        <v>0</v>
      </c>
      <c r="AY7" s="281">
        <v>3782</v>
      </c>
      <c r="AZ7" s="281">
        <v>4306</v>
      </c>
      <c r="BA7" s="281">
        <v>2386</v>
      </c>
      <c r="BB7" s="281">
        <v>1441</v>
      </c>
      <c r="BC7" s="281">
        <v>597</v>
      </c>
      <c r="BD7" s="282">
        <v>12512</v>
      </c>
      <c r="BE7" s="283">
        <v>12512</v>
      </c>
      <c r="BF7" s="277">
        <v>0</v>
      </c>
      <c r="BG7" s="281">
        <v>0</v>
      </c>
      <c r="BH7" s="278">
        <v>0</v>
      </c>
      <c r="BI7" s="280">
        <v>0</v>
      </c>
      <c r="BJ7" s="281">
        <v>755</v>
      </c>
      <c r="BK7" s="281">
        <v>1688</v>
      </c>
      <c r="BL7" s="281">
        <v>960</v>
      </c>
      <c r="BM7" s="281">
        <v>610</v>
      </c>
      <c r="BN7" s="281">
        <v>268</v>
      </c>
      <c r="BO7" s="278">
        <v>4281</v>
      </c>
      <c r="BP7" s="283">
        <v>4281</v>
      </c>
      <c r="BQ7" s="277">
        <v>0</v>
      </c>
      <c r="BR7" s="281">
        <v>34</v>
      </c>
      <c r="BS7" s="278">
        <v>34</v>
      </c>
      <c r="BT7" s="280">
        <v>0</v>
      </c>
      <c r="BU7" s="281">
        <v>544</v>
      </c>
      <c r="BV7" s="281">
        <v>894</v>
      </c>
      <c r="BW7" s="281">
        <v>1162</v>
      </c>
      <c r="BX7" s="281">
        <v>1052</v>
      </c>
      <c r="BY7" s="281">
        <v>473</v>
      </c>
      <c r="BZ7" s="278">
        <v>4125</v>
      </c>
      <c r="CA7" s="283">
        <v>4159</v>
      </c>
      <c r="CB7" s="277">
        <v>0</v>
      </c>
      <c r="CC7" s="281">
        <v>3</v>
      </c>
      <c r="CD7" s="278">
        <v>3</v>
      </c>
      <c r="CE7" s="280">
        <v>0</v>
      </c>
      <c r="CF7" s="281">
        <v>119</v>
      </c>
      <c r="CG7" s="281">
        <v>231</v>
      </c>
      <c r="CH7" s="281">
        <v>178</v>
      </c>
      <c r="CI7" s="281">
        <v>230</v>
      </c>
      <c r="CJ7" s="281">
        <v>130</v>
      </c>
      <c r="CK7" s="278">
        <v>888</v>
      </c>
      <c r="CL7" s="283">
        <v>891</v>
      </c>
      <c r="CM7" s="277">
        <v>0</v>
      </c>
      <c r="CN7" s="281">
        <v>0</v>
      </c>
      <c r="CO7" s="278">
        <v>0</v>
      </c>
      <c r="CP7" s="280">
        <v>0</v>
      </c>
      <c r="CQ7" s="281">
        <v>0</v>
      </c>
      <c r="CR7" s="281">
        <v>0</v>
      </c>
      <c r="CS7" s="281">
        <v>0</v>
      </c>
      <c r="CT7" s="281">
        <v>0</v>
      </c>
      <c r="CU7" s="281">
        <v>0</v>
      </c>
      <c r="CV7" s="278">
        <v>0</v>
      </c>
      <c r="CW7" s="283">
        <v>0</v>
      </c>
      <c r="CX7" s="277">
        <v>0</v>
      </c>
      <c r="CY7" s="281">
        <v>0</v>
      </c>
      <c r="CZ7" s="278">
        <v>0</v>
      </c>
      <c r="DA7" s="280">
        <v>0</v>
      </c>
      <c r="DB7" s="281">
        <v>0</v>
      </c>
      <c r="DC7" s="281">
        <v>0</v>
      </c>
      <c r="DD7" s="281">
        <v>0</v>
      </c>
      <c r="DE7" s="281">
        <v>0</v>
      </c>
      <c r="DF7" s="281">
        <v>0</v>
      </c>
      <c r="DG7" s="278">
        <v>0</v>
      </c>
      <c r="DH7" s="283">
        <v>0</v>
      </c>
    </row>
    <row r="8" spans="2:112" ht="19.8" customHeight="1" x14ac:dyDescent="0.2">
      <c r="B8" s="262" t="s">
        <v>6</v>
      </c>
      <c r="C8" s="277">
        <v>0</v>
      </c>
      <c r="D8" s="278">
        <v>0</v>
      </c>
      <c r="E8" s="279">
        <v>0</v>
      </c>
      <c r="F8" s="280">
        <v>0</v>
      </c>
      <c r="G8" s="281">
        <v>2196</v>
      </c>
      <c r="H8" s="281">
        <v>2775</v>
      </c>
      <c r="I8" s="281">
        <v>2709</v>
      </c>
      <c r="J8" s="281">
        <v>4669</v>
      </c>
      <c r="K8" s="281">
        <v>4318</v>
      </c>
      <c r="L8" s="282">
        <v>16667</v>
      </c>
      <c r="M8" s="283">
        <v>16667</v>
      </c>
      <c r="N8" s="277">
        <v>0</v>
      </c>
      <c r="O8" s="281">
        <v>9</v>
      </c>
      <c r="P8" s="278">
        <v>9</v>
      </c>
      <c r="Q8" s="280">
        <v>0</v>
      </c>
      <c r="R8" s="281">
        <v>2</v>
      </c>
      <c r="S8" s="281">
        <v>16</v>
      </c>
      <c r="T8" s="281">
        <v>45</v>
      </c>
      <c r="U8" s="281">
        <v>126</v>
      </c>
      <c r="V8" s="281">
        <v>188</v>
      </c>
      <c r="W8" s="278">
        <v>377</v>
      </c>
      <c r="X8" s="283">
        <v>386</v>
      </c>
      <c r="Y8" s="277">
        <v>209</v>
      </c>
      <c r="Z8" s="281">
        <v>558</v>
      </c>
      <c r="AA8" s="278">
        <v>767</v>
      </c>
      <c r="AB8" s="280">
        <v>0</v>
      </c>
      <c r="AC8" s="281">
        <v>2378</v>
      </c>
      <c r="AD8" s="281">
        <v>2106</v>
      </c>
      <c r="AE8" s="281">
        <v>1551</v>
      </c>
      <c r="AF8" s="281">
        <v>1399</v>
      </c>
      <c r="AG8" s="281">
        <v>1073</v>
      </c>
      <c r="AH8" s="278">
        <v>8507</v>
      </c>
      <c r="AI8" s="283">
        <v>9274</v>
      </c>
      <c r="AJ8" s="277">
        <v>35</v>
      </c>
      <c r="AK8" s="281">
        <v>41</v>
      </c>
      <c r="AL8" s="278">
        <v>76</v>
      </c>
      <c r="AM8" s="280">
        <v>0</v>
      </c>
      <c r="AN8" s="281">
        <v>257</v>
      </c>
      <c r="AO8" s="281">
        <v>244</v>
      </c>
      <c r="AP8" s="281">
        <v>192</v>
      </c>
      <c r="AQ8" s="281">
        <v>186</v>
      </c>
      <c r="AR8" s="281">
        <v>34</v>
      </c>
      <c r="AS8" s="278">
        <v>913</v>
      </c>
      <c r="AT8" s="283">
        <v>989</v>
      </c>
      <c r="AU8" s="277">
        <v>0</v>
      </c>
      <c r="AV8" s="281">
        <v>0</v>
      </c>
      <c r="AW8" s="278">
        <v>0</v>
      </c>
      <c r="AX8" s="280">
        <v>0</v>
      </c>
      <c r="AY8" s="281">
        <v>2272</v>
      </c>
      <c r="AZ8" s="281">
        <v>1392</v>
      </c>
      <c r="BA8" s="281">
        <v>794</v>
      </c>
      <c r="BB8" s="281">
        <v>727</v>
      </c>
      <c r="BC8" s="281">
        <v>234</v>
      </c>
      <c r="BD8" s="282">
        <v>5419</v>
      </c>
      <c r="BE8" s="283">
        <v>5419</v>
      </c>
      <c r="BF8" s="277">
        <v>0</v>
      </c>
      <c r="BG8" s="281">
        <v>0</v>
      </c>
      <c r="BH8" s="278">
        <v>0</v>
      </c>
      <c r="BI8" s="280">
        <v>0</v>
      </c>
      <c r="BJ8" s="281">
        <v>401</v>
      </c>
      <c r="BK8" s="281">
        <v>367</v>
      </c>
      <c r="BL8" s="281">
        <v>259</v>
      </c>
      <c r="BM8" s="281">
        <v>317</v>
      </c>
      <c r="BN8" s="281">
        <v>42</v>
      </c>
      <c r="BO8" s="278">
        <v>1386</v>
      </c>
      <c r="BP8" s="283">
        <v>1386</v>
      </c>
      <c r="BQ8" s="277">
        <v>0</v>
      </c>
      <c r="BR8" s="281">
        <v>7</v>
      </c>
      <c r="BS8" s="278">
        <v>7</v>
      </c>
      <c r="BT8" s="280">
        <v>0</v>
      </c>
      <c r="BU8" s="281">
        <v>131</v>
      </c>
      <c r="BV8" s="281">
        <v>144</v>
      </c>
      <c r="BW8" s="281">
        <v>304</v>
      </c>
      <c r="BX8" s="281">
        <v>264</v>
      </c>
      <c r="BY8" s="281">
        <v>99</v>
      </c>
      <c r="BZ8" s="278">
        <v>942</v>
      </c>
      <c r="CA8" s="283">
        <v>949</v>
      </c>
      <c r="CB8" s="277">
        <v>0</v>
      </c>
      <c r="CC8" s="281">
        <v>0</v>
      </c>
      <c r="CD8" s="278">
        <v>0</v>
      </c>
      <c r="CE8" s="280">
        <v>0</v>
      </c>
      <c r="CF8" s="281">
        <v>25</v>
      </c>
      <c r="CG8" s="281">
        <v>58</v>
      </c>
      <c r="CH8" s="281">
        <v>45</v>
      </c>
      <c r="CI8" s="281">
        <v>33</v>
      </c>
      <c r="CJ8" s="281">
        <v>14</v>
      </c>
      <c r="CK8" s="278">
        <v>175</v>
      </c>
      <c r="CL8" s="283">
        <v>175</v>
      </c>
      <c r="CM8" s="277">
        <v>0</v>
      </c>
      <c r="CN8" s="281">
        <v>0</v>
      </c>
      <c r="CO8" s="278">
        <v>0</v>
      </c>
      <c r="CP8" s="280">
        <v>0</v>
      </c>
      <c r="CQ8" s="281">
        <v>0</v>
      </c>
      <c r="CR8" s="281">
        <v>0</v>
      </c>
      <c r="CS8" s="281">
        <v>0</v>
      </c>
      <c r="CT8" s="281">
        <v>0</v>
      </c>
      <c r="CU8" s="281">
        <v>0</v>
      </c>
      <c r="CV8" s="278">
        <v>0</v>
      </c>
      <c r="CW8" s="283">
        <v>0</v>
      </c>
      <c r="CX8" s="277">
        <v>0</v>
      </c>
      <c r="CY8" s="281">
        <v>0</v>
      </c>
      <c r="CZ8" s="278">
        <v>0</v>
      </c>
      <c r="DA8" s="280">
        <v>0</v>
      </c>
      <c r="DB8" s="281">
        <v>0</v>
      </c>
      <c r="DC8" s="281">
        <v>0</v>
      </c>
      <c r="DD8" s="281">
        <v>0</v>
      </c>
      <c r="DE8" s="281">
        <v>0</v>
      </c>
      <c r="DF8" s="281">
        <v>0</v>
      </c>
      <c r="DG8" s="278">
        <v>0</v>
      </c>
      <c r="DH8" s="283">
        <v>0</v>
      </c>
    </row>
    <row r="9" spans="2:112" ht="19.8" customHeight="1" x14ac:dyDescent="0.2">
      <c r="B9" s="262" t="s">
        <v>14</v>
      </c>
      <c r="C9" s="277">
        <v>0</v>
      </c>
      <c r="D9" s="278">
        <v>0</v>
      </c>
      <c r="E9" s="279">
        <v>0</v>
      </c>
      <c r="F9" s="280">
        <v>0</v>
      </c>
      <c r="G9" s="281">
        <v>769</v>
      </c>
      <c r="H9" s="281">
        <v>972</v>
      </c>
      <c r="I9" s="281">
        <v>1313</v>
      </c>
      <c r="J9" s="281">
        <v>1141</v>
      </c>
      <c r="K9" s="281">
        <v>1778</v>
      </c>
      <c r="L9" s="282">
        <v>5973</v>
      </c>
      <c r="M9" s="283">
        <v>5973</v>
      </c>
      <c r="N9" s="277">
        <v>0</v>
      </c>
      <c r="O9" s="281">
        <v>0</v>
      </c>
      <c r="P9" s="278">
        <v>0</v>
      </c>
      <c r="Q9" s="280">
        <v>0</v>
      </c>
      <c r="R9" s="281">
        <v>0</v>
      </c>
      <c r="S9" s="281">
        <v>2</v>
      </c>
      <c r="T9" s="281">
        <v>3</v>
      </c>
      <c r="U9" s="281">
        <v>48</v>
      </c>
      <c r="V9" s="281">
        <v>109</v>
      </c>
      <c r="W9" s="278">
        <v>162</v>
      </c>
      <c r="X9" s="283">
        <v>162</v>
      </c>
      <c r="Y9" s="277">
        <v>18</v>
      </c>
      <c r="Z9" s="281">
        <v>240</v>
      </c>
      <c r="AA9" s="278">
        <v>258</v>
      </c>
      <c r="AB9" s="280">
        <v>0</v>
      </c>
      <c r="AC9" s="281">
        <v>315</v>
      </c>
      <c r="AD9" s="281">
        <v>750</v>
      </c>
      <c r="AE9" s="281">
        <v>518</v>
      </c>
      <c r="AF9" s="281">
        <v>664</v>
      </c>
      <c r="AG9" s="281">
        <v>501</v>
      </c>
      <c r="AH9" s="278">
        <v>2748</v>
      </c>
      <c r="AI9" s="283">
        <v>3006</v>
      </c>
      <c r="AJ9" s="277">
        <v>0</v>
      </c>
      <c r="AK9" s="281">
        <v>33</v>
      </c>
      <c r="AL9" s="278">
        <v>33</v>
      </c>
      <c r="AM9" s="280">
        <v>0</v>
      </c>
      <c r="AN9" s="281">
        <v>20</v>
      </c>
      <c r="AO9" s="281">
        <v>64</v>
      </c>
      <c r="AP9" s="281">
        <v>20</v>
      </c>
      <c r="AQ9" s="281">
        <v>62</v>
      </c>
      <c r="AR9" s="281">
        <v>10</v>
      </c>
      <c r="AS9" s="278">
        <v>176</v>
      </c>
      <c r="AT9" s="283">
        <v>209</v>
      </c>
      <c r="AU9" s="277">
        <v>0</v>
      </c>
      <c r="AV9" s="281">
        <v>0</v>
      </c>
      <c r="AW9" s="278">
        <v>0</v>
      </c>
      <c r="AX9" s="280">
        <v>0</v>
      </c>
      <c r="AY9" s="281">
        <v>930</v>
      </c>
      <c r="AZ9" s="281">
        <v>640</v>
      </c>
      <c r="BA9" s="281">
        <v>508</v>
      </c>
      <c r="BB9" s="281">
        <v>206</v>
      </c>
      <c r="BC9" s="281">
        <v>166</v>
      </c>
      <c r="BD9" s="282">
        <v>2450</v>
      </c>
      <c r="BE9" s="283">
        <v>2450</v>
      </c>
      <c r="BF9" s="277">
        <v>0</v>
      </c>
      <c r="BG9" s="281">
        <v>0</v>
      </c>
      <c r="BH9" s="278">
        <v>0</v>
      </c>
      <c r="BI9" s="280">
        <v>0</v>
      </c>
      <c r="BJ9" s="281">
        <v>67</v>
      </c>
      <c r="BK9" s="281">
        <v>110</v>
      </c>
      <c r="BL9" s="281">
        <v>80</v>
      </c>
      <c r="BM9" s="281">
        <v>97</v>
      </c>
      <c r="BN9" s="281">
        <v>25</v>
      </c>
      <c r="BO9" s="278">
        <v>379</v>
      </c>
      <c r="BP9" s="283">
        <v>379</v>
      </c>
      <c r="BQ9" s="277">
        <v>3</v>
      </c>
      <c r="BR9" s="281">
        <v>3</v>
      </c>
      <c r="BS9" s="278">
        <v>6</v>
      </c>
      <c r="BT9" s="280">
        <v>0</v>
      </c>
      <c r="BU9" s="281">
        <v>114</v>
      </c>
      <c r="BV9" s="281">
        <v>103</v>
      </c>
      <c r="BW9" s="281">
        <v>183</v>
      </c>
      <c r="BX9" s="281">
        <v>151</v>
      </c>
      <c r="BY9" s="281">
        <v>139</v>
      </c>
      <c r="BZ9" s="278">
        <v>690</v>
      </c>
      <c r="CA9" s="283">
        <v>696</v>
      </c>
      <c r="CB9" s="277">
        <v>0</v>
      </c>
      <c r="CC9" s="281">
        <v>0</v>
      </c>
      <c r="CD9" s="278">
        <v>0</v>
      </c>
      <c r="CE9" s="280">
        <v>0</v>
      </c>
      <c r="CF9" s="281">
        <v>0</v>
      </c>
      <c r="CG9" s="281">
        <v>5</v>
      </c>
      <c r="CH9" s="281">
        <v>0</v>
      </c>
      <c r="CI9" s="281">
        <v>29</v>
      </c>
      <c r="CJ9" s="281">
        <v>0</v>
      </c>
      <c r="CK9" s="278">
        <v>34</v>
      </c>
      <c r="CL9" s="283">
        <v>34</v>
      </c>
      <c r="CM9" s="277">
        <v>0</v>
      </c>
      <c r="CN9" s="281">
        <v>0</v>
      </c>
      <c r="CO9" s="278">
        <v>0</v>
      </c>
      <c r="CP9" s="280">
        <v>0</v>
      </c>
      <c r="CQ9" s="281">
        <v>0</v>
      </c>
      <c r="CR9" s="281">
        <v>0</v>
      </c>
      <c r="CS9" s="281">
        <v>0</v>
      </c>
      <c r="CT9" s="281">
        <v>0</v>
      </c>
      <c r="CU9" s="281">
        <v>0</v>
      </c>
      <c r="CV9" s="278">
        <v>0</v>
      </c>
      <c r="CW9" s="283">
        <v>0</v>
      </c>
      <c r="CX9" s="277">
        <v>0</v>
      </c>
      <c r="CY9" s="281">
        <v>0</v>
      </c>
      <c r="CZ9" s="278">
        <v>0</v>
      </c>
      <c r="DA9" s="280">
        <v>0</v>
      </c>
      <c r="DB9" s="281">
        <v>0</v>
      </c>
      <c r="DC9" s="281">
        <v>0</v>
      </c>
      <c r="DD9" s="281">
        <v>0</v>
      </c>
      <c r="DE9" s="281">
        <v>0</v>
      </c>
      <c r="DF9" s="281">
        <v>0</v>
      </c>
      <c r="DG9" s="278">
        <v>0</v>
      </c>
      <c r="DH9" s="283">
        <v>0</v>
      </c>
    </row>
    <row r="10" spans="2:112" ht="19.8" customHeight="1" x14ac:dyDescent="0.2">
      <c r="B10" s="262" t="s">
        <v>7</v>
      </c>
      <c r="C10" s="277">
        <v>0</v>
      </c>
      <c r="D10" s="278">
        <v>0</v>
      </c>
      <c r="E10" s="279">
        <v>0</v>
      </c>
      <c r="F10" s="280">
        <v>0</v>
      </c>
      <c r="G10" s="281">
        <v>606</v>
      </c>
      <c r="H10" s="281">
        <v>846</v>
      </c>
      <c r="I10" s="281">
        <v>536</v>
      </c>
      <c r="J10" s="281">
        <v>418</v>
      </c>
      <c r="K10" s="281">
        <v>803</v>
      </c>
      <c r="L10" s="282">
        <v>3209</v>
      </c>
      <c r="M10" s="283">
        <v>3209</v>
      </c>
      <c r="N10" s="277">
        <v>0</v>
      </c>
      <c r="O10" s="281">
        <v>0</v>
      </c>
      <c r="P10" s="278">
        <v>0</v>
      </c>
      <c r="Q10" s="280">
        <v>0</v>
      </c>
      <c r="R10" s="281">
        <v>8</v>
      </c>
      <c r="S10" s="281">
        <v>9</v>
      </c>
      <c r="T10" s="281">
        <v>9</v>
      </c>
      <c r="U10" s="281">
        <v>5</v>
      </c>
      <c r="V10" s="281">
        <v>40</v>
      </c>
      <c r="W10" s="278">
        <v>71</v>
      </c>
      <c r="X10" s="283">
        <v>71</v>
      </c>
      <c r="Y10" s="277">
        <v>0</v>
      </c>
      <c r="Z10" s="281">
        <v>32</v>
      </c>
      <c r="AA10" s="278">
        <v>32</v>
      </c>
      <c r="AB10" s="280">
        <v>0</v>
      </c>
      <c r="AC10" s="281">
        <v>273</v>
      </c>
      <c r="AD10" s="281">
        <v>271</v>
      </c>
      <c r="AE10" s="281">
        <v>163</v>
      </c>
      <c r="AF10" s="281">
        <v>129</v>
      </c>
      <c r="AG10" s="281">
        <v>182</v>
      </c>
      <c r="AH10" s="278">
        <v>1018</v>
      </c>
      <c r="AI10" s="283">
        <v>1050</v>
      </c>
      <c r="AJ10" s="277">
        <v>0</v>
      </c>
      <c r="AK10" s="281">
        <v>0</v>
      </c>
      <c r="AL10" s="278">
        <v>0</v>
      </c>
      <c r="AM10" s="280">
        <v>0</v>
      </c>
      <c r="AN10" s="281">
        <v>22</v>
      </c>
      <c r="AO10" s="281">
        <v>68</v>
      </c>
      <c r="AP10" s="281">
        <v>52</v>
      </c>
      <c r="AQ10" s="281">
        <v>14</v>
      </c>
      <c r="AR10" s="281">
        <v>10</v>
      </c>
      <c r="AS10" s="278">
        <v>166</v>
      </c>
      <c r="AT10" s="283">
        <v>166</v>
      </c>
      <c r="AU10" s="277">
        <v>0</v>
      </c>
      <c r="AV10" s="281">
        <v>0</v>
      </c>
      <c r="AW10" s="278">
        <v>0</v>
      </c>
      <c r="AX10" s="280">
        <v>0</v>
      </c>
      <c r="AY10" s="281">
        <v>504</v>
      </c>
      <c r="AZ10" s="281">
        <v>368</v>
      </c>
      <c r="BA10" s="281">
        <v>98</v>
      </c>
      <c r="BB10" s="281">
        <v>79</v>
      </c>
      <c r="BC10" s="281">
        <v>77</v>
      </c>
      <c r="BD10" s="282">
        <v>1126</v>
      </c>
      <c r="BE10" s="283">
        <v>1126</v>
      </c>
      <c r="BF10" s="277">
        <v>0</v>
      </c>
      <c r="BG10" s="281">
        <v>0</v>
      </c>
      <c r="BH10" s="278">
        <v>0</v>
      </c>
      <c r="BI10" s="280">
        <v>0</v>
      </c>
      <c r="BJ10" s="281">
        <v>199</v>
      </c>
      <c r="BK10" s="281">
        <v>70</v>
      </c>
      <c r="BL10" s="281">
        <v>85</v>
      </c>
      <c r="BM10" s="281">
        <v>10</v>
      </c>
      <c r="BN10" s="281">
        <v>12</v>
      </c>
      <c r="BO10" s="278">
        <v>376</v>
      </c>
      <c r="BP10" s="283">
        <v>376</v>
      </c>
      <c r="BQ10" s="277">
        <v>0</v>
      </c>
      <c r="BR10" s="281">
        <v>0</v>
      </c>
      <c r="BS10" s="278">
        <v>0</v>
      </c>
      <c r="BT10" s="280">
        <v>0</v>
      </c>
      <c r="BU10" s="281">
        <v>36</v>
      </c>
      <c r="BV10" s="281">
        <v>33</v>
      </c>
      <c r="BW10" s="281">
        <v>147</v>
      </c>
      <c r="BX10" s="281">
        <v>102</v>
      </c>
      <c r="BY10" s="281">
        <v>17</v>
      </c>
      <c r="BZ10" s="278">
        <v>335</v>
      </c>
      <c r="CA10" s="283">
        <v>335</v>
      </c>
      <c r="CB10" s="277">
        <v>0</v>
      </c>
      <c r="CC10" s="281">
        <v>0</v>
      </c>
      <c r="CD10" s="278">
        <v>0</v>
      </c>
      <c r="CE10" s="280">
        <v>0</v>
      </c>
      <c r="CF10" s="281">
        <v>0</v>
      </c>
      <c r="CG10" s="281">
        <v>18</v>
      </c>
      <c r="CH10" s="281">
        <v>0</v>
      </c>
      <c r="CI10" s="281">
        <v>0</v>
      </c>
      <c r="CJ10" s="281">
        <v>7</v>
      </c>
      <c r="CK10" s="278">
        <v>25</v>
      </c>
      <c r="CL10" s="283">
        <v>25</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row>
    <row r="11" spans="2:112" ht="19.8" customHeight="1" x14ac:dyDescent="0.2">
      <c r="B11" s="262" t="s">
        <v>8</v>
      </c>
      <c r="C11" s="277">
        <v>0</v>
      </c>
      <c r="D11" s="278">
        <v>0</v>
      </c>
      <c r="E11" s="279">
        <v>0</v>
      </c>
      <c r="F11" s="280">
        <v>0</v>
      </c>
      <c r="G11" s="281">
        <v>258</v>
      </c>
      <c r="H11" s="281">
        <v>495</v>
      </c>
      <c r="I11" s="281">
        <v>192</v>
      </c>
      <c r="J11" s="281">
        <v>235</v>
      </c>
      <c r="K11" s="281">
        <v>646</v>
      </c>
      <c r="L11" s="282">
        <v>1826</v>
      </c>
      <c r="M11" s="283">
        <v>1826</v>
      </c>
      <c r="N11" s="277">
        <v>0</v>
      </c>
      <c r="O11" s="281">
        <v>0</v>
      </c>
      <c r="P11" s="278">
        <v>0</v>
      </c>
      <c r="Q11" s="280">
        <v>0</v>
      </c>
      <c r="R11" s="281">
        <v>0</v>
      </c>
      <c r="S11" s="281">
        <v>0</v>
      </c>
      <c r="T11" s="281">
        <v>0</v>
      </c>
      <c r="U11" s="281">
        <v>28</v>
      </c>
      <c r="V11" s="281">
        <v>17</v>
      </c>
      <c r="W11" s="278">
        <v>45</v>
      </c>
      <c r="X11" s="283">
        <v>45</v>
      </c>
      <c r="Y11" s="277">
        <v>4</v>
      </c>
      <c r="Z11" s="281">
        <v>12</v>
      </c>
      <c r="AA11" s="278">
        <v>16</v>
      </c>
      <c r="AB11" s="280">
        <v>0</v>
      </c>
      <c r="AC11" s="281">
        <v>51</v>
      </c>
      <c r="AD11" s="281">
        <v>92</v>
      </c>
      <c r="AE11" s="281">
        <v>10</v>
      </c>
      <c r="AF11" s="281">
        <v>93</v>
      </c>
      <c r="AG11" s="281">
        <v>56</v>
      </c>
      <c r="AH11" s="278">
        <v>302</v>
      </c>
      <c r="AI11" s="283">
        <v>318</v>
      </c>
      <c r="AJ11" s="277">
        <v>0</v>
      </c>
      <c r="AK11" s="281">
        <v>20</v>
      </c>
      <c r="AL11" s="278">
        <v>20</v>
      </c>
      <c r="AM11" s="280">
        <v>0</v>
      </c>
      <c r="AN11" s="281">
        <v>15</v>
      </c>
      <c r="AO11" s="281">
        <v>30</v>
      </c>
      <c r="AP11" s="281">
        <v>61</v>
      </c>
      <c r="AQ11" s="281">
        <v>82</v>
      </c>
      <c r="AR11" s="281">
        <v>39</v>
      </c>
      <c r="AS11" s="278">
        <v>227</v>
      </c>
      <c r="AT11" s="283">
        <v>247</v>
      </c>
      <c r="AU11" s="277">
        <v>0</v>
      </c>
      <c r="AV11" s="281">
        <v>0</v>
      </c>
      <c r="AW11" s="278">
        <v>0</v>
      </c>
      <c r="AX11" s="280">
        <v>0</v>
      </c>
      <c r="AY11" s="281">
        <v>211</v>
      </c>
      <c r="AZ11" s="281">
        <v>268</v>
      </c>
      <c r="BA11" s="281">
        <v>80</v>
      </c>
      <c r="BB11" s="281">
        <v>102</v>
      </c>
      <c r="BC11" s="281">
        <v>30</v>
      </c>
      <c r="BD11" s="282">
        <v>691</v>
      </c>
      <c r="BE11" s="283">
        <v>691</v>
      </c>
      <c r="BF11" s="277">
        <v>0</v>
      </c>
      <c r="BG11" s="281">
        <v>0</v>
      </c>
      <c r="BH11" s="278">
        <v>0</v>
      </c>
      <c r="BI11" s="280">
        <v>0</v>
      </c>
      <c r="BJ11" s="281">
        <v>104</v>
      </c>
      <c r="BK11" s="281">
        <v>68</v>
      </c>
      <c r="BL11" s="281">
        <v>46</v>
      </c>
      <c r="BM11" s="281">
        <v>51</v>
      </c>
      <c r="BN11" s="281">
        <v>13</v>
      </c>
      <c r="BO11" s="278">
        <v>282</v>
      </c>
      <c r="BP11" s="283">
        <v>282</v>
      </c>
      <c r="BQ11" s="277">
        <v>0</v>
      </c>
      <c r="BR11" s="281">
        <v>0</v>
      </c>
      <c r="BS11" s="278">
        <v>0</v>
      </c>
      <c r="BT11" s="280">
        <v>0</v>
      </c>
      <c r="BU11" s="281">
        <v>10</v>
      </c>
      <c r="BV11" s="281">
        <v>24</v>
      </c>
      <c r="BW11" s="281">
        <v>78</v>
      </c>
      <c r="BX11" s="281">
        <v>44</v>
      </c>
      <c r="BY11" s="281">
        <v>0</v>
      </c>
      <c r="BZ11" s="278">
        <v>156</v>
      </c>
      <c r="CA11" s="283">
        <v>156</v>
      </c>
      <c r="CB11" s="277">
        <v>0</v>
      </c>
      <c r="CC11" s="281">
        <v>0</v>
      </c>
      <c r="CD11" s="278">
        <v>0</v>
      </c>
      <c r="CE11" s="280">
        <v>0</v>
      </c>
      <c r="CF11" s="281">
        <v>0</v>
      </c>
      <c r="CG11" s="281">
        <v>0</v>
      </c>
      <c r="CH11" s="281">
        <v>0</v>
      </c>
      <c r="CI11" s="281">
        <v>0</v>
      </c>
      <c r="CJ11" s="281">
        <v>0</v>
      </c>
      <c r="CK11" s="278">
        <v>0</v>
      </c>
      <c r="CL11" s="283">
        <v>0</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row>
    <row r="12" spans="2:112" ht="19.8" customHeight="1" x14ac:dyDescent="0.2">
      <c r="B12" s="262" t="s">
        <v>9</v>
      </c>
      <c r="C12" s="277">
        <v>0</v>
      </c>
      <c r="D12" s="278">
        <v>0</v>
      </c>
      <c r="E12" s="279">
        <v>0</v>
      </c>
      <c r="F12" s="280">
        <v>0</v>
      </c>
      <c r="G12" s="281">
        <v>671</v>
      </c>
      <c r="H12" s="281">
        <v>624</v>
      </c>
      <c r="I12" s="281">
        <v>1058</v>
      </c>
      <c r="J12" s="281">
        <v>1305</v>
      </c>
      <c r="K12" s="281">
        <v>1809</v>
      </c>
      <c r="L12" s="282">
        <v>5467</v>
      </c>
      <c r="M12" s="283">
        <v>5467</v>
      </c>
      <c r="N12" s="277">
        <v>0</v>
      </c>
      <c r="O12" s="281">
        <v>0</v>
      </c>
      <c r="P12" s="278">
        <v>0</v>
      </c>
      <c r="Q12" s="280">
        <v>0</v>
      </c>
      <c r="R12" s="281">
        <v>16</v>
      </c>
      <c r="S12" s="281">
        <v>0</v>
      </c>
      <c r="T12" s="281">
        <v>15</v>
      </c>
      <c r="U12" s="281">
        <v>25</v>
      </c>
      <c r="V12" s="281">
        <v>78</v>
      </c>
      <c r="W12" s="278">
        <v>134</v>
      </c>
      <c r="X12" s="283">
        <v>134</v>
      </c>
      <c r="Y12" s="277">
        <v>48</v>
      </c>
      <c r="Z12" s="281">
        <v>102</v>
      </c>
      <c r="AA12" s="278">
        <v>150</v>
      </c>
      <c r="AB12" s="280">
        <v>0</v>
      </c>
      <c r="AC12" s="281">
        <v>581</v>
      </c>
      <c r="AD12" s="281">
        <v>429</v>
      </c>
      <c r="AE12" s="281">
        <v>307</v>
      </c>
      <c r="AF12" s="281">
        <v>348</v>
      </c>
      <c r="AG12" s="281">
        <v>220</v>
      </c>
      <c r="AH12" s="278">
        <v>1885</v>
      </c>
      <c r="AI12" s="283">
        <v>2035</v>
      </c>
      <c r="AJ12" s="277">
        <v>0</v>
      </c>
      <c r="AK12" s="281">
        <v>31</v>
      </c>
      <c r="AL12" s="278">
        <v>31</v>
      </c>
      <c r="AM12" s="280">
        <v>0</v>
      </c>
      <c r="AN12" s="281">
        <v>76</v>
      </c>
      <c r="AO12" s="281">
        <v>86</v>
      </c>
      <c r="AP12" s="281">
        <v>110</v>
      </c>
      <c r="AQ12" s="281">
        <v>79</v>
      </c>
      <c r="AR12" s="281">
        <v>50</v>
      </c>
      <c r="AS12" s="278">
        <v>401</v>
      </c>
      <c r="AT12" s="283">
        <v>432</v>
      </c>
      <c r="AU12" s="277">
        <v>0</v>
      </c>
      <c r="AV12" s="281">
        <v>0</v>
      </c>
      <c r="AW12" s="278">
        <v>0</v>
      </c>
      <c r="AX12" s="280">
        <v>0</v>
      </c>
      <c r="AY12" s="281">
        <v>374</v>
      </c>
      <c r="AZ12" s="281">
        <v>249</v>
      </c>
      <c r="BA12" s="281">
        <v>224</v>
      </c>
      <c r="BB12" s="281">
        <v>131</v>
      </c>
      <c r="BC12" s="281">
        <v>105</v>
      </c>
      <c r="BD12" s="282">
        <v>1083</v>
      </c>
      <c r="BE12" s="283">
        <v>1083</v>
      </c>
      <c r="BF12" s="277">
        <v>0</v>
      </c>
      <c r="BG12" s="281">
        <v>0</v>
      </c>
      <c r="BH12" s="278">
        <v>0</v>
      </c>
      <c r="BI12" s="280">
        <v>0</v>
      </c>
      <c r="BJ12" s="281">
        <v>85</v>
      </c>
      <c r="BK12" s="281">
        <v>76</v>
      </c>
      <c r="BL12" s="281">
        <v>35</v>
      </c>
      <c r="BM12" s="281">
        <v>52</v>
      </c>
      <c r="BN12" s="281">
        <v>5</v>
      </c>
      <c r="BO12" s="278">
        <v>253</v>
      </c>
      <c r="BP12" s="283">
        <v>253</v>
      </c>
      <c r="BQ12" s="277">
        <v>0</v>
      </c>
      <c r="BR12" s="281">
        <v>0</v>
      </c>
      <c r="BS12" s="278">
        <v>0</v>
      </c>
      <c r="BT12" s="280">
        <v>0</v>
      </c>
      <c r="BU12" s="281">
        <v>42</v>
      </c>
      <c r="BV12" s="281">
        <v>91</v>
      </c>
      <c r="BW12" s="281">
        <v>85</v>
      </c>
      <c r="BX12" s="281">
        <v>121</v>
      </c>
      <c r="BY12" s="281">
        <v>50</v>
      </c>
      <c r="BZ12" s="278">
        <v>389</v>
      </c>
      <c r="CA12" s="283">
        <v>389</v>
      </c>
      <c r="CB12" s="277">
        <v>5</v>
      </c>
      <c r="CC12" s="281">
        <v>0</v>
      </c>
      <c r="CD12" s="278">
        <v>5</v>
      </c>
      <c r="CE12" s="280">
        <v>0</v>
      </c>
      <c r="CF12" s="281">
        <v>0</v>
      </c>
      <c r="CG12" s="281">
        <v>3</v>
      </c>
      <c r="CH12" s="281">
        <v>27</v>
      </c>
      <c r="CI12" s="281">
        <v>12</v>
      </c>
      <c r="CJ12" s="281">
        <v>23</v>
      </c>
      <c r="CK12" s="278">
        <v>65</v>
      </c>
      <c r="CL12" s="283">
        <v>70</v>
      </c>
      <c r="CM12" s="277">
        <v>0</v>
      </c>
      <c r="CN12" s="281">
        <v>0</v>
      </c>
      <c r="CO12" s="278">
        <v>0</v>
      </c>
      <c r="CP12" s="280">
        <v>0</v>
      </c>
      <c r="CQ12" s="281">
        <v>0</v>
      </c>
      <c r="CR12" s="281">
        <v>0</v>
      </c>
      <c r="CS12" s="281">
        <v>0</v>
      </c>
      <c r="CT12" s="281">
        <v>0</v>
      </c>
      <c r="CU12" s="281">
        <v>0</v>
      </c>
      <c r="CV12" s="278">
        <v>0</v>
      </c>
      <c r="CW12" s="283">
        <v>0</v>
      </c>
      <c r="CX12" s="277">
        <v>0</v>
      </c>
      <c r="CY12" s="281">
        <v>0</v>
      </c>
      <c r="CZ12" s="278">
        <v>0</v>
      </c>
      <c r="DA12" s="280">
        <v>0</v>
      </c>
      <c r="DB12" s="281">
        <v>0</v>
      </c>
      <c r="DC12" s="281">
        <v>0</v>
      </c>
      <c r="DD12" s="281">
        <v>0</v>
      </c>
      <c r="DE12" s="281">
        <v>0</v>
      </c>
      <c r="DF12" s="281">
        <v>0</v>
      </c>
      <c r="DG12" s="278">
        <v>0</v>
      </c>
      <c r="DH12" s="283">
        <v>0</v>
      </c>
    </row>
    <row r="13" spans="2:112" ht="19.8" customHeight="1" x14ac:dyDescent="0.2">
      <c r="B13" s="262" t="s">
        <v>10</v>
      </c>
      <c r="C13" s="277">
        <v>0</v>
      </c>
      <c r="D13" s="278">
        <v>0</v>
      </c>
      <c r="E13" s="279">
        <v>0</v>
      </c>
      <c r="F13" s="280">
        <v>0</v>
      </c>
      <c r="G13" s="281">
        <v>1364</v>
      </c>
      <c r="H13" s="281">
        <v>1076</v>
      </c>
      <c r="I13" s="281">
        <v>1306</v>
      </c>
      <c r="J13" s="281">
        <v>1779</v>
      </c>
      <c r="K13" s="281">
        <v>1543</v>
      </c>
      <c r="L13" s="282">
        <v>7068</v>
      </c>
      <c r="M13" s="283">
        <v>7068</v>
      </c>
      <c r="N13" s="277">
        <v>0</v>
      </c>
      <c r="O13" s="281">
        <v>0</v>
      </c>
      <c r="P13" s="278">
        <v>0</v>
      </c>
      <c r="Q13" s="280">
        <v>0</v>
      </c>
      <c r="R13" s="281">
        <v>5</v>
      </c>
      <c r="S13" s="281">
        <v>6</v>
      </c>
      <c r="T13" s="281">
        <v>0</v>
      </c>
      <c r="U13" s="281">
        <v>17</v>
      </c>
      <c r="V13" s="281">
        <v>57</v>
      </c>
      <c r="W13" s="278">
        <v>85</v>
      </c>
      <c r="X13" s="283">
        <v>85</v>
      </c>
      <c r="Y13" s="277">
        <v>83</v>
      </c>
      <c r="Z13" s="281">
        <v>251</v>
      </c>
      <c r="AA13" s="278">
        <v>334</v>
      </c>
      <c r="AB13" s="280">
        <v>0</v>
      </c>
      <c r="AC13" s="281">
        <v>539</v>
      </c>
      <c r="AD13" s="281">
        <v>577</v>
      </c>
      <c r="AE13" s="281">
        <v>223</v>
      </c>
      <c r="AF13" s="281">
        <v>210</v>
      </c>
      <c r="AG13" s="281">
        <v>270</v>
      </c>
      <c r="AH13" s="278">
        <v>1819</v>
      </c>
      <c r="AI13" s="283">
        <v>2153</v>
      </c>
      <c r="AJ13" s="277">
        <v>42</v>
      </c>
      <c r="AK13" s="281">
        <v>66</v>
      </c>
      <c r="AL13" s="278">
        <v>108</v>
      </c>
      <c r="AM13" s="280">
        <v>0</v>
      </c>
      <c r="AN13" s="281">
        <v>46</v>
      </c>
      <c r="AO13" s="281">
        <v>70</v>
      </c>
      <c r="AP13" s="281">
        <v>52</v>
      </c>
      <c r="AQ13" s="281">
        <v>82</v>
      </c>
      <c r="AR13" s="281">
        <v>63</v>
      </c>
      <c r="AS13" s="278">
        <v>313</v>
      </c>
      <c r="AT13" s="283">
        <v>421</v>
      </c>
      <c r="AU13" s="277">
        <v>0</v>
      </c>
      <c r="AV13" s="281">
        <v>0</v>
      </c>
      <c r="AW13" s="278">
        <v>0</v>
      </c>
      <c r="AX13" s="280">
        <v>0</v>
      </c>
      <c r="AY13" s="281">
        <v>1070</v>
      </c>
      <c r="AZ13" s="281">
        <v>558</v>
      </c>
      <c r="BA13" s="281">
        <v>333</v>
      </c>
      <c r="BB13" s="281">
        <v>121</v>
      </c>
      <c r="BC13" s="281">
        <v>26</v>
      </c>
      <c r="BD13" s="282">
        <v>2108</v>
      </c>
      <c r="BE13" s="283">
        <v>2108</v>
      </c>
      <c r="BF13" s="277">
        <v>0</v>
      </c>
      <c r="BG13" s="281">
        <v>0</v>
      </c>
      <c r="BH13" s="278">
        <v>0</v>
      </c>
      <c r="BI13" s="280">
        <v>0</v>
      </c>
      <c r="BJ13" s="281">
        <v>136</v>
      </c>
      <c r="BK13" s="281">
        <v>76</v>
      </c>
      <c r="BL13" s="281">
        <v>73</v>
      </c>
      <c r="BM13" s="281">
        <v>31</v>
      </c>
      <c r="BN13" s="281">
        <v>12</v>
      </c>
      <c r="BO13" s="278">
        <v>328</v>
      </c>
      <c r="BP13" s="283">
        <v>328</v>
      </c>
      <c r="BQ13" s="277">
        <v>3</v>
      </c>
      <c r="BR13" s="281">
        <v>11</v>
      </c>
      <c r="BS13" s="278">
        <v>14</v>
      </c>
      <c r="BT13" s="280">
        <v>0</v>
      </c>
      <c r="BU13" s="281">
        <v>106</v>
      </c>
      <c r="BV13" s="281">
        <v>40</v>
      </c>
      <c r="BW13" s="281">
        <v>138</v>
      </c>
      <c r="BX13" s="281">
        <v>57</v>
      </c>
      <c r="BY13" s="281">
        <v>79</v>
      </c>
      <c r="BZ13" s="278">
        <v>420</v>
      </c>
      <c r="CA13" s="283">
        <v>434</v>
      </c>
      <c r="CB13" s="277">
        <v>0</v>
      </c>
      <c r="CC13" s="281">
        <v>0</v>
      </c>
      <c r="CD13" s="278">
        <v>0</v>
      </c>
      <c r="CE13" s="280">
        <v>0</v>
      </c>
      <c r="CF13" s="281">
        <v>9</v>
      </c>
      <c r="CG13" s="281">
        <v>13</v>
      </c>
      <c r="CH13" s="281">
        <v>0</v>
      </c>
      <c r="CI13" s="281">
        <v>0</v>
      </c>
      <c r="CJ13" s="281">
        <v>0</v>
      </c>
      <c r="CK13" s="278">
        <v>22</v>
      </c>
      <c r="CL13" s="283">
        <v>22</v>
      </c>
      <c r="CM13" s="277">
        <v>0</v>
      </c>
      <c r="CN13" s="281">
        <v>0</v>
      </c>
      <c r="CO13" s="278">
        <v>0</v>
      </c>
      <c r="CP13" s="280">
        <v>0</v>
      </c>
      <c r="CQ13" s="281">
        <v>0</v>
      </c>
      <c r="CR13" s="281">
        <v>0</v>
      </c>
      <c r="CS13" s="281">
        <v>0</v>
      </c>
      <c r="CT13" s="281">
        <v>0</v>
      </c>
      <c r="CU13" s="281">
        <v>0</v>
      </c>
      <c r="CV13" s="278">
        <v>0</v>
      </c>
      <c r="CW13" s="283">
        <v>0</v>
      </c>
      <c r="CX13" s="277">
        <v>0</v>
      </c>
      <c r="CY13" s="281">
        <v>0</v>
      </c>
      <c r="CZ13" s="278">
        <v>0</v>
      </c>
      <c r="DA13" s="280">
        <v>0</v>
      </c>
      <c r="DB13" s="281">
        <v>0</v>
      </c>
      <c r="DC13" s="281">
        <v>0</v>
      </c>
      <c r="DD13" s="281">
        <v>0</v>
      </c>
      <c r="DE13" s="281">
        <v>0</v>
      </c>
      <c r="DF13" s="281">
        <v>0</v>
      </c>
      <c r="DG13" s="278">
        <v>0</v>
      </c>
      <c r="DH13" s="283">
        <v>0</v>
      </c>
    </row>
    <row r="14" spans="2:112" ht="19.8" customHeight="1" x14ac:dyDescent="0.2">
      <c r="B14" s="262" t="s">
        <v>11</v>
      </c>
      <c r="C14" s="277">
        <v>0</v>
      </c>
      <c r="D14" s="278">
        <v>0</v>
      </c>
      <c r="E14" s="279">
        <v>0</v>
      </c>
      <c r="F14" s="280">
        <v>0</v>
      </c>
      <c r="G14" s="281">
        <v>138</v>
      </c>
      <c r="H14" s="281">
        <v>114</v>
      </c>
      <c r="I14" s="281">
        <v>286</v>
      </c>
      <c r="J14" s="281">
        <v>310</v>
      </c>
      <c r="K14" s="281">
        <v>473</v>
      </c>
      <c r="L14" s="282">
        <v>1321</v>
      </c>
      <c r="M14" s="283">
        <v>1321</v>
      </c>
      <c r="N14" s="277">
        <v>0</v>
      </c>
      <c r="O14" s="281">
        <v>0</v>
      </c>
      <c r="P14" s="278">
        <v>0</v>
      </c>
      <c r="Q14" s="280">
        <v>0</v>
      </c>
      <c r="R14" s="281">
        <v>0</v>
      </c>
      <c r="S14" s="281">
        <v>0</v>
      </c>
      <c r="T14" s="281">
        <v>0</v>
      </c>
      <c r="U14" s="281">
        <v>20</v>
      </c>
      <c r="V14" s="281">
        <v>16</v>
      </c>
      <c r="W14" s="278">
        <v>36</v>
      </c>
      <c r="X14" s="283">
        <v>36</v>
      </c>
      <c r="Y14" s="277">
        <v>11</v>
      </c>
      <c r="Z14" s="281">
        <v>27</v>
      </c>
      <c r="AA14" s="278">
        <v>38</v>
      </c>
      <c r="AB14" s="280">
        <v>0</v>
      </c>
      <c r="AC14" s="281">
        <v>187</v>
      </c>
      <c r="AD14" s="281">
        <v>132</v>
      </c>
      <c r="AE14" s="281">
        <v>101</v>
      </c>
      <c r="AF14" s="281">
        <v>115</v>
      </c>
      <c r="AG14" s="281">
        <v>75</v>
      </c>
      <c r="AH14" s="278">
        <v>610</v>
      </c>
      <c r="AI14" s="283">
        <v>648</v>
      </c>
      <c r="AJ14" s="277">
        <v>0</v>
      </c>
      <c r="AK14" s="281">
        <v>16</v>
      </c>
      <c r="AL14" s="278">
        <v>16</v>
      </c>
      <c r="AM14" s="280">
        <v>0</v>
      </c>
      <c r="AN14" s="281">
        <v>63</v>
      </c>
      <c r="AO14" s="281">
        <v>18</v>
      </c>
      <c r="AP14" s="281">
        <v>0</v>
      </c>
      <c r="AQ14" s="281">
        <v>0</v>
      </c>
      <c r="AR14" s="281">
        <v>24</v>
      </c>
      <c r="AS14" s="278">
        <v>105</v>
      </c>
      <c r="AT14" s="283">
        <v>121</v>
      </c>
      <c r="AU14" s="277">
        <v>0</v>
      </c>
      <c r="AV14" s="281">
        <v>0</v>
      </c>
      <c r="AW14" s="278">
        <v>0</v>
      </c>
      <c r="AX14" s="280">
        <v>0</v>
      </c>
      <c r="AY14" s="281">
        <v>165</v>
      </c>
      <c r="AZ14" s="281">
        <v>133</v>
      </c>
      <c r="BA14" s="281">
        <v>142</v>
      </c>
      <c r="BB14" s="281">
        <v>113</v>
      </c>
      <c r="BC14" s="281">
        <v>43</v>
      </c>
      <c r="BD14" s="282">
        <v>596</v>
      </c>
      <c r="BE14" s="283">
        <v>596</v>
      </c>
      <c r="BF14" s="277">
        <v>0</v>
      </c>
      <c r="BG14" s="281">
        <v>0</v>
      </c>
      <c r="BH14" s="278">
        <v>0</v>
      </c>
      <c r="BI14" s="280">
        <v>0</v>
      </c>
      <c r="BJ14" s="281">
        <v>84</v>
      </c>
      <c r="BK14" s="281">
        <v>36</v>
      </c>
      <c r="BL14" s="281">
        <v>58</v>
      </c>
      <c r="BM14" s="281">
        <v>21</v>
      </c>
      <c r="BN14" s="281">
        <v>12</v>
      </c>
      <c r="BO14" s="278">
        <v>211</v>
      </c>
      <c r="BP14" s="283">
        <v>211</v>
      </c>
      <c r="BQ14" s="277">
        <v>2</v>
      </c>
      <c r="BR14" s="281">
        <v>2</v>
      </c>
      <c r="BS14" s="278">
        <v>4</v>
      </c>
      <c r="BT14" s="280">
        <v>0</v>
      </c>
      <c r="BU14" s="281">
        <v>14</v>
      </c>
      <c r="BV14" s="281">
        <v>21</v>
      </c>
      <c r="BW14" s="281">
        <v>9</v>
      </c>
      <c r="BX14" s="281">
        <v>18</v>
      </c>
      <c r="BY14" s="281">
        <v>6</v>
      </c>
      <c r="BZ14" s="278">
        <v>68</v>
      </c>
      <c r="CA14" s="283">
        <v>72</v>
      </c>
      <c r="CB14" s="277">
        <v>0</v>
      </c>
      <c r="CC14" s="281">
        <v>0</v>
      </c>
      <c r="CD14" s="278">
        <v>0</v>
      </c>
      <c r="CE14" s="280">
        <v>0</v>
      </c>
      <c r="CF14" s="281">
        <v>0</v>
      </c>
      <c r="CG14" s="281">
        <v>0</v>
      </c>
      <c r="CH14" s="281">
        <v>38</v>
      </c>
      <c r="CI14" s="281">
        <v>18</v>
      </c>
      <c r="CJ14" s="281">
        <v>0</v>
      </c>
      <c r="CK14" s="278">
        <v>56</v>
      </c>
      <c r="CL14" s="283">
        <v>56</v>
      </c>
      <c r="CM14" s="277">
        <v>0</v>
      </c>
      <c r="CN14" s="281">
        <v>0</v>
      </c>
      <c r="CO14" s="278">
        <v>0</v>
      </c>
      <c r="CP14" s="280">
        <v>0</v>
      </c>
      <c r="CQ14" s="281">
        <v>0</v>
      </c>
      <c r="CR14" s="281">
        <v>0</v>
      </c>
      <c r="CS14" s="281">
        <v>0</v>
      </c>
      <c r="CT14" s="281">
        <v>0</v>
      </c>
      <c r="CU14" s="281">
        <v>0</v>
      </c>
      <c r="CV14" s="278">
        <v>0</v>
      </c>
      <c r="CW14" s="283">
        <v>0</v>
      </c>
      <c r="CX14" s="277">
        <v>0</v>
      </c>
      <c r="CY14" s="281">
        <v>0</v>
      </c>
      <c r="CZ14" s="278">
        <v>0</v>
      </c>
      <c r="DA14" s="280">
        <v>0</v>
      </c>
      <c r="DB14" s="281">
        <v>0</v>
      </c>
      <c r="DC14" s="281">
        <v>0</v>
      </c>
      <c r="DD14" s="281">
        <v>0</v>
      </c>
      <c r="DE14" s="281">
        <v>0</v>
      </c>
      <c r="DF14" s="281">
        <v>0</v>
      </c>
      <c r="DG14" s="278">
        <v>0</v>
      </c>
      <c r="DH14" s="283">
        <v>0</v>
      </c>
    </row>
    <row r="15" spans="2:112" ht="19.8" customHeight="1" x14ac:dyDescent="0.2">
      <c r="B15" s="262" t="s">
        <v>12</v>
      </c>
      <c r="C15" s="277">
        <v>0</v>
      </c>
      <c r="D15" s="278">
        <v>0</v>
      </c>
      <c r="E15" s="279">
        <v>0</v>
      </c>
      <c r="F15" s="280">
        <v>0</v>
      </c>
      <c r="G15" s="281">
        <v>540</v>
      </c>
      <c r="H15" s="281">
        <v>388</v>
      </c>
      <c r="I15" s="281">
        <v>582</v>
      </c>
      <c r="J15" s="281">
        <v>688</v>
      </c>
      <c r="K15" s="281">
        <v>351</v>
      </c>
      <c r="L15" s="282">
        <v>2549</v>
      </c>
      <c r="M15" s="283">
        <v>2549</v>
      </c>
      <c r="N15" s="277">
        <v>0</v>
      </c>
      <c r="O15" s="281">
        <v>0</v>
      </c>
      <c r="P15" s="278">
        <v>0</v>
      </c>
      <c r="Q15" s="280">
        <v>0</v>
      </c>
      <c r="R15" s="281">
        <v>0</v>
      </c>
      <c r="S15" s="281">
        <v>4</v>
      </c>
      <c r="T15" s="281">
        <v>0</v>
      </c>
      <c r="U15" s="281">
        <v>7</v>
      </c>
      <c r="V15" s="281">
        <v>39</v>
      </c>
      <c r="W15" s="278">
        <v>50</v>
      </c>
      <c r="X15" s="283">
        <v>50</v>
      </c>
      <c r="Y15" s="277">
        <v>48</v>
      </c>
      <c r="Z15" s="281">
        <v>98</v>
      </c>
      <c r="AA15" s="278">
        <v>146</v>
      </c>
      <c r="AB15" s="280">
        <v>0</v>
      </c>
      <c r="AC15" s="281">
        <v>144</v>
      </c>
      <c r="AD15" s="281">
        <v>97</v>
      </c>
      <c r="AE15" s="281">
        <v>124</v>
      </c>
      <c r="AF15" s="281">
        <v>81</v>
      </c>
      <c r="AG15" s="281">
        <v>97</v>
      </c>
      <c r="AH15" s="278">
        <v>543</v>
      </c>
      <c r="AI15" s="283">
        <v>689</v>
      </c>
      <c r="AJ15" s="277">
        <v>0</v>
      </c>
      <c r="AK15" s="281">
        <v>0</v>
      </c>
      <c r="AL15" s="278">
        <v>0</v>
      </c>
      <c r="AM15" s="280">
        <v>0</v>
      </c>
      <c r="AN15" s="281">
        <v>24</v>
      </c>
      <c r="AO15" s="281">
        <v>32</v>
      </c>
      <c r="AP15" s="281">
        <v>0</v>
      </c>
      <c r="AQ15" s="281">
        <v>15</v>
      </c>
      <c r="AR15" s="281">
        <v>0</v>
      </c>
      <c r="AS15" s="278">
        <v>71</v>
      </c>
      <c r="AT15" s="283">
        <v>71</v>
      </c>
      <c r="AU15" s="277">
        <v>0</v>
      </c>
      <c r="AV15" s="281">
        <v>0</v>
      </c>
      <c r="AW15" s="278">
        <v>0</v>
      </c>
      <c r="AX15" s="280">
        <v>0</v>
      </c>
      <c r="AY15" s="281">
        <v>351</v>
      </c>
      <c r="AZ15" s="281">
        <v>211</v>
      </c>
      <c r="BA15" s="281">
        <v>116</v>
      </c>
      <c r="BB15" s="281">
        <v>148</v>
      </c>
      <c r="BC15" s="281">
        <v>34</v>
      </c>
      <c r="BD15" s="282">
        <v>860</v>
      </c>
      <c r="BE15" s="283">
        <v>860</v>
      </c>
      <c r="BF15" s="277">
        <v>0</v>
      </c>
      <c r="BG15" s="281">
        <v>0</v>
      </c>
      <c r="BH15" s="278">
        <v>0</v>
      </c>
      <c r="BI15" s="280">
        <v>0</v>
      </c>
      <c r="BJ15" s="281">
        <v>79</v>
      </c>
      <c r="BK15" s="281">
        <v>87</v>
      </c>
      <c r="BL15" s="281">
        <v>74</v>
      </c>
      <c r="BM15" s="281">
        <v>46</v>
      </c>
      <c r="BN15" s="281">
        <v>22</v>
      </c>
      <c r="BO15" s="278">
        <v>308</v>
      </c>
      <c r="BP15" s="283">
        <v>308</v>
      </c>
      <c r="BQ15" s="277">
        <v>0</v>
      </c>
      <c r="BR15" s="281">
        <v>6</v>
      </c>
      <c r="BS15" s="278">
        <v>6</v>
      </c>
      <c r="BT15" s="280">
        <v>0</v>
      </c>
      <c r="BU15" s="281">
        <v>44</v>
      </c>
      <c r="BV15" s="281">
        <v>15</v>
      </c>
      <c r="BW15" s="281">
        <v>105</v>
      </c>
      <c r="BX15" s="281">
        <v>78</v>
      </c>
      <c r="BY15" s="281">
        <v>35</v>
      </c>
      <c r="BZ15" s="278">
        <v>277</v>
      </c>
      <c r="CA15" s="283">
        <v>283</v>
      </c>
      <c r="CB15" s="277">
        <v>0</v>
      </c>
      <c r="CC15" s="281">
        <v>0</v>
      </c>
      <c r="CD15" s="278">
        <v>0</v>
      </c>
      <c r="CE15" s="280">
        <v>0</v>
      </c>
      <c r="CF15" s="281">
        <v>0</v>
      </c>
      <c r="CG15" s="281">
        <v>0</v>
      </c>
      <c r="CH15" s="281">
        <v>0</v>
      </c>
      <c r="CI15" s="281">
        <v>0</v>
      </c>
      <c r="CJ15" s="281">
        <v>4</v>
      </c>
      <c r="CK15" s="278">
        <v>4</v>
      </c>
      <c r="CL15" s="283">
        <v>4</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row>
    <row r="16" spans="2:112" ht="19.8" customHeight="1" x14ac:dyDescent="0.2">
      <c r="B16" s="262" t="s">
        <v>13</v>
      </c>
      <c r="C16" s="277">
        <v>0</v>
      </c>
      <c r="D16" s="278">
        <v>0</v>
      </c>
      <c r="E16" s="279">
        <v>0</v>
      </c>
      <c r="F16" s="280">
        <v>0</v>
      </c>
      <c r="G16" s="281">
        <v>127</v>
      </c>
      <c r="H16" s="281">
        <v>359</v>
      </c>
      <c r="I16" s="281">
        <v>571</v>
      </c>
      <c r="J16" s="281">
        <v>567</v>
      </c>
      <c r="K16" s="281">
        <v>711</v>
      </c>
      <c r="L16" s="282">
        <v>2335</v>
      </c>
      <c r="M16" s="283">
        <v>2335</v>
      </c>
      <c r="N16" s="277">
        <v>0</v>
      </c>
      <c r="O16" s="281">
        <v>0</v>
      </c>
      <c r="P16" s="278">
        <v>0</v>
      </c>
      <c r="Q16" s="280">
        <v>0</v>
      </c>
      <c r="R16" s="281">
        <v>0</v>
      </c>
      <c r="S16" s="281">
        <v>0</v>
      </c>
      <c r="T16" s="281">
        <v>8</v>
      </c>
      <c r="U16" s="281">
        <v>6</v>
      </c>
      <c r="V16" s="281">
        <v>0</v>
      </c>
      <c r="W16" s="278">
        <v>14</v>
      </c>
      <c r="X16" s="283">
        <v>14</v>
      </c>
      <c r="Y16" s="277">
        <v>0</v>
      </c>
      <c r="Z16" s="281">
        <v>46</v>
      </c>
      <c r="AA16" s="278">
        <v>46</v>
      </c>
      <c r="AB16" s="280">
        <v>0</v>
      </c>
      <c r="AC16" s="281">
        <v>124</v>
      </c>
      <c r="AD16" s="281">
        <v>98</v>
      </c>
      <c r="AE16" s="281">
        <v>159</v>
      </c>
      <c r="AF16" s="281">
        <v>130</v>
      </c>
      <c r="AG16" s="281">
        <v>80</v>
      </c>
      <c r="AH16" s="278">
        <v>591</v>
      </c>
      <c r="AI16" s="283">
        <v>637</v>
      </c>
      <c r="AJ16" s="277">
        <v>0</v>
      </c>
      <c r="AK16" s="281">
        <v>0</v>
      </c>
      <c r="AL16" s="278">
        <v>0</v>
      </c>
      <c r="AM16" s="280">
        <v>0</v>
      </c>
      <c r="AN16" s="281">
        <v>0</v>
      </c>
      <c r="AO16" s="281">
        <v>103</v>
      </c>
      <c r="AP16" s="281">
        <v>0</v>
      </c>
      <c r="AQ16" s="281">
        <v>6</v>
      </c>
      <c r="AR16" s="281">
        <v>32</v>
      </c>
      <c r="AS16" s="278">
        <v>141</v>
      </c>
      <c r="AT16" s="283">
        <v>141</v>
      </c>
      <c r="AU16" s="277">
        <v>0</v>
      </c>
      <c r="AV16" s="281">
        <v>0</v>
      </c>
      <c r="AW16" s="278">
        <v>0</v>
      </c>
      <c r="AX16" s="280">
        <v>0</v>
      </c>
      <c r="AY16" s="281">
        <v>111</v>
      </c>
      <c r="AZ16" s="281">
        <v>143</v>
      </c>
      <c r="BA16" s="281">
        <v>140</v>
      </c>
      <c r="BB16" s="281">
        <v>36</v>
      </c>
      <c r="BC16" s="281">
        <v>15</v>
      </c>
      <c r="BD16" s="282">
        <v>445</v>
      </c>
      <c r="BE16" s="283">
        <v>445</v>
      </c>
      <c r="BF16" s="277">
        <v>0</v>
      </c>
      <c r="BG16" s="281">
        <v>0</v>
      </c>
      <c r="BH16" s="278">
        <v>0</v>
      </c>
      <c r="BI16" s="280">
        <v>0</v>
      </c>
      <c r="BJ16" s="281">
        <v>6</v>
      </c>
      <c r="BK16" s="281">
        <v>21</v>
      </c>
      <c r="BL16" s="281">
        <v>23</v>
      </c>
      <c r="BM16" s="281">
        <v>14</v>
      </c>
      <c r="BN16" s="281">
        <v>4</v>
      </c>
      <c r="BO16" s="278">
        <v>68</v>
      </c>
      <c r="BP16" s="283">
        <v>68</v>
      </c>
      <c r="BQ16" s="277">
        <v>0</v>
      </c>
      <c r="BR16" s="281">
        <v>0</v>
      </c>
      <c r="BS16" s="278">
        <v>0</v>
      </c>
      <c r="BT16" s="280">
        <v>0</v>
      </c>
      <c r="BU16" s="281">
        <v>11</v>
      </c>
      <c r="BV16" s="281">
        <v>16</v>
      </c>
      <c r="BW16" s="281">
        <v>44</v>
      </c>
      <c r="BX16" s="281">
        <v>31</v>
      </c>
      <c r="BY16" s="281">
        <v>50</v>
      </c>
      <c r="BZ16" s="278">
        <v>152</v>
      </c>
      <c r="CA16" s="283">
        <v>152</v>
      </c>
      <c r="CB16" s="277">
        <v>0</v>
      </c>
      <c r="CC16" s="281">
        <v>0</v>
      </c>
      <c r="CD16" s="278">
        <v>0</v>
      </c>
      <c r="CE16" s="280">
        <v>0</v>
      </c>
      <c r="CF16" s="281">
        <v>0</v>
      </c>
      <c r="CG16" s="281">
        <v>0</v>
      </c>
      <c r="CH16" s="281">
        <v>0</v>
      </c>
      <c r="CI16" s="281">
        <v>8</v>
      </c>
      <c r="CJ16" s="281">
        <v>0</v>
      </c>
      <c r="CK16" s="278">
        <v>8</v>
      </c>
      <c r="CL16" s="283">
        <v>8</v>
      </c>
      <c r="CM16" s="277">
        <v>0</v>
      </c>
      <c r="CN16" s="281">
        <v>0</v>
      </c>
      <c r="CO16" s="278">
        <v>0</v>
      </c>
      <c r="CP16" s="280">
        <v>0</v>
      </c>
      <c r="CQ16" s="281">
        <v>0</v>
      </c>
      <c r="CR16" s="281">
        <v>0</v>
      </c>
      <c r="CS16" s="281">
        <v>0</v>
      </c>
      <c r="CT16" s="281">
        <v>0</v>
      </c>
      <c r="CU16" s="281">
        <v>0</v>
      </c>
      <c r="CV16" s="278">
        <v>0</v>
      </c>
      <c r="CW16" s="283">
        <v>0</v>
      </c>
      <c r="CX16" s="277">
        <v>0</v>
      </c>
      <c r="CY16" s="281">
        <v>0</v>
      </c>
      <c r="CZ16" s="278">
        <v>0</v>
      </c>
      <c r="DA16" s="280">
        <v>0</v>
      </c>
      <c r="DB16" s="281">
        <v>0</v>
      </c>
      <c r="DC16" s="281">
        <v>0</v>
      </c>
      <c r="DD16" s="281">
        <v>0</v>
      </c>
      <c r="DE16" s="281">
        <v>0</v>
      </c>
      <c r="DF16" s="281">
        <v>0</v>
      </c>
      <c r="DG16" s="278">
        <v>0</v>
      </c>
      <c r="DH16" s="283">
        <v>0</v>
      </c>
    </row>
    <row r="17" spans="2:112" ht="19.8" customHeight="1" x14ac:dyDescent="0.2">
      <c r="B17" s="262" t="s">
        <v>15</v>
      </c>
      <c r="C17" s="277">
        <v>0</v>
      </c>
      <c r="D17" s="278">
        <v>0</v>
      </c>
      <c r="E17" s="279">
        <v>0</v>
      </c>
      <c r="F17" s="280">
        <v>0</v>
      </c>
      <c r="G17" s="281">
        <v>39</v>
      </c>
      <c r="H17" s="281">
        <v>39</v>
      </c>
      <c r="I17" s="281">
        <v>0</v>
      </c>
      <c r="J17" s="281">
        <v>8</v>
      </c>
      <c r="K17" s="281">
        <v>174</v>
      </c>
      <c r="L17" s="282">
        <v>260</v>
      </c>
      <c r="M17" s="283">
        <v>260</v>
      </c>
      <c r="N17" s="277">
        <v>0</v>
      </c>
      <c r="O17" s="281">
        <v>0</v>
      </c>
      <c r="P17" s="278">
        <v>0</v>
      </c>
      <c r="Q17" s="280">
        <v>0</v>
      </c>
      <c r="R17" s="281">
        <v>0</v>
      </c>
      <c r="S17" s="281">
        <v>0</v>
      </c>
      <c r="T17" s="281">
        <v>0</v>
      </c>
      <c r="U17" s="281">
        <v>0</v>
      </c>
      <c r="V17" s="281">
        <v>12</v>
      </c>
      <c r="W17" s="278">
        <v>12</v>
      </c>
      <c r="X17" s="283">
        <v>12</v>
      </c>
      <c r="Y17" s="277">
        <v>0</v>
      </c>
      <c r="Z17" s="281">
        <v>0</v>
      </c>
      <c r="AA17" s="278">
        <v>0</v>
      </c>
      <c r="AB17" s="280">
        <v>0</v>
      </c>
      <c r="AC17" s="281">
        <v>9</v>
      </c>
      <c r="AD17" s="281">
        <v>34</v>
      </c>
      <c r="AE17" s="281">
        <v>17</v>
      </c>
      <c r="AF17" s="281">
        <v>27</v>
      </c>
      <c r="AG17" s="281">
        <v>45</v>
      </c>
      <c r="AH17" s="278">
        <v>132</v>
      </c>
      <c r="AI17" s="283">
        <v>132</v>
      </c>
      <c r="AJ17" s="277">
        <v>0</v>
      </c>
      <c r="AK17" s="281">
        <v>0</v>
      </c>
      <c r="AL17" s="278">
        <v>0</v>
      </c>
      <c r="AM17" s="280">
        <v>0</v>
      </c>
      <c r="AN17" s="281">
        <v>0</v>
      </c>
      <c r="AO17" s="281">
        <v>0</v>
      </c>
      <c r="AP17" s="281">
        <v>12</v>
      </c>
      <c r="AQ17" s="281">
        <v>0</v>
      </c>
      <c r="AR17" s="281">
        <v>15</v>
      </c>
      <c r="AS17" s="278">
        <v>27</v>
      </c>
      <c r="AT17" s="283">
        <v>27</v>
      </c>
      <c r="AU17" s="277">
        <v>0</v>
      </c>
      <c r="AV17" s="281">
        <v>0</v>
      </c>
      <c r="AW17" s="278">
        <v>0</v>
      </c>
      <c r="AX17" s="280">
        <v>0</v>
      </c>
      <c r="AY17" s="281">
        <v>33</v>
      </c>
      <c r="AZ17" s="281">
        <v>16</v>
      </c>
      <c r="BA17" s="281">
        <v>36</v>
      </c>
      <c r="BB17" s="281">
        <v>9</v>
      </c>
      <c r="BC17" s="281">
        <v>7</v>
      </c>
      <c r="BD17" s="282">
        <v>101</v>
      </c>
      <c r="BE17" s="283">
        <v>101</v>
      </c>
      <c r="BF17" s="277">
        <v>0</v>
      </c>
      <c r="BG17" s="281">
        <v>0</v>
      </c>
      <c r="BH17" s="278">
        <v>0</v>
      </c>
      <c r="BI17" s="280">
        <v>0</v>
      </c>
      <c r="BJ17" s="281">
        <v>18</v>
      </c>
      <c r="BK17" s="281">
        <v>18</v>
      </c>
      <c r="BL17" s="281">
        <v>11</v>
      </c>
      <c r="BM17" s="281">
        <v>8</v>
      </c>
      <c r="BN17" s="281">
        <v>13</v>
      </c>
      <c r="BO17" s="278">
        <v>68</v>
      </c>
      <c r="BP17" s="283">
        <v>68</v>
      </c>
      <c r="BQ17" s="277">
        <v>0</v>
      </c>
      <c r="BR17" s="281">
        <v>0</v>
      </c>
      <c r="BS17" s="278">
        <v>0</v>
      </c>
      <c r="BT17" s="280">
        <v>0</v>
      </c>
      <c r="BU17" s="281">
        <v>0</v>
      </c>
      <c r="BV17" s="281">
        <v>11</v>
      </c>
      <c r="BW17" s="281">
        <v>0</v>
      </c>
      <c r="BX17" s="281">
        <v>52</v>
      </c>
      <c r="BY17" s="281">
        <v>0</v>
      </c>
      <c r="BZ17" s="278">
        <v>63</v>
      </c>
      <c r="CA17" s="283">
        <v>63</v>
      </c>
      <c r="CB17" s="277">
        <v>0</v>
      </c>
      <c r="CC17" s="281">
        <v>0</v>
      </c>
      <c r="CD17" s="278">
        <v>0</v>
      </c>
      <c r="CE17" s="280">
        <v>0</v>
      </c>
      <c r="CF17" s="281">
        <v>0</v>
      </c>
      <c r="CG17" s="281">
        <v>0</v>
      </c>
      <c r="CH17" s="281">
        <v>0</v>
      </c>
      <c r="CI17" s="281">
        <v>0</v>
      </c>
      <c r="CJ17" s="281">
        <v>0</v>
      </c>
      <c r="CK17" s="278">
        <v>0</v>
      </c>
      <c r="CL17" s="283">
        <v>0</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row>
    <row r="18" spans="2:112" ht="19.8" customHeight="1" x14ac:dyDescent="0.2">
      <c r="B18" s="262" t="s">
        <v>16</v>
      </c>
      <c r="C18" s="277">
        <v>0</v>
      </c>
      <c r="D18" s="278">
        <v>0</v>
      </c>
      <c r="E18" s="279">
        <v>0</v>
      </c>
      <c r="F18" s="280">
        <v>0</v>
      </c>
      <c r="G18" s="281">
        <v>78</v>
      </c>
      <c r="H18" s="281">
        <v>154</v>
      </c>
      <c r="I18" s="281">
        <v>202</v>
      </c>
      <c r="J18" s="281">
        <v>214</v>
      </c>
      <c r="K18" s="281">
        <v>86</v>
      </c>
      <c r="L18" s="282">
        <v>734</v>
      </c>
      <c r="M18" s="283">
        <v>734</v>
      </c>
      <c r="N18" s="277">
        <v>0</v>
      </c>
      <c r="O18" s="281">
        <v>0</v>
      </c>
      <c r="P18" s="278">
        <v>0</v>
      </c>
      <c r="Q18" s="280">
        <v>0</v>
      </c>
      <c r="R18" s="281">
        <v>0</v>
      </c>
      <c r="S18" s="281">
        <v>5</v>
      </c>
      <c r="T18" s="281">
        <v>2</v>
      </c>
      <c r="U18" s="281">
        <v>1</v>
      </c>
      <c r="V18" s="281">
        <v>22</v>
      </c>
      <c r="W18" s="278">
        <v>30</v>
      </c>
      <c r="X18" s="283">
        <v>30</v>
      </c>
      <c r="Y18" s="277">
        <v>8</v>
      </c>
      <c r="Z18" s="281">
        <v>17</v>
      </c>
      <c r="AA18" s="278">
        <v>25</v>
      </c>
      <c r="AB18" s="280">
        <v>0</v>
      </c>
      <c r="AC18" s="281">
        <v>19</v>
      </c>
      <c r="AD18" s="281">
        <v>159</v>
      </c>
      <c r="AE18" s="281">
        <v>80</v>
      </c>
      <c r="AF18" s="281">
        <v>114</v>
      </c>
      <c r="AG18" s="281">
        <v>25</v>
      </c>
      <c r="AH18" s="278">
        <v>397</v>
      </c>
      <c r="AI18" s="283">
        <v>422</v>
      </c>
      <c r="AJ18" s="277">
        <v>0</v>
      </c>
      <c r="AK18" s="281">
        <v>0</v>
      </c>
      <c r="AL18" s="278">
        <v>0</v>
      </c>
      <c r="AM18" s="280">
        <v>0</v>
      </c>
      <c r="AN18" s="281">
        <v>0</v>
      </c>
      <c r="AO18" s="281">
        <v>0</v>
      </c>
      <c r="AP18" s="281">
        <v>39</v>
      </c>
      <c r="AQ18" s="281">
        <v>15</v>
      </c>
      <c r="AR18" s="281">
        <v>12</v>
      </c>
      <c r="AS18" s="278">
        <v>66</v>
      </c>
      <c r="AT18" s="283">
        <v>66</v>
      </c>
      <c r="AU18" s="277">
        <v>0</v>
      </c>
      <c r="AV18" s="281">
        <v>0</v>
      </c>
      <c r="AW18" s="278">
        <v>0</v>
      </c>
      <c r="AX18" s="280">
        <v>0</v>
      </c>
      <c r="AY18" s="281">
        <v>126</v>
      </c>
      <c r="AZ18" s="281">
        <v>297</v>
      </c>
      <c r="BA18" s="281">
        <v>54</v>
      </c>
      <c r="BB18" s="281">
        <v>31</v>
      </c>
      <c r="BC18" s="281">
        <v>25</v>
      </c>
      <c r="BD18" s="282">
        <v>533</v>
      </c>
      <c r="BE18" s="283">
        <v>533</v>
      </c>
      <c r="BF18" s="277">
        <v>0</v>
      </c>
      <c r="BG18" s="281">
        <v>0</v>
      </c>
      <c r="BH18" s="278">
        <v>0</v>
      </c>
      <c r="BI18" s="280">
        <v>0</v>
      </c>
      <c r="BJ18" s="281">
        <v>85</v>
      </c>
      <c r="BK18" s="281">
        <v>121</v>
      </c>
      <c r="BL18" s="281">
        <v>60</v>
      </c>
      <c r="BM18" s="281">
        <v>6</v>
      </c>
      <c r="BN18" s="281">
        <v>0</v>
      </c>
      <c r="BO18" s="278">
        <v>272</v>
      </c>
      <c r="BP18" s="283">
        <v>272</v>
      </c>
      <c r="BQ18" s="277">
        <v>0</v>
      </c>
      <c r="BR18" s="281">
        <v>5</v>
      </c>
      <c r="BS18" s="278">
        <v>5</v>
      </c>
      <c r="BT18" s="280">
        <v>0</v>
      </c>
      <c r="BU18" s="281">
        <v>20</v>
      </c>
      <c r="BV18" s="281">
        <v>12</v>
      </c>
      <c r="BW18" s="281">
        <v>13</v>
      </c>
      <c r="BX18" s="281">
        <v>0</v>
      </c>
      <c r="BY18" s="281">
        <v>10</v>
      </c>
      <c r="BZ18" s="278">
        <v>55</v>
      </c>
      <c r="CA18" s="283">
        <v>60</v>
      </c>
      <c r="CB18" s="277">
        <v>0</v>
      </c>
      <c r="CC18" s="281">
        <v>0</v>
      </c>
      <c r="CD18" s="278">
        <v>0</v>
      </c>
      <c r="CE18" s="280">
        <v>0</v>
      </c>
      <c r="CF18" s="281">
        <v>12</v>
      </c>
      <c r="CG18" s="281">
        <v>0</v>
      </c>
      <c r="CH18" s="281">
        <v>0</v>
      </c>
      <c r="CI18" s="281">
        <v>0</v>
      </c>
      <c r="CJ18" s="281">
        <v>0</v>
      </c>
      <c r="CK18" s="278">
        <v>12</v>
      </c>
      <c r="CL18" s="283">
        <v>12</v>
      </c>
      <c r="CM18" s="277">
        <v>0</v>
      </c>
      <c r="CN18" s="281">
        <v>0</v>
      </c>
      <c r="CO18" s="278">
        <v>0</v>
      </c>
      <c r="CP18" s="280">
        <v>0</v>
      </c>
      <c r="CQ18" s="281">
        <v>0</v>
      </c>
      <c r="CR18" s="281">
        <v>0</v>
      </c>
      <c r="CS18" s="281">
        <v>0</v>
      </c>
      <c r="CT18" s="281">
        <v>0</v>
      </c>
      <c r="CU18" s="281">
        <v>0</v>
      </c>
      <c r="CV18" s="278">
        <v>0</v>
      </c>
      <c r="CW18" s="283">
        <v>0</v>
      </c>
      <c r="CX18" s="277">
        <v>0</v>
      </c>
      <c r="CY18" s="281">
        <v>0</v>
      </c>
      <c r="CZ18" s="278">
        <v>0</v>
      </c>
      <c r="DA18" s="280">
        <v>0</v>
      </c>
      <c r="DB18" s="281">
        <v>0</v>
      </c>
      <c r="DC18" s="281">
        <v>0</v>
      </c>
      <c r="DD18" s="281">
        <v>0</v>
      </c>
      <c r="DE18" s="281">
        <v>0</v>
      </c>
      <c r="DF18" s="281">
        <v>0</v>
      </c>
      <c r="DG18" s="278">
        <v>0</v>
      </c>
      <c r="DH18" s="283">
        <v>0</v>
      </c>
    </row>
    <row r="19" spans="2:112" ht="19.8" customHeight="1" x14ac:dyDescent="0.2">
      <c r="B19" s="262" t="s">
        <v>17</v>
      </c>
      <c r="C19" s="277">
        <v>0</v>
      </c>
      <c r="D19" s="278">
        <v>0</v>
      </c>
      <c r="E19" s="279">
        <v>0</v>
      </c>
      <c r="F19" s="280">
        <v>0</v>
      </c>
      <c r="G19" s="281">
        <v>67</v>
      </c>
      <c r="H19" s="281">
        <v>256</v>
      </c>
      <c r="I19" s="281">
        <v>369</v>
      </c>
      <c r="J19" s="281">
        <v>237</v>
      </c>
      <c r="K19" s="281">
        <v>725</v>
      </c>
      <c r="L19" s="282">
        <v>1654</v>
      </c>
      <c r="M19" s="283">
        <v>1654</v>
      </c>
      <c r="N19" s="277">
        <v>0</v>
      </c>
      <c r="O19" s="281">
        <v>0</v>
      </c>
      <c r="P19" s="278">
        <v>0</v>
      </c>
      <c r="Q19" s="280">
        <v>0</v>
      </c>
      <c r="R19" s="281">
        <v>0</v>
      </c>
      <c r="S19" s="281">
        <v>3</v>
      </c>
      <c r="T19" s="281">
        <v>5</v>
      </c>
      <c r="U19" s="281">
        <v>26</v>
      </c>
      <c r="V19" s="281">
        <v>22</v>
      </c>
      <c r="W19" s="278">
        <v>56</v>
      </c>
      <c r="X19" s="283">
        <v>56</v>
      </c>
      <c r="Y19" s="277">
        <v>27</v>
      </c>
      <c r="Z19" s="281">
        <v>50</v>
      </c>
      <c r="AA19" s="278">
        <v>77</v>
      </c>
      <c r="AB19" s="280">
        <v>0</v>
      </c>
      <c r="AC19" s="281">
        <v>109</v>
      </c>
      <c r="AD19" s="281">
        <v>171</v>
      </c>
      <c r="AE19" s="281">
        <v>103</v>
      </c>
      <c r="AF19" s="281">
        <v>72</v>
      </c>
      <c r="AG19" s="281">
        <v>119</v>
      </c>
      <c r="AH19" s="278">
        <v>574</v>
      </c>
      <c r="AI19" s="283">
        <v>651</v>
      </c>
      <c r="AJ19" s="277">
        <v>0</v>
      </c>
      <c r="AK19" s="281">
        <v>0</v>
      </c>
      <c r="AL19" s="278">
        <v>0</v>
      </c>
      <c r="AM19" s="280">
        <v>0</v>
      </c>
      <c r="AN19" s="281">
        <v>0</v>
      </c>
      <c r="AO19" s="281">
        <v>18</v>
      </c>
      <c r="AP19" s="281">
        <v>19</v>
      </c>
      <c r="AQ19" s="281">
        <v>20</v>
      </c>
      <c r="AR19" s="281">
        <v>0</v>
      </c>
      <c r="AS19" s="278">
        <v>57</v>
      </c>
      <c r="AT19" s="283">
        <v>57</v>
      </c>
      <c r="AU19" s="277">
        <v>0</v>
      </c>
      <c r="AV19" s="281">
        <v>0</v>
      </c>
      <c r="AW19" s="278">
        <v>0</v>
      </c>
      <c r="AX19" s="280">
        <v>0</v>
      </c>
      <c r="AY19" s="281">
        <v>234</v>
      </c>
      <c r="AZ19" s="281">
        <v>349</v>
      </c>
      <c r="BA19" s="281">
        <v>157</v>
      </c>
      <c r="BB19" s="281">
        <v>54</v>
      </c>
      <c r="BC19" s="281">
        <v>18</v>
      </c>
      <c r="BD19" s="282">
        <v>812</v>
      </c>
      <c r="BE19" s="283">
        <v>812</v>
      </c>
      <c r="BF19" s="277">
        <v>0</v>
      </c>
      <c r="BG19" s="281">
        <v>0</v>
      </c>
      <c r="BH19" s="278">
        <v>0</v>
      </c>
      <c r="BI19" s="280">
        <v>0</v>
      </c>
      <c r="BJ19" s="281">
        <v>60</v>
      </c>
      <c r="BK19" s="281">
        <v>41</v>
      </c>
      <c r="BL19" s="281">
        <v>31</v>
      </c>
      <c r="BM19" s="281">
        <v>12</v>
      </c>
      <c r="BN19" s="281">
        <v>4</v>
      </c>
      <c r="BO19" s="278">
        <v>148</v>
      </c>
      <c r="BP19" s="283">
        <v>148</v>
      </c>
      <c r="BQ19" s="277">
        <v>0</v>
      </c>
      <c r="BR19" s="281">
        <v>0</v>
      </c>
      <c r="BS19" s="278">
        <v>0</v>
      </c>
      <c r="BT19" s="280">
        <v>0</v>
      </c>
      <c r="BU19" s="281">
        <v>11</v>
      </c>
      <c r="BV19" s="281">
        <v>57</v>
      </c>
      <c r="BW19" s="281">
        <v>73</v>
      </c>
      <c r="BX19" s="281">
        <v>52</v>
      </c>
      <c r="BY19" s="281">
        <v>8</v>
      </c>
      <c r="BZ19" s="278">
        <v>201</v>
      </c>
      <c r="CA19" s="283">
        <v>201</v>
      </c>
      <c r="CB19" s="277">
        <v>0</v>
      </c>
      <c r="CC19" s="281">
        <v>0</v>
      </c>
      <c r="CD19" s="278">
        <v>0</v>
      </c>
      <c r="CE19" s="280">
        <v>0</v>
      </c>
      <c r="CF19" s="281">
        <v>7</v>
      </c>
      <c r="CG19" s="281">
        <v>8</v>
      </c>
      <c r="CH19" s="281">
        <v>0</v>
      </c>
      <c r="CI19" s="281">
        <v>5</v>
      </c>
      <c r="CJ19" s="281">
        <v>0</v>
      </c>
      <c r="CK19" s="278">
        <v>20</v>
      </c>
      <c r="CL19" s="283">
        <v>20</v>
      </c>
      <c r="CM19" s="277">
        <v>0</v>
      </c>
      <c r="CN19" s="281">
        <v>0</v>
      </c>
      <c r="CO19" s="278">
        <v>0</v>
      </c>
      <c r="CP19" s="280">
        <v>0</v>
      </c>
      <c r="CQ19" s="281">
        <v>0</v>
      </c>
      <c r="CR19" s="281">
        <v>0</v>
      </c>
      <c r="CS19" s="281">
        <v>0</v>
      </c>
      <c r="CT19" s="281">
        <v>0</v>
      </c>
      <c r="CU19" s="281">
        <v>0</v>
      </c>
      <c r="CV19" s="278">
        <v>0</v>
      </c>
      <c r="CW19" s="283">
        <v>0</v>
      </c>
      <c r="CX19" s="277">
        <v>0</v>
      </c>
      <c r="CY19" s="281">
        <v>0</v>
      </c>
      <c r="CZ19" s="278">
        <v>0</v>
      </c>
      <c r="DA19" s="280">
        <v>0</v>
      </c>
      <c r="DB19" s="281">
        <v>0</v>
      </c>
      <c r="DC19" s="281">
        <v>0</v>
      </c>
      <c r="DD19" s="281">
        <v>0</v>
      </c>
      <c r="DE19" s="281">
        <v>0</v>
      </c>
      <c r="DF19" s="281">
        <v>0</v>
      </c>
      <c r="DG19" s="278">
        <v>0</v>
      </c>
      <c r="DH19" s="283">
        <v>0</v>
      </c>
    </row>
    <row r="20" spans="2:112" ht="19.8" customHeight="1" x14ac:dyDescent="0.2">
      <c r="B20" s="262" t="s">
        <v>18</v>
      </c>
      <c r="C20" s="277">
        <v>0</v>
      </c>
      <c r="D20" s="278">
        <v>0</v>
      </c>
      <c r="E20" s="279">
        <v>0</v>
      </c>
      <c r="F20" s="280">
        <v>0</v>
      </c>
      <c r="G20" s="281">
        <v>252</v>
      </c>
      <c r="H20" s="281">
        <v>458</v>
      </c>
      <c r="I20" s="281">
        <v>660</v>
      </c>
      <c r="J20" s="281">
        <v>936</v>
      </c>
      <c r="K20" s="281">
        <v>534</v>
      </c>
      <c r="L20" s="282">
        <v>2840</v>
      </c>
      <c r="M20" s="283">
        <v>2840</v>
      </c>
      <c r="N20" s="277">
        <v>0</v>
      </c>
      <c r="O20" s="281">
        <v>0</v>
      </c>
      <c r="P20" s="278">
        <v>0</v>
      </c>
      <c r="Q20" s="280">
        <v>0</v>
      </c>
      <c r="R20" s="281">
        <v>0</v>
      </c>
      <c r="S20" s="281">
        <v>2</v>
      </c>
      <c r="T20" s="281">
        <v>8</v>
      </c>
      <c r="U20" s="281">
        <v>9</v>
      </c>
      <c r="V20" s="281">
        <v>31</v>
      </c>
      <c r="W20" s="278">
        <v>50</v>
      </c>
      <c r="X20" s="283">
        <v>50</v>
      </c>
      <c r="Y20" s="277">
        <v>45</v>
      </c>
      <c r="Z20" s="281">
        <v>56</v>
      </c>
      <c r="AA20" s="278">
        <v>101</v>
      </c>
      <c r="AB20" s="280">
        <v>0</v>
      </c>
      <c r="AC20" s="281">
        <v>149</v>
      </c>
      <c r="AD20" s="281">
        <v>247</v>
      </c>
      <c r="AE20" s="281">
        <v>209</v>
      </c>
      <c r="AF20" s="281">
        <v>239</v>
      </c>
      <c r="AG20" s="281">
        <v>242</v>
      </c>
      <c r="AH20" s="278">
        <v>1086</v>
      </c>
      <c r="AI20" s="283">
        <v>1187</v>
      </c>
      <c r="AJ20" s="277">
        <v>24</v>
      </c>
      <c r="AK20" s="281">
        <v>0</v>
      </c>
      <c r="AL20" s="278">
        <v>24</v>
      </c>
      <c r="AM20" s="280">
        <v>0</v>
      </c>
      <c r="AN20" s="281">
        <v>32</v>
      </c>
      <c r="AO20" s="281">
        <v>39</v>
      </c>
      <c r="AP20" s="281">
        <v>66</v>
      </c>
      <c r="AQ20" s="281">
        <v>66</v>
      </c>
      <c r="AR20" s="281">
        <v>16</v>
      </c>
      <c r="AS20" s="278">
        <v>219</v>
      </c>
      <c r="AT20" s="283">
        <v>243</v>
      </c>
      <c r="AU20" s="277">
        <v>0</v>
      </c>
      <c r="AV20" s="281">
        <v>0</v>
      </c>
      <c r="AW20" s="278">
        <v>0</v>
      </c>
      <c r="AX20" s="280">
        <v>0</v>
      </c>
      <c r="AY20" s="281">
        <v>395</v>
      </c>
      <c r="AZ20" s="281">
        <v>525</v>
      </c>
      <c r="BA20" s="281">
        <v>150</v>
      </c>
      <c r="BB20" s="281">
        <v>154</v>
      </c>
      <c r="BC20" s="281">
        <v>59</v>
      </c>
      <c r="BD20" s="282">
        <v>1283</v>
      </c>
      <c r="BE20" s="283">
        <v>1283</v>
      </c>
      <c r="BF20" s="277">
        <v>0</v>
      </c>
      <c r="BG20" s="281">
        <v>0</v>
      </c>
      <c r="BH20" s="278">
        <v>0</v>
      </c>
      <c r="BI20" s="280">
        <v>0</v>
      </c>
      <c r="BJ20" s="281">
        <v>71</v>
      </c>
      <c r="BK20" s="281">
        <v>127</v>
      </c>
      <c r="BL20" s="281">
        <v>50</v>
      </c>
      <c r="BM20" s="281">
        <v>43</v>
      </c>
      <c r="BN20" s="281">
        <v>20</v>
      </c>
      <c r="BO20" s="278">
        <v>311</v>
      </c>
      <c r="BP20" s="283">
        <v>311</v>
      </c>
      <c r="BQ20" s="277">
        <v>0</v>
      </c>
      <c r="BR20" s="281">
        <v>0</v>
      </c>
      <c r="BS20" s="278">
        <v>0</v>
      </c>
      <c r="BT20" s="280">
        <v>0</v>
      </c>
      <c r="BU20" s="281">
        <v>20</v>
      </c>
      <c r="BV20" s="281">
        <v>108</v>
      </c>
      <c r="BW20" s="281">
        <v>402</v>
      </c>
      <c r="BX20" s="281">
        <v>166</v>
      </c>
      <c r="BY20" s="281">
        <v>57</v>
      </c>
      <c r="BZ20" s="278">
        <v>753</v>
      </c>
      <c r="CA20" s="283">
        <v>753</v>
      </c>
      <c r="CB20" s="277">
        <v>0</v>
      </c>
      <c r="CC20" s="281">
        <v>0</v>
      </c>
      <c r="CD20" s="278">
        <v>0</v>
      </c>
      <c r="CE20" s="280">
        <v>0</v>
      </c>
      <c r="CF20" s="281">
        <v>0</v>
      </c>
      <c r="CG20" s="281">
        <v>0</v>
      </c>
      <c r="CH20" s="281">
        <v>0</v>
      </c>
      <c r="CI20" s="281">
        <v>0</v>
      </c>
      <c r="CJ20" s="281">
        <v>3</v>
      </c>
      <c r="CK20" s="278">
        <v>3</v>
      </c>
      <c r="CL20" s="283">
        <v>3</v>
      </c>
      <c r="CM20" s="277">
        <v>0</v>
      </c>
      <c r="CN20" s="281">
        <v>0</v>
      </c>
      <c r="CO20" s="278">
        <v>0</v>
      </c>
      <c r="CP20" s="280">
        <v>0</v>
      </c>
      <c r="CQ20" s="281">
        <v>0</v>
      </c>
      <c r="CR20" s="281">
        <v>0</v>
      </c>
      <c r="CS20" s="281">
        <v>0</v>
      </c>
      <c r="CT20" s="281">
        <v>0</v>
      </c>
      <c r="CU20" s="281">
        <v>0</v>
      </c>
      <c r="CV20" s="278">
        <v>0</v>
      </c>
      <c r="CW20" s="283">
        <v>0</v>
      </c>
      <c r="CX20" s="277">
        <v>0</v>
      </c>
      <c r="CY20" s="281">
        <v>0</v>
      </c>
      <c r="CZ20" s="278">
        <v>0</v>
      </c>
      <c r="DA20" s="280">
        <v>0</v>
      </c>
      <c r="DB20" s="281">
        <v>0</v>
      </c>
      <c r="DC20" s="281">
        <v>0</v>
      </c>
      <c r="DD20" s="281">
        <v>0</v>
      </c>
      <c r="DE20" s="281">
        <v>0</v>
      </c>
      <c r="DF20" s="281">
        <v>0</v>
      </c>
      <c r="DG20" s="278">
        <v>0</v>
      </c>
      <c r="DH20" s="283">
        <v>0</v>
      </c>
    </row>
    <row r="21" spans="2:112" ht="19.8" customHeight="1" x14ac:dyDescent="0.2">
      <c r="B21" s="262" t="s">
        <v>19</v>
      </c>
      <c r="C21" s="277">
        <v>0</v>
      </c>
      <c r="D21" s="278">
        <v>0</v>
      </c>
      <c r="E21" s="279">
        <v>0</v>
      </c>
      <c r="F21" s="280">
        <v>0</v>
      </c>
      <c r="G21" s="281">
        <v>70</v>
      </c>
      <c r="H21" s="281">
        <v>86</v>
      </c>
      <c r="I21" s="281">
        <v>228</v>
      </c>
      <c r="J21" s="281">
        <v>42</v>
      </c>
      <c r="K21" s="281">
        <v>54</v>
      </c>
      <c r="L21" s="282">
        <v>480</v>
      </c>
      <c r="M21" s="283">
        <v>480</v>
      </c>
      <c r="N21" s="277">
        <v>0</v>
      </c>
      <c r="O21" s="281">
        <v>0</v>
      </c>
      <c r="P21" s="278">
        <v>0</v>
      </c>
      <c r="Q21" s="280">
        <v>0</v>
      </c>
      <c r="R21" s="281">
        <v>0</v>
      </c>
      <c r="S21" s="281">
        <v>0</v>
      </c>
      <c r="T21" s="281">
        <v>9</v>
      </c>
      <c r="U21" s="281">
        <v>7</v>
      </c>
      <c r="V21" s="281">
        <v>12</v>
      </c>
      <c r="W21" s="278">
        <v>28</v>
      </c>
      <c r="X21" s="283">
        <v>28</v>
      </c>
      <c r="Y21" s="277">
        <v>14</v>
      </c>
      <c r="Z21" s="281">
        <v>10</v>
      </c>
      <c r="AA21" s="278">
        <v>24</v>
      </c>
      <c r="AB21" s="280">
        <v>0</v>
      </c>
      <c r="AC21" s="281">
        <v>55</v>
      </c>
      <c r="AD21" s="281">
        <v>94</v>
      </c>
      <c r="AE21" s="281">
        <v>50</v>
      </c>
      <c r="AF21" s="281">
        <v>173</v>
      </c>
      <c r="AG21" s="281">
        <v>59</v>
      </c>
      <c r="AH21" s="278">
        <v>431</v>
      </c>
      <c r="AI21" s="283">
        <v>455</v>
      </c>
      <c r="AJ21" s="277">
        <v>0</v>
      </c>
      <c r="AK21" s="281">
        <v>0</v>
      </c>
      <c r="AL21" s="278">
        <v>0</v>
      </c>
      <c r="AM21" s="280">
        <v>0</v>
      </c>
      <c r="AN21" s="281">
        <v>46</v>
      </c>
      <c r="AO21" s="281">
        <v>15</v>
      </c>
      <c r="AP21" s="281">
        <v>0</v>
      </c>
      <c r="AQ21" s="281">
        <v>0</v>
      </c>
      <c r="AR21" s="281">
        <v>0</v>
      </c>
      <c r="AS21" s="278">
        <v>61</v>
      </c>
      <c r="AT21" s="283">
        <v>61</v>
      </c>
      <c r="AU21" s="277">
        <v>0</v>
      </c>
      <c r="AV21" s="281">
        <v>0</v>
      </c>
      <c r="AW21" s="278">
        <v>0</v>
      </c>
      <c r="AX21" s="280">
        <v>0</v>
      </c>
      <c r="AY21" s="281">
        <v>140</v>
      </c>
      <c r="AZ21" s="281">
        <v>54</v>
      </c>
      <c r="BA21" s="281">
        <v>53</v>
      </c>
      <c r="BB21" s="281">
        <v>23</v>
      </c>
      <c r="BC21" s="281">
        <v>35</v>
      </c>
      <c r="BD21" s="282">
        <v>305</v>
      </c>
      <c r="BE21" s="283">
        <v>305</v>
      </c>
      <c r="BF21" s="277">
        <v>0</v>
      </c>
      <c r="BG21" s="281">
        <v>0</v>
      </c>
      <c r="BH21" s="278">
        <v>0</v>
      </c>
      <c r="BI21" s="280">
        <v>0</v>
      </c>
      <c r="BJ21" s="281">
        <v>30</v>
      </c>
      <c r="BK21" s="281">
        <v>28</v>
      </c>
      <c r="BL21" s="281">
        <v>28</v>
      </c>
      <c r="BM21" s="281">
        <v>40</v>
      </c>
      <c r="BN21" s="281">
        <v>12</v>
      </c>
      <c r="BO21" s="278">
        <v>138</v>
      </c>
      <c r="BP21" s="283">
        <v>138</v>
      </c>
      <c r="BQ21" s="277">
        <v>0</v>
      </c>
      <c r="BR21" s="281">
        <v>3</v>
      </c>
      <c r="BS21" s="278">
        <v>3</v>
      </c>
      <c r="BT21" s="280">
        <v>0</v>
      </c>
      <c r="BU21" s="281">
        <v>2</v>
      </c>
      <c r="BV21" s="281">
        <v>25</v>
      </c>
      <c r="BW21" s="281">
        <v>14</v>
      </c>
      <c r="BX21" s="281">
        <v>0</v>
      </c>
      <c r="BY21" s="281">
        <v>11</v>
      </c>
      <c r="BZ21" s="278">
        <v>52</v>
      </c>
      <c r="CA21" s="283">
        <v>55</v>
      </c>
      <c r="CB21" s="277">
        <v>0</v>
      </c>
      <c r="CC21" s="281">
        <v>0</v>
      </c>
      <c r="CD21" s="278">
        <v>0</v>
      </c>
      <c r="CE21" s="280">
        <v>0</v>
      </c>
      <c r="CF21" s="281">
        <v>0</v>
      </c>
      <c r="CG21" s="281">
        <v>8</v>
      </c>
      <c r="CH21" s="281">
        <v>3</v>
      </c>
      <c r="CI21" s="281">
        <v>4</v>
      </c>
      <c r="CJ21" s="281">
        <v>0</v>
      </c>
      <c r="CK21" s="278">
        <v>15</v>
      </c>
      <c r="CL21" s="283">
        <v>15</v>
      </c>
      <c r="CM21" s="277">
        <v>0</v>
      </c>
      <c r="CN21" s="281">
        <v>0</v>
      </c>
      <c r="CO21" s="278">
        <v>0</v>
      </c>
      <c r="CP21" s="280">
        <v>0</v>
      </c>
      <c r="CQ21" s="281">
        <v>0</v>
      </c>
      <c r="CR21" s="281">
        <v>0</v>
      </c>
      <c r="CS21" s="281">
        <v>0</v>
      </c>
      <c r="CT21" s="281">
        <v>0</v>
      </c>
      <c r="CU21" s="281">
        <v>0</v>
      </c>
      <c r="CV21" s="278">
        <v>0</v>
      </c>
      <c r="CW21" s="283">
        <v>0</v>
      </c>
      <c r="CX21" s="277">
        <v>0</v>
      </c>
      <c r="CY21" s="281">
        <v>0</v>
      </c>
      <c r="CZ21" s="278">
        <v>0</v>
      </c>
      <c r="DA21" s="280">
        <v>0</v>
      </c>
      <c r="DB21" s="281">
        <v>0</v>
      </c>
      <c r="DC21" s="281">
        <v>0</v>
      </c>
      <c r="DD21" s="281">
        <v>0</v>
      </c>
      <c r="DE21" s="281">
        <v>0</v>
      </c>
      <c r="DF21" s="281">
        <v>0</v>
      </c>
      <c r="DG21" s="278">
        <v>0</v>
      </c>
      <c r="DH21" s="283">
        <v>0</v>
      </c>
    </row>
    <row r="22" spans="2:112" ht="19.8" customHeight="1" x14ac:dyDescent="0.2">
      <c r="B22" s="262" t="s">
        <v>20</v>
      </c>
      <c r="C22" s="277">
        <v>0</v>
      </c>
      <c r="D22" s="278">
        <v>0</v>
      </c>
      <c r="E22" s="279">
        <v>0</v>
      </c>
      <c r="F22" s="280">
        <v>0</v>
      </c>
      <c r="G22" s="281">
        <v>178</v>
      </c>
      <c r="H22" s="281">
        <v>346</v>
      </c>
      <c r="I22" s="281">
        <v>131</v>
      </c>
      <c r="J22" s="281">
        <v>376</v>
      </c>
      <c r="K22" s="281">
        <v>136</v>
      </c>
      <c r="L22" s="282">
        <v>1167</v>
      </c>
      <c r="M22" s="283">
        <v>1167</v>
      </c>
      <c r="N22" s="277">
        <v>0</v>
      </c>
      <c r="O22" s="281">
        <v>0</v>
      </c>
      <c r="P22" s="278">
        <v>0</v>
      </c>
      <c r="Q22" s="280">
        <v>0</v>
      </c>
      <c r="R22" s="281">
        <v>0</v>
      </c>
      <c r="S22" s="281">
        <v>0</v>
      </c>
      <c r="T22" s="281">
        <v>0</v>
      </c>
      <c r="U22" s="281">
        <v>0</v>
      </c>
      <c r="V22" s="281">
        <v>20</v>
      </c>
      <c r="W22" s="278">
        <v>20</v>
      </c>
      <c r="X22" s="283">
        <v>20</v>
      </c>
      <c r="Y22" s="277">
        <v>4</v>
      </c>
      <c r="Z22" s="281">
        <v>42</v>
      </c>
      <c r="AA22" s="278">
        <v>46</v>
      </c>
      <c r="AB22" s="280">
        <v>0</v>
      </c>
      <c r="AC22" s="281">
        <v>172</v>
      </c>
      <c r="AD22" s="281">
        <v>85</v>
      </c>
      <c r="AE22" s="281">
        <v>136</v>
      </c>
      <c r="AF22" s="281">
        <v>63</v>
      </c>
      <c r="AG22" s="281">
        <v>14</v>
      </c>
      <c r="AH22" s="278">
        <v>470</v>
      </c>
      <c r="AI22" s="283">
        <v>516</v>
      </c>
      <c r="AJ22" s="277">
        <v>14</v>
      </c>
      <c r="AK22" s="281">
        <v>16</v>
      </c>
      <c r="AL22" s="278">
        <v>30</v>
      </c>
      <c r="AM22" s="280">
        <v>0</v>
      </c>
      <c r="AN22" s="281">
        <v>32</v>
      </c>
      <c r="AO22" s="281">
        <v>51</v>
      </c>
      <c r="AP22" s="281">
        <v>57</v>
      </c>
      <c r="AQ22" s="281">
        <v>0</v>
      </c>
      <c r="AR22" s="281">
        <v>6</v>
      </c>
      <c r="AS22" s="278">
        <v>146</v>
      </c>
      <c r="AT22" s="283">
        <v>176</v>
      </c>
      <c r="AU22" s="277">
        <v>0</v>
      </c>
      <c r="AV22" s="281">
        <v>0</v>
      </c>
      <c r="AW22" s="278">
        <v>0</v>
      </c>
      <c r="AX22" s="280">
        <v>0</v>
      </c>
      <c r="AY22" s="281">
        <v>69</v>
      </c>
      <c r="AZ22" s="281">
        <v>97</v>
      </c>
      <c r="BA22" s="281">
        <v>77</v>
      </c>
      <c r="BB22" s="281">
        <v>48</v>
      </c>
      <c r="BC22" s="281">
        <v>30</v>
      </c>
      <c r="BD22" s="282">
        <v>321</v>
      </c>
      <c r="BE22" s="283">
        <v>321</v>
      </c>
      <c r="BF22" s="277">
        <v>0</v>
      </c>
      <c r="BG22" s="281">
        <v>0</v>
      </c>
      <c r="BH22" s="278">
        <v>0</v>
      </c>
      <c r="BI22" s="280">
        <v>0</v>
      </c>
      <c r="BJ22" s="281">
        <v>81</v>
      </c>
      <c r="BK22" s="281">
        <v>97</v>
      </c>
      <c r="BL22" s="281">
        <v>41</v>
      </c>
      <c r="BM22" s="281">
        <v>13</v>
      </c>
      <c r="BN22" s="281">
        <v>13</v>
      </c>
      <c r="BO22" s="278">
        <v>245</v>
      </c>
      <c r="BP22" s="283">
        <v>245</v>
      </c>
      <c r="BQ22" s="277">
        <v>0</v>
      </c>
      <c r="BR22" s="281">
        <v>0</v>
      </c>
      <c r="BS22" s="278">
        <v>0</v>
      </c>
      <c r="BT22" s="280">
        <v>0</v>
      </c>
      <c r="BU22" s="281">
        <v>5</v>
      </c>
      <c r="BV22" s="281">
        <v>42</v>
      </c>
      <c r="BW22" s="281">
        <v>65</v>
      </c>
      <c r="BX22" s="281">
        <v>59</v>
      </c>
      <c r="BY22" s="281">
        <v>2</v>
      </c>
      <c r="BZ22" s="278">
        <v>173</v>
      </c>
      <c r="CA22" s="283">
        <v>173</v>
      </c>
      <c r="CB22" s="277">
        <v>0</v>
      </c>
      <c r="CC22" s="281">
        <v>0</v>
      </c>
      <c r="CD22" s="278">
        <v>0</v>
      </c>
      <c r="CE22" s="280">
        <v>0</v>
      </c>
      <c r="CF22" s="281">
        <v>0</v>
      </c>
      <c r="CG22" s="281">
        <v>9</v>
      </c>
      <c r="CH22" s="281">
        <v>12</v>
      </c>
      <c r="CI22" s="281">
        <v>0</v>
      </c>
      <c r="CJ22" s="281">
        <v>0</v>
      </c>
      <c r="CK22" s="278">
        <v>21</v>
      </c>
      <c r="CL22" s="283">
        <v>21</v>
      </c>
      <c r="CM22" s="277">
        <v>0</v>
      </c>
      <c r="CN22" s="281">
        <v>0</v>
      </c>
      <c r="CO22" s="278">
        <v>0</v>
      </c>
      <c r="CP22" s="280">
        <v>0</v>
      </c>
      <c r="CQ22" s="281">
        <v>0</v>
      </c>
      <c r="CR22" s="281">
        <v>0</v>
      </c>
      <c r="CS22" s="281">
        <v>0</v>
      </c>
      <c r="CT22" s="281">
        <v>0</v>
      </c>
      <c r="CU22" s="281">
        <v>0</v>
      </c>
      <c r="CV22" s="278">
        <v>0</v>
      </c>
      <c r="CW22" s="283">
        <v>0</v>
      </c>
      <c r="CX22" s="277">
        <v>0</v>
      </c>
      <c r="CY22" s="281">
        <v>0</v>
      </c>
      <c r="CZ22" s="278">
        <v>0</v>
      </c>
      <c r="DA22" s="280">
        <v>0</v>
      </c>
      <c r="DB22" s="281">
        <v>0</v>
      </c>
      <c r="DC22" s="281">
        <v>0</v>
      </c>
      <c r="DD22" s="281">
        <v>0</v>
      </c>
      <c r="DE22" s="281">
        <v>0</v>
      </c>
      <c r="DF22" s="281">
        <v>0</v>
      </c>
      <c r="DG22" s="278">
        <v>0</v>
      </c>
      <c r="DH22" s="283">
        <v>0</v>
      </c>
    </row>
    <row r="23" spans="2:112" ht="19.8" customHeight="1" x14ac:dyDescent="0.2">
      <c r="B23" s="262" t="s">
        <v>21</v>
      </c>
      <c r="C23" s="277">
        <v>0</v>
      </c>
      <c r="D23" s="278">
        <v>0</v>
      </c>
      <c r="E23" s="279">
        <v>0</v>
      </c>
      <c r="F23" s="280">
        <v>0</v>
      </c>
      <c r="G23" s="281">
        <v>112</v>
      </c>
      <c r="H23" s="281">
        <v>146</v>
      </c>
      <c r="I23" s="281">
        <v>152</v>
      </c>
      <c r="J23" s="281">
        <v>386</v>
      </c>
      <c r="K23" s="281">
        <v>85</v>
      </c>
      <c r="L23" s="282">
        <v>881</v>
      </c>
      <c r="M23" s="283">
        <v>881</v>
      </c>
      <c r="N23" s="277">
        <v>0</v>
      </c>
      <c r="O23" s="281">
        <v>0</v>
      </c>
      <c r="P23" s="278">
        <v>0</v>
      </c>
      <c r="Q23" s="280">
        <v>0</v>
      </c>
      <c r="R23" s="281">
        <v>0</v>
      </c>
      <c r="S23" s="281">
        <v>2</v>
      </c>
      <c r="T23" s="281">
        <v>9</v>
      </c>
      <c r="U23" s="281">
        <v>8</v>
      </c>
      <c r="V23" s="281">
        <v>8</v>
      </c>
      <c r="W23" s="278">
        <v>27</v>
      </c>
      <c r="X23" s="283">
        <v>27</v>
      </c>
      <c r="Y23" s="277">
        <v>18</v>
      </c>
      <c r="Z23" s="281">
        <v>0</v>
      </c>
      <c r="AA23" s="278">
        <v>18</v>
      </c>
      <c r="AB23" s="280">
        <v>0</v>
      </c>
      <c r="AC23" s="281">
        <v>101</v>
      </c>
      <c r="AD23" s="281">
        <v>164</v>
      </c>
      <c r="AE23" s="281">
        <v>44</v>
      </c>
      <c r="AF23" s="281">
        <v>39</v>
      </c>
      <c r="AG23" s="281">
        <v>50</v>
      </c>
      <c r="AH23" s="278">
        <v>398</v>
      </c>
      <c r="AI23" s="283">
        <v>416</v>
      </c>
      <c r="AJ23" s="277">
        <v>8</v>
      </c>
      <c r="AK23" s="281">
        <v>0</v>
      </c>
      <c r="AL23" s="278">
        <v>8</v>
      </c>
      <c r="AM23" s="280">
        <v>0</v>
      </c>
      <c r="AN23" s="281">
        <v>0</v>
      </c>
      <c r="AO23" s="281">
        <v>22</v>
      </c>
      <c r="AP23" s="281">
        <v>0</v>
      </c>
      <c r="AQ23" s="281">
        <v>0</v>
      </c>
      <c r="AR23" s="281">
        <v>12</v>
      </c>
      <c r="AS23" s="278">
        <v>34</v>
      </c>
      <c r="AT23" s="283">
        <v>42</v>
      </c>
      <c r="AU23" s="277">
        <v>0</v>
      </c>
      <c r="AV23" s="281">
        <v>0</v>
      </c>
      <c r="AW23" s="278">
        <v>0</v>
      </c>
      <c r="AX23" s="280">
        <v>0</v>
      </c>
      <c r="AY23" s="281">
        <v>135</v>
      </c>
      <c r="AZ23" s="281">
        <v>137</v>
      </c>
      <c r="BA23" s="281">
        <v>45</v>
      </c>
      <c r="BB23" s="281">
        <v>49</v>
      </c>
      <c r="BC23" s="281">
        <v>0</v>
      </c>
      <c r="BD23" s="282">
        <v>366</v>
      </c>
      <c r="BE23" s="283">
        <v>366</v>
      </c>
      <c r="BF23" s="277">
        <v>0</v>
      </c>
      <c r="BG23" s="281">
        <v>0</v>
      </c>
      <c r="BH23" s="278">
        <v>0</v>
      </c>
      <c r="BI23" s="280">
        <v>0</v>
      </c>
      <c r="BJ23" s="281">
        <v>3</v>
      </c>
      <c r="BK23" s="281">
        <v>21</v>
      </c>
      <c r="BL23" s="281">
        <v>11</v>
      </c>
      <c r="BM23" s="281">
        <v>8</v>
      </c>
      <c r="BN23" s="281">
        <v>13</v>
      </c>
      <c r="BO23" s="278">
        <v>56</v>
      </c>
      <c r="BP23" s="283">
        <v>56</v>
      </c>
      <c r="BQ23" s="277">
        <v>6</v>
      </c>
      <c r="BR23" s="281">
        <v>0</v>
      </c>
      <c r="BS23" s="278">
        <v>6</v>
      </c>
      <c r="BT23" s="280">
        <v>0</v>
      </c>
      <c r="BU23" s="281">
        <v>15</v>
      </c>
      <c r="BV23" s="281">
        <v>8</v>
      </c>
      <c r="BW23" s="281">
        <v>26</v>
      </c>
      <c r="BX23" s="281">
        <v>13</v>
      </c>
      <c r="BY23" s="281">
        <v>29</v>
      </c>
      <c r="BZ23" s="278">
        <v>91</v>
      </c>
      <c r="CA23" s="283">
        <v>97</v>
      </c>
      <c r="CB23" s="277">
        <v>0</v>
      </c>
      <c r="CC23" s="281">
        <v>0</v>
      </c>
      <c r="CD23" s="278">
        <v>0</v>
      </c>
      <c r="CE23" s="280">
        <v>0</v>
      </c>
      <c r="CF23" s="281">
        <v>0</v>
      </c>
      <c r="CG23" s="281">
        <v>13</v>
      </c>
      <c r="CH23" s="281">
        <v>0</v>
      </c>
      <c r="CI23" s="281">
        <v>0</v>
      </c>
      <c r="CJ23" s="281">
        <v>12</v>
      </c>
      <c r="CK23" s="278">
        <v>25</v>
      </c>
      <c r="CL23" s="283">
        <v>25</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row>
    <row r="24" spans="2:112" ht="19.8" customHeight="1" x14ac:dyDescent="0.2">
      <c r="B24" s="262" t="s">
        <v>22</v>
      </c>
      <c r="C24" s="277">
        <v>0</v>
      </c>
      <c r="D24" s="278">
        <v>0</v>
      </c>
      <c r="E24" s="279">
        <v>0</v>
      </c>
      <c r="F24" s="280">
        <v>0</v>
      </c>
      <c r="G24" s="281">
        <v>47</v>
      </c>
      <c r="H24" s="281">
        <v>11</v>
      </c>
      <c r="I24" s="281">
        <v>8</v>
      </c>
      <c r="J24" s="281">
        <v>26</v>
      </c>
      <c r="K24" s="281">
        <v>203</v>
      </c>
      <c r="L24" s="282">
        <v>295</v>
      </c>
      <c r="M24" s="283">
        <v>295</v>
      </c>
      <c r="N24" s="277">
        <v>0</v>
      </c>
      <c r="O24" s="281">
        <v>0</v>
      </c>
      <c r="P24" s="278">
        <v>0</v>
      </c>
      <c r="Q24" s="280">
        <v>0</v>
      </c>
      <c r="R24" s="281">
        <v>0</v>
      </c>
      <c r="S24" s="281">
        <v>0</v>
      </c>
      <c r="T24" s="281">
        <v>0</v>
      </c>
      <c r="U24" s="281">
        <v>5</v>
      </c>
      <c r="V24" s="281">
        <v>38</v>
      </c>
      <c r="W24" s="278">
        <v>43</v>
      </c>
      <c r="X24" s="283">
        <v>43</v>
      </c>
      <c r="Y24" s="277">
        <v>5</v>
      </c>
      <c r="Z24" s="281">
        <v>7</v>
      </c>
      <c r="AA24" s="278">
        <v>12</v>
      </c>
      <c r="AB24" s="280">
        <v>0</v>
      </c>
      <c r="AC24" s="281">
        <v>5</v>
      </c>
      <c r="AD24" s="281">
        <v>38</v>
      </c>
      <c r="AE24" s="281">
        <v>0</v>
      </c>
      <c r="AF24" s="281">
        <v>11</v>
      </c>
      <c r="AG24" s="281">
        <v>90</v>
      </c>
      <c r="AH24" s="278">
        <v>144</v>
      </c>
      <c r="AI24" s="283">
        <v>156</v>
      </c>
      <c r="AJ24" s="277">
        <v>0</v>
      </c>
      <c r="AK24" s="281">
        <v>0</v>
      </c>
      <c r="AL24" s="278">
        <v>0</v>
      </c>
      <c r="AM24" s="280">
        <v>0</v>
      </c>
      <c r="AN24" s="281">
        <v>24</v>
      </c>
      <c r="AO24" s="281">
        <v>0</v>
      </c>
      <c r="AP24" s="281">
        <v>0</v>
      </c>
      <c r="AQ24" s="281">
        <v>24</v>
      </c>
      <c r="AR24" s="281">
        <v>0</v>
      </c>
      <c r="AS24" s="278">
        <v>48</v>
      </c>
      <c r="AT24" s="283">
        <v>48</v>
      </c>
      <c r="AU24" s="277">
        <v>0</v>
      </c>
      <c r="AV24" s="281">
        <v>0</v>
      </c>
      <c r="AW24" s="278">
        <v>0</v>
      </c>
      <c r="AX24" s="280">
        <v>0</v>
      </c>
      <c r="AY24" s="281">
        <v>88</v>
      </c>
      <c r="AZ24" s="281">
        <v>27</v>
      </c>
      <c r="BA24" s="281">
        <v>15</v>
      </c>
      <c r="BB24" s="281">
        <v>49</v>
      </c>
      <c r="BC24" s="281">
        <v>33</v>
      </c>
      <c r="BD24" s="282">
        <v>212</v>
      </c>
      <c r="BE24" s="283">
        <v>212</v>
      </c>
      <c r="BF24" s="277">
        <v>0</v>
      </c>
      <c r="BG24" s="281">
        <v>0</v>
      </c>
      <c r="BH24" s="278">
        <v>0</v>
      </c>
      <c r="BI24" s="280">
        <v>0</v>
      </c>
      <c r="BJ24" s="281">
        <v>0</v>
      </c>
      <c r="BK24" s="281">
        <v>5</v>
      </c>
      <c r="BL24" s="281">
        <v>6</v>
      </c>
      <c r="BM24" s="281">
        <v>7</v>
      </c>
      <c r="BN24" s="281">
        <v>0</v>
      </c>
      <c r="BO24" s="278">
        <v>18</v>
      </c>
      <c r="BP24" s="283">
        <v>18</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0</v>
      </c>
      <c r="CI24" s="281">
        <v>6</v>
      </c>
      <c r="CJ24" s="281">
        <v>0</v>
      </c>
      <c r="CK24" s="278">
        <v>6</v>
      </c>
      <c r="CL24" s="283">
        <v>6</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row>
    <row r="25" spans="2:112" ht="19.8" customHeight="1" x14ac:dyDescent="0.2">
      <c r="B25" s="262" t="s">
        <v>23</v>
      </c>
      <c r="C25" s="277">
        <v>0</v>
      </c>
      <c r="D25" s="278">
        <v>0</v>
      </c>
      <c r="E25" s="279">
        <v>0</v>
      </c>
      <c r="F25" s="280">
        <v>0</v>
      </c>
      <c r="G25" s="281">
        <v>5</v>
      </c>
      <c r="H25" s="281">
        <v>127</v>
      </c>
      <c r="I25" s="281">
        <v>240</v>
      </c>
      <c r="J25" s="281">
        <v>8</v>
      </c>
      <c r="K25" s="281">
        <v>6</v>
      </c>
      <c r="L25" s="282">
        <v>386</v>
      </c>
      <c r="M25" s="283">
        <v>386</v>
      </c>
      <c r="N25" s="277">
        <v>0</v>
      </c>
      <c r="O25" s="281">
        <v>0</v>
      </c>
      <c r="P25" s="278">
        <v>0</v>
      </c>
      <c r="Q25" s="280">
        <v>0</v>
      </c>
      <c r="R25" s="281">
        <v>0</v>
      </c>
      <c r="S25" s="281">
        <v>5</v>
      </c>
      <c r="T25" s="281">
        <v>0</v>
      </c>
      <c r="U25" s="281">
        <v>8</v>
      </c>
      <c r="V25" s="281">
        <v>0</v>
      </c>
      <c r="W25" s="278">
        <v>13</v>
      </c>
      <c r="X25" s="283">
        <v>13</v>
      </c>
      <c r="Y25" s="277">
        <v>27</v>
      </c>
      <c r="Z25" s="281">
        <v>8</v>
      </c>
      <c r="AA25" s="278">
        <v>35</v>
      </c>
      <c r="AB25" s="280">
        <v>0</v>
      </c>
      <c r="AC25" s="281">
        <v>49</v>
      </c>
      <c r="AD25" s="281">
        <v>78</v>
      </c>
      <c r="AE25" s="281">
        <v>78</v>
      </c>
      <c r="AF25" s="281">
        <v>27</v>
      </c>
      <c r="AG25" s="281">
        <v>11</v>
      </c>
      <c r="AH25" s="278">
        <v>243</v>
      </c>
      <c r="AI25" s="283">
        <v>278</v>
      </c>
      <c r="AJ25" s="277">
        <v>0</v>
      </c>
      <c r="AK25" s="281">
        <v>15</v>
      </c>
      <c r="AL25" s="278">
        <v>15</v>
      </c>
      <c r="AM25" s="280">
        <v>0</v>
      </c>
      <c r="AN25" s="281">
        <v>0</v>
      </c>
      <c r="AO25" s="281">
        <v>67</v>
      </c>
      <c r="AP25" s="281">
        <v>0</v>
      </c>
      <c r="AQ25" s="281">
        <v>0</v>
      </c>
      <c r="AR25" s="281">
        <v>0</v>
      </c>
      <c r="AS25" s="278">
        <v>67</v>
      </c>
      <c r="AT25" s="283">
        <v>82</v>
      </c>
      <c r="AU25" s="277">
        <v>0</v>
      </c>
      <c r="AV25" s="281">
        <v>0</v>
      </c>
      <c r="AW25" s="278">
        <v>0</v>
      </c>
      <c r="AX25" s="280">
        <v>0</v>
      </c>
      <c r="AY25" s="281">
        <v>96</v>
      </c>
      <c r="AZ25" s="281">
        <v>158</v>
      </c>
      <c r="BA25" s="281">
        <v>46</v>
      </c>
      <c r="BB25" s="281">
        <v>39</v>
      </c>
      <c r="BC25" s="281">
        <v>0</v>
      </c>
      <c r="BD25" s="282">
        <v>339</v>
      </c>
      <c r="BE25" s="283">
        <v>339</v>
      </c>
      <c r="BF25" s="277">
        <v>0</v>
      </c>
      <c r="BG25" s="281">
        <v>0</v>
      </c>
      <c r="BH25" s="278">
        <v>0</v>
      </c>
      <c r="BI25" s="280">
        <v>0</v>
      </c>
      <c r="BJ25" s="281">
        <v>6</v>
      </c>
      <c r="BK25" s="281">
        <v>40</v>
      </c>
      <c r="BL25" s="281">
        <v>39</v>
      </c>
      <c r="BM25" s="281">
        <v>29</v>
      </c>
      <c r="BN25" s="281">
        <v>0</v>
      </c>
      <c r="BO25" s="278">
        <v>114</v>
      </c>
      <c r="BP25" s="283">
        <v>114</v>
      </c>
      <c r="BQ25" s="277">
        <v>0</v>
      </c>
      <c r="BR25" s="281">
        <v>0</v>
      </c>
      <c r="BS25" s="278">
        <v>0</v>
      </c>
      <c r="BT25" s="280">
        <v>0</v>
      </c>
      <c r="BU25" s="281">
        <v>6</v>
      </c>
      <c r="BV25" s="281">
        <v>9</v>
      </c>
      <c r="BW25" s="281">
        <v>12</v>
      </c>
      <c r="BX25" s="281">
        <v>26</v>
      </c>
      <c r="BY25" s="281">
        <v>13</v>
      </c>
      <c r="BZ25" s="278">
        <v>66</v>
      </c>
      <c r="CA25" s="283">
        <v>66</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row>
    <row r="26" spans="2:112" ht="19.8" customHeight="1" x14ac:dyDescent="0.2">
      <c r="B26" s="262" t="s">
        <v>24</v>
      </c>
      <c r="C26" s="277">
        <v>0</v>
      </c>
      <c r="D26" s="278">
        <v>0</v>
      </c>
      <c r="E26" s="279">
        <v>0</v>
      </c>
      <c r="F26" s="280">
        <v>0</v>
      </c>
      <c r="G26" s="281">
        <v>84</v>
      </c>
      <c r="H26" s="281">
        <v>52</v>
      </c>
      <c r="I26" s="281">
        <v>45</v>
      </c>
      <c r="J26" s="281">
        <v>286</v>
      </c>
      <c r="K26" s="281">
        <v>252</v>
      </c>
      <c r="L26" s="282">
        <v>719</v>
      </c>
      <c r="M26" s="283">
        <v>719</v>
      </c>
      <c r="N26" s="277">
        <v>0</v>
      </c>
      <c r="O26" s="281">
        <v>0</v>
      </c>
      <c r="P26" s="278">
        <v>0</v>
      </c>
      <c r="Q26" s="280">
        <v>0</v>
      </c>
      <c r="R26" s="281">
        <v>0</v>
      </c>
      <c r="S26" s="281">
        <v>0</v>
      </c>
      <c r="T26" s="281">
        <v>0</v>
      </c>
      <c r="U26" s="281">
        <v>7</v>
      </c>
      <c r="V26" s="281">
        <v>17</v>
      </c>
      <c r="W26" s="278">
        <v>24</v>
      </c>
      <c r="X26" s="283">
        <v>24</v>
      </c>
      <c r="Y26" s="277">
        <v>0</v>
      </c>
      <c r="Z26" s="281">
        <v>9</v>
      </c>
      <c r="AA26" s="278">
        <v>9</v>
      </c>
      <c r="AB26" s="280">
        <v>0</v>
      </c>
      <c r="AC26" s="281">
        <v>73</v>
      </c>
      <c r="AD26" s="281">
        <v>3</v>
      </c>
      <c r="AE26" s="281">
        <v>66</v>
      </c>
      <c r="AF26" s="281">
        <v>43</v>
      </c>
      <c r="AG26" s="281">
        <v>40</v>
      </c>
      <c r="AH26" s="278">
        <v>225</v>
      </c>
      <c r="AI26" s="283">
        <v>234</v>
      </c>
      <c r="AJ26" s="277">
        <v>0</v>
      </c>
      <c r="AK26" s="281">
        <v>0</v>
      </c>
      <c r="AL26" s="278">
        <v>0</v>
      </c>
      <c r="AM26" s="280">
        <v>0</v>
      </c>
      <c r="AN26" s="281">
        <v>0</v>
      </c>
      <c r="AO26" s="281">
        <v>0</v>
      </c>
      <c r="AP26" s="281">
        <v>0</v>
      </c>
      <c r="AQ26" s="281">
        <v>10</v>
      </c>
      <c r="AR26" s="281">
        <v>12</v>
      </c>
      <c r="AS26" s="278">
        <v>22</v>
      </c>
      <c r="AT26" s="283">
        <v>22</v>
      </c>
      <c r="AU26" s="277">
        <v>0</v>
      </c>
      <c r="AV26" s="281">
        <v>0</v>
      </c>
      <c r="AW26" s="278">
        <v>0</v>
      </c>
      <c r="AX26" s="280">
        <v>0</v>
      </c>
      <c r="AY26" s="281">
        <v>76</v>
      </c>
      <c r="AZ26" s="281">
        <v>58</v>
      </c>
      <c r="BA26" s="281">
        <v>0</v>
      </c>
      <c r="BB26" s="281">
        <v>9</v>
      </c>
      <c r="BC26" s="281">
        <v>0</v>
      </c>
      <c r="BD26" s="282">
        <v>143</v>
      </c>
      <c r="BE26" s="283">
        <v>143</v>
      </c>
      <c r="BF26" s="277">
        <v>0</v>
      </c>
      <c r="BG26" s="281">
        <v>0</v>
      </c>
      <c r="BH26" s="278">
        <v>0</v>
      </c>
      <c r="BI26" s="280">
        <v>0</v>
      </c>
      <c r="BJ26" s="281">
        <v>51</v>
      </c>
      <c r="BK26" s="281">
        <v>33</v>
      </c>
      <c r="BL26" s="281">
        <v>9</v>
      </c>
      <c r="BM26" s="281">
        <v>17</v>
      </c>
      <c r="BN26" s="281">
        <v>17</v>
      </c>
      <c r="BO26" s="278">
        <v>127</v>
      </c>
      <c r="BP26" s="283">
        <v>127</v>
      </c>
      <c r="BQ26" s="277">
        <v>0</v>
      </c>
      <c r="BR26" s="281">
        <v>0</v>
      </c>
      <c r="BS26" s="278">
        <v>0</v>
      </c>
      <c r="BT26" s="280">
        <v>0</v>
      </c>
      <c r="BU26" s="281">
        <v>0</v>
      </c>
      <c r="BV26" s="281">
        <v>9</v>
      </c>
      <c r="BW26" s="281">
        <v>0</v>
      </c>
      <c r="BX26" s="281">
        <v>29</v>
      </c>
      <c r="BY26" s="281">
        <v>7</v>
      </c>
      <c r="BZ26" s="278">
        <v>45</v>
      </c>
      <c r="CA26" s="283">
        <v>45</v>
      </c>
      <c r="CB26" s="277">
        <v>0</v>
      </c>
      <c r="CC26" s="281">
        <v>0</v>
      </c>
      <c r="CD26" s="278">
        <v>0</v>
      </c>
      <c r="CE26" s="280">
        <v>0</v>
      </c>
      <c r="CF26" s="281">
        <v>0</v>
      </c>
      <c r="CG26" s="281">
        <v>5</v>
      </c>
      <c r="CH26" s="281">
        <v>0</v>
      </c>
      <c r="CI26" s="281">
        <v>0</v>
      </c>
      <c r="CJ26" s="281">
        <v>0</v>
      </c>
      <c r="CK26" s="278">
        <v>5</v>
      </c>
      <c r="CL26" s="283">
        <v>5</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row>
    <row r="27" spans="2:112" ht="19.8" customHeight="1" x14ac:dyDescent="0.2">
      <c r="B27" s="262" t="s">
        <v>25</v>
      </c>
      <c r="C27" s="277">
        <v>0</v>
      </c>
      <c r="D27" s="278">
        <v>0</v>
      </c>
      <c r="E27" s="279">
        <v>0</v>
      </c>
      <c r="F27" s="280">
        <v>0</v>
      </c>
      <c r="G27" s="281">
        <v>36</v>
      </c>
      <c r="H27" s="281">
        <v>12</v>
      </c>
      <c r="I27" s="281">
        <v>25</v>
      </c>
      <c r="J27" s="281">
        <v>119</v>
      </c>
      <c r="K27" s="281">
        <v>4</v>
      </c>
      <c r="L27" s="282">
        <v>196</v>
      </c>
      <c r="M27" s="283">
        <v>196</v>
      </c>
      <c r="N27" s="277">
        <v>0</v>
      </c>
      <c r="O27" s="281">
        <v>0</v>
      </c>
      <c r="P27" s="278">
        <v>0</v>
      </c>
      <c r="Q27" s="280">
        <v>0</v>
      </c>
      <c r="R27" s="281">
        <v>0</v>
      </c>
      <c r="S27" s="281">
        <v>4</v>
      </c>
      <c r="T27" s="281">
        <v>0</v>
      </c>
      <c r="U27" s="281">
        <v>0</v>
      </c>
      <c r="V27" s="281">
        <v>19</v>
      </c>
      <c r="W27" s="278">
        <v>23</v>
      </c>
      <c r="X27" s="283">
        <v>23</v>
      </c>
      <c r="Y27" s="277">
        <v>5</v>
      </c>
      <c r="Z27" s="281">
        <v>11</v>
      </c>
      <c r="AA27" s="278">
        <v>16</v>
      </c>
      <c r="AB27" s="280">
        <v>0</v>
      </c>
      <c r="AC27" s="281">
        <v>21</v>
      </c>
      <c r="AD27" s="281">
        <v>9</v>
      </c>
      <c r="AE27" s="281">
        <v>8</v>
      </c>
      <c r="AF27" s="281">
        <v>3</v>
      </c>
      <c r="AG27" s="281">
        <v>28</v>
      </c>
      <c r="AH27" s="278">
        <v>69</v>
      </c>
      <c r="AI27" s="283">
        <v>85</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59</v>
      </c>
      <c r="AZ27" s="281">
        <v>40</v>
      </c>
      <c r="BA27" s="281">
        <v>23</v>
      </c>
      <c r="BB27" s="281">
        <v>29</v>
      </c>
      <c r="BC27" s="281">
        <v>0</v>
      </c>
      <c r="BD27" s="282">
        <v>151</v>
      </c>
      <c r="BE27" s="283">
        <v>151</v>
      </c>
      <c r="BF27" s="277">
        <v>0</v>
      </c>
      <c r="BG27" s="281">
        <v>0</v>
      </c>
      <c r="BH27" s="278">
        <v>0</v>
      </c>
      <c r="BI27" s="280">
        <v>0</v>
      </c>
      <c r="BJ27" s="281">
        <v>5</v>
      </c>
      <c r="BK27" s="281">
        <v>42</v>
      </c>
      <c r="BL27" s="281">
        <v>18</v>
      </c>
      <c r="BM27" s="281">
        <v>20</v>
      </c>
      <c r="BN27" s="281">
        <v>0</v>
      </c>
      <c r="BO27" s="278">
        <v>85</v>
      </c>
      <c r="BP27" s="283">
        <v>85</v>
      </c>
      <c r="BQ27" s="277">
        <v>0</v>
      </c>
      <c r="BR27" s="281">
        <v>0</v>
      </c>
      <c r="BS27" s="278">
        <v>0</v>
      </c>
      <c r="BT27" s="280">
        <v>0</v>
      </c>
      <c r="BU27" s="281">
        <v>14</v>
      </c>
      <c r="BV27" s="281">
        <v>4</v>
      </c>
      <c r="BW27" s="281">
        <v>8</v>
      </c>
      <c r="BX27" s="281">
        <v>0</v>
      </c>
      <c r="BY27" s="281">
        <v>0</v>
      </c>
      <c r="BZ27" s="278">
        <v>26</v>
      </c>
      <c r="CA27" s="283">
        <v>26</v>
      </c>
      <c r="CB27" s="277">
        <v>0</v>
      </c>
      <c r="CC27" s="281">
        <v>0</v>
      </c>
      <c r="CD27" s="278">
        <v>0</v>
      </c>
      <c r="CE27" s="280">
        <v>0</v>
      </c>
      <c r="CF27" s="281">
        <v>0</v>
      </c>
      <c r="CG27" s="281">
        <v>0</v>
      </c>
      <c r="CH27" s="281">
        <v>11</v>
      </c>
      <c r="CI27" s="281">
        <v>0</v>
      </c>
      <c r="CJ27" s="281">
        <v>21</v>
      </c>
      <c r="CK27" s="278">
        <v>32</v>
      </c>
      <c r="CL27" s="283">
        <v>32</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row>
    <row r="28" spans="2:112" ht="19.8" customHeight="1" x14ac:dyDescent="0.2">
      <c r="B28" s="262" t="s">
        <v>26</v>
      </c>
      <c r="C28" s="277">
        <v>0</v>
      </c>
      <c r="D28" s="278">
        <v>0</v>
      </c>
      <c r="E28" s="279">
        <v>0</v>
      </c>
      <c r="F28" s="280">
        <v>0</v>
      </c>
      <c r="G28" s="281">
        <v>88</v>
      </c>
      <c r="H28" s="281">
        <v>68</v>
      </c>
      <c r="I28" s="281">
        <v>108</v>
      </c>
      <c r="J28" s="281">
        <v>73</v>
      </c>
      <c r="K28" s="281">
        <v>100</v>
      </c>
      <c r="L28" s="282">
        <v>437</v>
      </c>
      <c r="M28" s="283">
        <v>437</v>
      </c>
      <c r="N28" s="277">
        <v>0</v>
      </c>
      <c r="O28" s="281">
        <v>0</v>
      </c>
      <c r="P28" s="278">
        <v>0</v>
      </c>
      <c r="Q28" s="280">
        <v>0</v>
      </c>
      <c r="R28" s="281">
        <v>0</v>
      </c>
      <c r="S28" s="281">
        <v>0</v>
      </c>
      <c r="T28" s="281">
        <v>9</v>
      </c>
      <c r="U28" s="281">
        <v>0</v>
      </c>
      <c r="V28" s="281">
        <v>9</v>
      </c>
      <c r="W28" s="278">
        <v>18</v>
      </c>
      <c r="X28" s="283">
        <v>18</v>
      </c>
      <c r="Y28" s="277">
        <v>0</v>
      </c>
      <c r="Z28" s="281">
        <v>15</v>
      </c>
      <c r="AA28" s="278">
        <v>15</v>
      </c>
      <c r="AB28" s="280">
        <v>0</v>
      </c>
      <c r="AC28" s="281">
        <v>13</v>
      </c>
      <c r="AD28" s="281">
        <v>60</v>
      </c>
      <c r="AE28" s="281">
        <v>26</v>
      </c>
      <c r="AF28" s="281">
        <v>18</v>
      </c>
      <c r="AG28" s="281">
        <v>26</v>
      </c>
      <c r="AH28" s="278">
        <v>143</v>
      </c>
      <c r="AI28" s="283">
        <v>158</v>
      </c>
      <c r="AJ28" s="277">
        <v>0</v>
      </c>
      <c r="AK28" s="281">
        <v>0</v>
      </c>
      <c r="AL28" s="278">
        <v>0</v>
      </c>
      <c r="AM28" s="280">
        <v>0</v>
      </c>
      <c r="AN28" s="281">
        <v>0</v>
      </c>
      <c r="AO28" s="281">
        <v>0</v>
      </c>
      <c r="AP28" s="281">
        <v>24</v>
      </c>
      <c r="AQ28" s="281">
        <v>0</v>
      </c>
      <c r="AR28" s="281">
        <v>0</v>
      </c>
      <c r="AS28" s="278">
        <v>24</v>
      </c>
      <c r="AT28" s="283">
        <v>24</v>
      </c>
      <c r="AU28" s="277">
        <v>0</v>
      </c>
      <c r="AV28" s="281">
        <v>0</v>
      </c>
      <c r="AW28" s="278">
        <v>0</v>
      </c>
      <c r="AX28" s="280">
        <v>0</v>
      </c>
      <c r="AY28" s="281">
        <v>95</v>
      </c>
      <c r="AZ28" s="281">
        <v>22</v>
      </c>
      <c r="BA28" s="281">
        <v>19</v>
      </c>
      <c r="BB28" s="281">
        <v>0</v>
      </c>
      <c r="BC28" s="281">
        <v>0</v>
      </c>
      <c r="BD28" s="282">
        <v>136</v>
      </c>
      <c r="BE28" s="283">
        <v>136</v>
      </c>
      <c r="BF28" s="277">
        <v>0</v>
      </c>
      <c r="BG28" s="281">
        <v>0</v>
      </c>
      <c r="BH28" s="278">
        <v>0</v>
      </c>
      <c r="BI28" s="280">
        <v>0</v>
      </c>
      <c r="BJ28" s="281">
        <v>21</v>
      </c>
      <c r="BK28" s="281">
        <v>33</v>
      </c>
      <c r="BL28" s="281">
        <v>17</v>
      </c>
      <c r="BM28" s="281">
        <v>0</v>
      </c>
      <c r="BN28" s="281">
        <v>0</v>
      </c>
      <c r="BO28" s="278">
        <v>71</v>
      </c>
      <c r="BP28" s="283">
        <v>71</v>
      </c>
      <c r="BQ28" s="277">
        <v>0</v>
      </c>
      <c r="BR28" s="281">
        <v>0</v>
      </c>
      <c r="BS28" s="278">
        <v>0</v>
      </c>
      <c r="BT28" s="280">
        <v>0</v>
      </c>
      <c r="BU28" s="281">
        <v>3</v>
      </c>
      <c r="BV28" s="281">
        <v>0</v>
      </c>
      <c r="BW28" s="281">
        <v>15</v>
      </c>
      <c r="BX28" s="281">
        <v>0</v>
      </c>
      <c r="BY28" s="281">
        <v>0</v>
      </c>
      <c r="BZ28" s="278">
        <v>18</v>
      </c>
      <c r="CA28" s="283">
        <v>18</v>
      </c>
      <c r="CB28" s="277">
        <v>0</v>
      </c>
      <c r="CC28" s="281">
        <v>0</v>
      </c>
      <c r="CD28" s="278">
        <v>0</v>
      </c>
      <c r="CE28" s="280">
        <v>0</v>
      </c>
      <c r="CF28" s="281">
        <v>0</v>
      </c>
      <c r="CG28" s="281">
        <v>4</v>
      </c>
      <c r="CH28" s="281">
        <v>0</v>
      </c>
      <c r="CI28" s="281">
        <v>0</v>
      </c>
      <c r="CJ28" s="281">
        <v>0</v>
      </c>
      <c r="CK28" s="278">
        <v>4</v>
      </c>
      <c r="CL28" s="283">
        <v>4</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row>
    <row r="29" spans="2:112" ht="19.8" customHeight="1" x14ac:dyDescent="0.2">
      <c r="B29" s="262" t="s">
        <v>27</v>
      </c>
      <c r="C29" s="277">
        <v>0</v>
      </c>
      <c r="D29" s="278">
        <v>0</v>
      </c>
      <c r="E29" s="279">
        <v>0</v>
      </c>
      <c r="F29" s="280">
        <v>0</v>
      </c>
      <c r="G29" s="281">
        <v>0</v>
      </c>
      <c r="H29" s="281">
        <v>133</v>
      </c>
      <c r="I29" s="281">
        <v>72</v>
      </c>
      <c r="J29" s="281">
        <v>0</v>
      </c>
      <c r="K29" s="281">
        <v>298</v>
      </c>
      <c r="L29" s="282">
        <v>503</v>
      </c>
      <c r="M29" s="283">
        <v>503</v>
      </c>
      <c r="N29" s="277">
        <v>0</v>
      </c>
      <c r="O29" s="281">
        <v>0</v>
      </c>
      <c r="P29" s="278">
        <v>0</v>
      </c>
      <c r="Q29" s="280">
        <v>0</v>
      </c>
      <c r="R29" s="281">
        <v>0</v>
      </c>
      <c r="S29" s="281">
        <v>0</v>
      </c>
      <c r="T29" s="281">
        <v>6</v>
      </c>
      <c r="U29" s="281">
        <v>0</v>
      </c>
      <c r="V29" s="281">
        <v>0</v>
      </c>
      <c r="W29" s="278">
        <v>6</v>
      </c>
      <c r="X29" s="283">
        <v>6</v>
      </c>
      <c r="Y29" s="277">
        <v>28</v>
      </c>
      <c r="Z29" s="281">
        <v>19</v>
      </c>
      <c r="AA29" s="278">
        <v>47</v>
      </c>
      <c r="AB29" s="280">
        <v>0</v>
      </c>
      <c r="AC29" s="281">
        <v>26</v>
      </c>
      <c r="AD29" s="281">
        <v>38</v>
      </c>
      <c r="AE29" s="281">
        <v>28</v>
      </c>
      <c r="AF29" s="281">
        <v>4</v>
      </c>
      <c r="AG29" s="281">
        <v>17</v>
      </c>
      <c r="AH29" s="278">
        <v>113</v>
      </c>
      <c r="AI29" s="283">
        <v>160</v>
      </c>
      <c r="AJ29" s="277">
        <v>0</v>
      </c>
      <c r="AK29" s="281">
        <v>14</v>
      </c>
      <c r="AL29" s="278">
        <v>14</v>
      </c>
      <c r="AM29" s="280">
        <v>0</v>
      </c>
      <c r="AN29" s="281">
        <v>0</v>
      </c>
      <c r="AO29" s="281">
        <v>0</v>
      </c>
      <c r="AP29" s="281">
        <v>0</v>
      </c>
      <c r="AQ29" s="281">
        <v>0</v>
      </c>
      <c r="AR29" s="281">
        <v>0</v>
      </c>
      <c r="AS29" s="278">
        <v>0</v>
      </c>
      <c r="AT29" s="283">
        <v>14</v>
      </c>
      <c r="AU29" s="277">
        <v>0</v>
      </c>
      <c r="AV29" s="281">
        <v>0</v>
      </c>
      <c r="AW29" s="278">
        <v>0</v>
      </c>
      <c r="AX29" s="280">
        <v>0</v>
      </c>
      <c r="AY29" s="281">
        <v>0</v>
      </c>
      <c r="AZ29" s="281">
        <v>9</v>
      </c>
      <c r="BA29" s="281">
        <v>51</v>
      </c>
      <c r="BB29" s="281">
        <v>12</v>
      </c>
      <c r="BC29" s="281">
        <v>0</v>
      </c>
      <c r="BD29" s="282">
        <v>72</v>
      </c>
      <c r="BE29" s="283">
        <v>72</v>
      </c>
      <c r="BF29" s="277">
        <v>0</v>
      </c>
      <c r="BG29" s="281">
        <v>0</v>
      </c>
      <c r="BH29" s="278">
        <v>0</v>
      </c>
      <c r="BI29" s="280">
        <v>0</v>
      </c>
      <c r="BJ29" s="281">
        <v>3</v>
      </c>
      <c r="BK29" s="281">
        <v>4</v>
      </c>
      <c r="BL29" s="281">
        <v>11</v>
      </c>
      <c r="BM29" s="281">
        <v>0</v>
      </c>
      <c r="BN29" s="281">
        <v>0</v>
      </c>
      <c r="BO29" s="278">
        <v>18</v>
      </c>
      <c r="BP29" s="283">
        <v>18</v>
      </c>
      <c r="BQ29" s="277">
        <v>0</v>
      </c>
      <c r="BR29" s="281">
        <v>3</v>
      </c>
      <c r="BS29" s="278">
        <v>3</v>
      </c>
      <c r="BT29" s="280">
        <v>0</v>
      </c>
      <c r="BU29" s="281">
        <v>0</v>
      </c>
      <c r="BV29" s="281">
        <v>10</v>
      </c>
      <c r="BW29" s="281">
        <v>4</v>
      </c>
      <c r="BX29" s="281">
        <v>2</v>
      </c>
      <c r="BY29" s="281">
        <v>0</v>
      </c>
      <c r="BZ29" s="278">
        <v>16</v>
      </c>
      <c r="CA29" s="283">
        <v>19</v>
      </c>
      <c r="CB29" s="277">
        <v>0</v>
      </c>
      <c r="CC29" s="281">
        <v>0</v>
      </c>
      <c r="CD29" s="278">
        <v>0</v>
      </c>
      <c r="CE29" s="280">
        <v>0</v>
      </c>
      <c r="CF29" s="281">
        <v>0</v>
      </c>
      <c r="CG29" s="281">
        <v>0</v>
      </c>
      <c r="CH29" s="281">
        <v>0</v>
      </c>
      <c r="CI29" s="281">
        <v>0</v>
      </c>
      <c r="CJ29" s="281">
        <v>0</v>
      </c>
      <c r="CK29" s="278">
        <v>0</v>
      </c>
      <c r="CL29" s="283">
        <v>0</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row>
    <row r="30" spans="2:112" ht="19.8" customHeight="1" x14ac:dyDescent="0.2">
      <c r="B30" s="262" t="s">
        <v>28</v>
      </c>
      <c r="C30" s="277">
        <v>0</v>
      </c>
      <c r="D30" s="278">
        <v>0</v>
      </c>
      <c r="E30" s="279">
        <v>0</v>
      </c>
      <c r="F30" s="280">
        <v>0</v>
      </c>
      <c r="G30" s="281">
        <v>6</v>
      </c>
      <c r="H30" s="281">
        <v>12</v>
      </c>
      <c r="I30" s="281">
        <v>0</v>
      </c>
      <c r="J30" s="281">
        <v>0</v>
      </c>
      <c r="K30" s="281">
        <v>26</v>
      </c>
      <c r="L30" s="282">
        <v>44</v>
      </c>
      <c r="M30" s="283">
        <v>44</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1</v>
      </c>
      <c r="AD30" s="281">
        <v>15</v>
      </c>
      <c r="AE30" s="281">
        <v>2</v>
      </c>
      <c r="AF30" s="281">
        <v>0</v>
      </c>
      <c r="AG30" s="281">
        <v>0</v>
      </c>
      <c r="AH30" s="278">
        <v>18</v>
      </c>
      <c r="AI30" s="283">
        <v>18</v>
      </c>
      <c r="AJ30" s="277">
        <v>0</v>
      </c>
      <c r="AK30" s="281">
        <v>0</v>
      </c>
      <c r="AL30" s="278">
        <v>0</v>
      </c>
      <c r="AM30" s="280">
        <v>0</v>
      </c>
      <c r="AN30" s="281">
        <v>27</v>
      </c>
      <c r="AO30" s="281">
        <v>0</v>
      </c>
      <c r="AP30" s="281">
        <v>0</v>
      </c>
      <c r="AQ30" s="281">
        <v>0</v>
      </c>
      <c r="AR30" s="281">
        <v>0</v>
      </c>
      <c r="AS30" s="278">
        <v>27</v>
      </c>
      <c r="AT30" s="283">
        <v>27</v>
      </c>
      <c r="AU30" s="277">
        <v>0</v>
      </c>
      <c r="AV30" s="281">
        <v>0</v>
      </c>
      <c r="AW30" s="278">
        <v>0</v>
      </c>
      <c r="AX30" s="280">
        <v>0</v>
      </c>
      <c r="AY30" s="281">
        <v>11</v>
      </c>
      <c r="AZ30" s="281">
        <v>19</v>
      </c>
      <c r="BA30" s="281">
        <v>0</v>
      </c>
      <c r="BB30" s="281">
        <v>0</v>
      </c>
      <c r="BC30" s="281">
        <v>0</v>
      </c>
      <c r="BD30" s="282">
        <v>30</v>
      </c>
      <c r="BE30" s="283">
        <v>30</v>
      </c>
      <c r="BF30" s="277">
        <v>0</v>
      </c>
      <c r="BG30" s="281">
        <v>0</v>
      </c>
      <c r="BH30" s="278">
        <v>0</v>
      </c>
      <c r="BI30" s="280">
        <v>0</v>
      </c>
      <c r="BJ30" s="281">
        <v>13</v>
      </c>
      <c r="BK30" s="281">
        <v>3</v>
      </c>
      <c r="BL30" s="281">
        <v>8</v>
      </c>
      <c r="BM30" s="281">
        <v>0</v>
      </c>
      <c r="BN30" s="281">
        <v>7</v>
      </c>
      <c r="BO30" s="278">
        <v>31</v>
      </c>
      <c r="BP30" s="283">
        <v>31</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row>
    <row r="31" spans="2:112" ht="19.8" customHeight="1" x14ac:dyDescent="0.2">
      <c r="B31" s="262" t="s">
        <v>29</v>
      </c>
      <c r="C31" s="277">
        <v>0</v>
      </c>
      <c r="D31" s="278">
        <v>0</v>
      </c>
      <c r="E31" s="279">
        <v>0</v>
      </c>
      <c r="F31" s="280">
        <v>0</v>
      </c>
      <c r="G31" s="281">
        <v>4</v>
      </c>
      <c r="H31" s="281">
        <v>30</v>
      </c>
      <c r="I31" s="281">
        <v>0</v>
      </c>
      <c r="J31" s="281">
        <v>22</v>
      </c>
      <c r="K31" s="281">
        <v>0</v>
      </c>
      <c r="L31" s="282">
        <v>56</v>
      </c>
      <c r="M31" s="283">
        <v>56</v>
      </c>
      <c r="N31" s="277">
        <v>0</v>
      </c>
      <c r="O31" s="281">
        <v>0</v>
      </c>
      <c r="P31" s="278">
        <v>0</v>
      </c>
      <c r="Q31" s="280">
        <v>0</v>
      </c>
      <c r="R31" s="281">
        <v>0</v>
      </c>
      <c r="S31" s="281">
        <v>0</v>
      </c>
      <c r="T31" s="281">
        <v>5</v>
      </c>
      <c r="U31" s="281">
        <v>0</v>
      </c>
      <c r="V31" s="281">
        <v>0</v>
      </c>
      <c r="W31" s="278">
        <v>5</v>
      </c>
      <c r="X31" s="283">
        <v>5</v>
      </c>
      <c r="Y31" s="277">
        <v>0</v>
      </c>
      <c r="Z31" s="281">
        <v>0</v>
      </c>
      <c r="AA31" s="278">
        <v>0</v>
      </c>
      <c r="AB31" s="280">
        <v>0</v>
      </c>
      <c r="AC31" s="281">
        <v>19</v>
      </c>
      <c r="AD31" s="281">
        <v>16</v>
      </c>
      <c r="AE31" s="281">
        <v>34</v>
      </c>
      <c r="AF31" s="281">
        <v>0</v>
      </c>
      <c r="AG31" s="281">
        <v>5</v>
      </c>
      <c r="AH31" s="278">
        <v>74</v>
      </c>
      <c r="AI31" s="283">
        <v>74</v>
      </c>
      <c r="AJ31" s="277">
        <v>0</v>
      </c>
      <c r="AK31" s="281">
        <v>0</v>
      </c>
      <c r="AL31" s="278">
        <v>0</v>
      </c>
      <c r="AM31" s="280">
        <v>0</v>
      </c>
      <c r="AN31" s="281">
        <v>0</v>
      </c>
      <c r="AO31" s="281">
        <v>12</v>
      </c>
      <c r="AP31" s="281">
        <v>0</v>
      </c>
      <c r="AQ31" s="281">
        <v>30</v>
      </c>
      <c r="AR31" s="281">
        <v>0</v>
      </c>
      <c r="AS31" s="278">
        <v>42</v>
      </c>
      <c r="AT31" s="283">
        <v>42</v>
      </c>
      <c r="AU31" s="277">
        <v>0</v>
      </c>
      <c r="AV31" s="281">
        <v>0</v>
      </c>
      <c r="AW31" s="278">
        <v>0</v>
      </c>
      <c r="AX31" s="280">
        <v>0</v>
      </c>
      <c r="AY31" s="281">
        <v>5</v>
      </c>
      <c r="AZ31" s="281">
        <v>0</v>
      </c>
      <c r="BA31" s="281">
        <v>3</v>
      </c>
      <c r="BB31" s="281">
        <v>0</v>
      </c>
      <c r="BC31" s="281">
        <v>0</v>
      </c>
      <c r="BD31" s="282">
        <v>8</v>
      </c>
      <c r="BE31" s="283">
        <v>8</v>
      </c>
      <c r="BF31" s="277">
        <v>0</v>
      </c>
      <c r="BG31" s="281">
        <v>0</v>
      </c>
      <c r="BH31" s="278">
        <v>0</v>
      </c>
      <c r="BI31" s="280">
        <v>0</v>
      </c>
      <c r="BJ31" s="281">
        <v>0</v>
      </c>
      <c r="BK31" s="281">
        <v>9</v>
      </c>
      <c r="BL31" s="281">
        <v>9</v>
      </c>
      <c r="BM31" s="281">
        <v>0</v>
      </c>
      <c r="BN31" s="281">
        <v>0</v>
      </c>
      <c r="BO31" s="278">
        <v>18</v>
      </c>
      <c r="BP31" s="283">
        <v>18</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0</v>
      </c>
      <c r="CH31" s="281">
        <v>0</v>
      </c>
      <c r="CI31" s="281">
        <v>0</v>
      </c>
      <c r="CJ31" s="281">
        <v>0</v>
      </c>
      <c r="CK31" s="278">
        <v>0</v>
      </c>
      <c r="CL31" s="283">
        <v>0</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row>
    <row r="32" spans="2:112" ht="19.8" customHeight="1" x14ac:dyDescent="0.2">
      <c r="B32" s="262" t="s">
        <v>30</v>
      </c>
      <c r="C32" s="277">
        <v>0</v>
      </c>
      <c r="D32" s="278">
        <v>0</v>
      </c>
      <c r="E32" s="279">
        <v>0</v>
      </c>
      <c r="F32" s="280">
        <v>0</v>
      </c>
      <c r="G32" s="281">
        <v>0</v>
      </c>
      <c r="H32" s="281">
        <v>0</v>
      </c>
      <c r="I32" s="281">
        <v>90</v>
      </c>
      <c r="J32" s="281">
        <v>60</v>
      </c>
      <c r="K32" s="281">
        <v>0</v>
      </c>
      <c r="L32" s="282">
        <v>150</v>
      </c>
      <c r="M32" s="283">
        <v>150</v>
      </c>
      <c r="N32" s="277">
        <v>0</v>
      </c>
      <c r="O32" s="281">
        <v>0</v>
      </c>
      <c r="P32" s="278">
        <v>0</v>
      </c>
      <c r="Q32" s="280">
        <v>0</v>
      </c>
      <c r="R32" s="281">
        <v>0</v>
      </c>
      <c r="S32" s="281">
        <v>0</v>
      </c>
      <c r="T32" s="281">
        <v>0</v>
      </c>
      <c r="U32" s="281">
        <v>4</v>
      </c>
      <c r="V32" s="281">
        <v>0</v>
      </c>
      <c r="W32" s="278">
        <v>4</v>
      </c>
      <c r="X32" s="283">
        <v>4</v>
      </c>
      <c r="Y32" s="277">
        <v>0</v>
      </c>
      <c r="Z32" s="281">
        <v>9</v>
      </c>
      <c r="AA32" s="278">
        <v>9</v>
      </c>
      <c r="AB32" s="280">
        <v>0</v>
      </c>
      <c r="AC32" s="281">
        <v>0</v>
      </c>
      <c r="AD32" s="281">
        <v>0</v>
      </c>
      <c r="AE32" s="281">
        <v>0</v>
      </c>
      <c r="AF32" s="281">
        <v>5</v>
      </c>
      <c r="AG32" s="281">
        <v>0</v>
      </c>
      <c r="AH32" s="278">
        <v>5</v>
      </c>
      <c r="AI32" s="283">
        <v>14</v>
      </c>
      <c r="AJ32" s="277">
        <v>0</v>
      </c>
      <c r="AK32" s="281">
        <v>0</v>
      </c>
      <c r="AL32" s="278">
        <v>0</v>
      </c>
      <c r="AM32" s="280">
        <v>0</v>
      </c>
      <c r="AN32" s="281">
        <v>0</v>
      </c>
      <c r="AO32" s="281">
        <v>0</v>
      </c>
      <c r="AP32" s="281">
        <v>0</v>
      </c>
      <c r="AQ32" s="281">
        <v>15</v>
      </c>
      <c r="AR32" s="281">
        <v>0</v>
      </c>
      <c r="AS32" s="278">
        <v>15</v>
      </c>
      <c r="AT32" s="283">
        <v>15</v>
      </c>
      <c r="AU32" s="277">
        <v>0</v>
      </c>
      <c r="AV32" s="281">
        <v>0</v>
      </c>
      <c r="AW32" s="278">
        <v>0</v>
      </c>
      <c r="AX32" s="280">
        <v>0</v>
      </c>
      <c r="AY32" s="281">
        <v>14</v>
      </c>
      <c r="AZ32" s="281">
        <v>12</v>
      </c>
      <c r="BA32" s="281">
        <v>12</v>
      </c>
      <c r="BB32" s="281">
        <v>4</v>
      </c>
      <c r="BC32" s="281">
        <v>0</v>
      </c>
      <c r="BD32" s="282">
        <v>42</v>
      </c>
      <c r="BE32" s="283">
        <v>42</v>
      </c>
      <c r="BF32" s="277">
        <v>0</v>
      </c>
      <c r="BG32" s="281">
        <v>0</v>
      </c>
      <c r="BH32" s="278">
        <v>0</v>
      </c>
      <c r="BI32" s="280">
        <v>0</v>
      </c>
      <c r="BJ32" s="281">
        <v>0</v>
      </c>
      <c r="BK32" s="281">
        <v>14</v>
      </c>
      <c r="BL32" s="281">
        <v>0</v>
      </c>
      <c r="BM32" s="281">
        <v>0</v>
      </c>
      <c r="BN32" s="281">
        <v>0</v>
      </c>
      <c r="BO32" s="278">
        <v>14</v>
      </c>
      <c r="BP32" s="283">
        <v>14</v>
      </c>
      <c r="BQ32" s="277">
        <v>0</v>
      </c>
      <c r="BR32" s="281">
        <v>0</v>
      </c>
      <c r="BS32" s="278">
        <v>0</v>
      </c>
      <c r="BT32" s="280">
        <v>0</v>
      </c>
      <c r="BU32" s="281">
        <v>2</v>
      </c>
      <c r="BV32" s="281">
        <v>0</v>
      </c>
      <c r="BW32" s="281">
        <v>9</v>
      </c>
      <c r="BX32" s="281">
        <v>0</v>
      </c>
      <c r="BY32" s="281">
        <v>0</v>
      </c>
      <c r="BZ32" s="278">
        <v>11</v>
      </c>
      <c r="CA32" s="283">
        <v>11</v>
      </c>
      <c r="CB32" s="277">
        <v>0</v>
      </c>
      <c r="CC32" s="281">
        <v>0</v>
      </c>
      <c r="CD32" s="278">
        <v>0</v>
      </c>
      <c r="CE32" s="280">
        <v>0</v>
      </c>
      <c r="CF32" s="281">
        <v>0</v>
      </c>
      <c r="CG32" s="281">
        <v>4</v>
      </c>
      <c r="CH32" s="281">
        <v>0</v>
      </c>
      <c r="CI32" s="281">
        <v>0</v>
      </c>
      <c r="CJ32" s="281">
        <v>0</v>
      </c>
      <c r="CK32" s="278">
        <v>4</v>
      </c>
      <c r="CL32" s="283">
        <v>4</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row>
    <row r="33" spans="2:112" ht="19.8" customHeight="1" x14ac:dyDescent="0.2">
      <c r="B33" s="262" t="s">
        <v>31</v>
      </c>
      <c r="C33" s="277">
        <v>0</v>
      </c>
      <c r="D33" s="278">
        <v>0</v>
      </c>
      <c r="E33" s="279">
        <v>0</v>
      </c>
      <c r="F33" s="280">
        <v>0</v>
      </c>
      <c r="G33" s="281">
        <v>5</v>
      </c>
      <c r="H33" s="281">
        <v>0</v>
      </c>
      <c r="I33" s="281">
        <v>0</v>
      </c>
      <c r="J33" s="281">
        <v>0</v>
      </c>
      <c r="K33" s="281">
        <v>0</v>
      </c>
      <c r="L33" s="282">
        <v>5</v>
      </c>
      <c r="M33" s="283">
        <v>5</v>
      </c>
      <c r="N33" s="277">
        <v>0</v>
      </c>
      <c r="O33" s="281">
        <v>0</v>
      </c>
      <c r="P33" s="278">
        <v>0</v>
      </c>
      <c r="Q33" s="280">
        <v>0</v>
      </c>
      <c r="R33" s="281">
        <v>0</v>
      </c>
      <c r="S33" s="281">
        <v>0</v>
      </c>
      <c r="T33" s="281">
        <v>2</v>
      </c>
      <c r="U33" s="281">
        <v>0</v>
      </c>
      <c r="V33" s="281">
        <v>2</v>
      </c>
      <c r="W33" s="278">
        <v>4</v>
      </c>
      <c r="X33" s="283">
        <v>4</v>
      </c>
      <c r="Y33" s="277">
        <v>2</v>
      </c>
      <c r="Z33" s="281">
        <v>0</v>
      </c>
      <c r="AA33" s="278">
        <v>2</v>
      </c>
      <c r="AB33" s="280">
        <v>0</v>
      </c>
      <c r="AC33" s="281">
        <v>0</v>
      </c>
      <c r="AD33" s="281">
        <v>0</v>
      </c>
      <c r="AE33" s="281">
        <v>0</v>
      </c>
      <c r="AF33" s="281">
        <v>3</v>
      </c>
      <c r="AG33" s="281">
        <v>10</v>
      </c>
      <c r="AH33" s="278">
        <v>13</v>
      </c>
      <c r="AI33" s="283">
        <v>15</v>
      </c>
      <c r="AJ33" s="277">
        <v>0</v>
      </c>
      <c r="AK33" s="281">
        <v>0</v>
      </c>
      <c r="AL33" s="278">
        <v>0</v>
      </c>
      <c r="AM33" s="280">
        <v>0</v>
      </c>
      <c r="AN33" s="281">
        <v>0</v>
      </c>
      <c r="AO33" s="281">
        <v>0</v>
      </c>
      <c r="AP33" s="281">
        <v>22</v>
      </c>
      <c r="AQ33" s="281">
        <v>0</v>
      </c>
      <c r="AR33" s="281">
        <v>0</v>
      </c>
      <c r="AS33" s="278">
        <v>22</v>
      </c>
      <c r="AT33" s="283">
        <v>22</v>
      </c>
      <c r="AU33" s="277">
        <v>0</v>
      </c>
      <c r="AV33" s="281">
        <v>0</v>
      </c>
      <c r="AW33" s="278">
        <v>0</v>
      </c>
      <c r="AX33" s="280">
        <v>0</v>
      </c>
      <c r="AY33" s="281">
        <v>0</v>
      </c>
      <c r="AZ33" s="281">
        <v>8</v>
      </c>
      <c r="BA33" s="281">
        <v>29</v>
      </c>
      <c r="BB33" s="281">
        <v>12</v>
      </c>
      <c r="BC33" s="281">
        <v>0</v>
      </c>
      <c r="BD33" s="282">
        <v>49</v>
      </c>
      <c r="BE33" s="283">
        <v>49</v>
      </c>
      <c r="BF33" s="277">
        <v>0</v>
      </c>
      <c r="BG33" s="281">
        <v>0</v>
      </c>
      <c r="BH33" s="278">
        <v>0</v>
      </c>
      <c r="BI33" s="280">
        <v>0</v>
      </c>
      <c r="BJ33" s="281">
        <v>0</v>
      </c>
      <c r="BK33" s="281">
        <v>0</v>
      </c>
      <c r="BL33" s="281">
        <v>0</v>
      </c>
      <c r="BM33" s="281">
        <v>0</v>
      </c>
      <c r="BN33" s="281">
        <v>0</v>
      </c>
      <c r="BO33" s="278">
        <v>0</v>
      </c>
      <c r="BP33" s="283">
        <v>0</v>
      </c>
      <c r="BQ33" s="277">
        <v>0</v>
      </c>
      <c r="BR33" s="281">
        <v>0</v>
      </c>
      <c r="BS33" s="278">
        <v>0</v>
      </c>
      <c r="BT33" s="280">
        <v>0</v>
      </c>
      <c r="BU33" s="281">
        <v>0</v>
      </c>
      <c r="BV33" s="281">
        <v>0</v>
      </c>
      <c r="BW33" s="281">
        <v>0</v>
      </c>
      <c r="BX33" s="281">
        <v>10</v>
      </c>
      <c r="BY33" s="281">
        <v>0</v>
      </c>
      <c r="BZ33" s="278">
        <v>10</v>
      </c>
      <c r="CA33" s="283">
        <v>1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row>
    <row r="34" spans="2:112" ht="19.8" customHeight="1" x14ac:dyDescent="0.2">
      <c r="B34" s="262" t="s">
        <v>32</v>
      </c>
      <c r="C34" s="277">
        <v>0</v>
      </c>
      <c r="D34" s="278">
        <v>0</v>
      </c>
      <c r="E34" s="279">
        <v>0</v>
      </c>
      <c r="F34" s="280">
        <v>0</v>
      </c>
      <c r="G34" s="281">
        <v>0</v>
      </c>
      <c r="H34" s="281">
        <v>22</v>
      </c>
      <c r="I34" s="281">
        <v>8</v>
      </c>
      <c r="J34" s="281">
        <v>120</v>
      </c>
      <c r="K34" s="281">
        <v>0</v>
      </c>
      <c r="L34" s="282">
        <v>150</v>
      </c>
      <c r="M34" s="283">
        <v>150</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0</v>
      </c>
      <c r="AD34" s="281">
        <v>14</v>
      </c>
      <c r="AE34" s="281">
        <v>0</v>
      </c>
      <c r="AF34" s="281">
        <v>5</v>
      </c>
      <c r="AG34" s="281">
        <v>0</v>
      </c>
      <c r="AH34" s="278">
        <v>19</v>
      </c>
      <c r="AI34" s="283">
        <v>19</v>
      </c>
      <c r="AJ34" s="277">
        <v>9</v>
      </c>
      <c r="AK34" s="281">
        <v>0</v>
      </c>
      <c r="AL34" s="278">
        <v>9</v>
      </c>
      <c r="AM34" s="280">
        <v>0</v>
      </c>
      <c r="AN34" s="281">
        <v>12</v>
      </c>
      <c r="AO34" s="281">
        <v>0</v>
      </c>
      <c r="AP34" s="281">
        <v>6</v>
      </c>
      <c r="AQ34" s="281">
        <v>0</v>
      </c>
      <c r="AR34" s="281">
        <v>0</v>
      </c>
      <c r="AS34" s="278">
        <v>18</v>
      </c>
      <c r="AT34" s="283">
        <v>27</v>
      </c>
      <c r="AU34" s="277">
        <v>0</v>
      </c>
      <c r="AV34" s="281">
        <v>0</v>
      </c>
      <c r="AW34" s="278">
        <v>0</v>
      </c>
      <c r="AX34" s="280">
        <v>0</v>
      </c>
      <c r="AY34" s="281">
        <v>16</v>
      </c>
      <c r="AZ34" s="281">
        <v>30</v>
      </c>
      <c r="BA34" s="281">
        <v>0</v>
      </c>
      <c r="BB34" s="281">
        <v>0</v>
      </c>
      <c r="BC34" s="281">
        <v>0</v>
      </c>
      <c r="BD34" s="282">
        <v>46</v>
      </c>
      <c r="BE34" s="283">
        <v>46</v>
      </c>
      <c r="BF34" s="277">
        <v>0</v>
      </c>
      <c r="BG34" s="281">
        <v>0</v>
      </c>
      <c r="BH34" s="278">
        <v>0</v>
      </c>
      <c r="BI34" s="280">
        <v>0</v>
      </c>
      <c r="BJ34" s="281">
        <v>0</v>
      </c>
      <c r="BK34" s="281">
        <v>9</v>
      </c>
      <c r="BL34" s="281">
        <v>9</v>
      </c>
      <c r="BM34" s="281">
        <v>7</v>
      </c>
      <c r="BN34" s="281">
        <v>0</v>
      </c>
      <c r="BO34" s="278">
        <v>25</v>
      </c>
      <c r="BP34" s="283">
        <v>25</v>
      </c>
      <c r="BQ34" s="277">
        <v>0</v>
      </c>
      <c r="BR34" s="281">
        <v>0</v>
      </c>
      <c r="BS34" s="278">
        <v>0</v>
      </c>
      <c r="BT34" s="280">
        <v>0</v>
      </c>
      <c r="BU34" s="281">
        <v>0</v>
      </c>
      <c r="BV34" s="281">
        <v>0</v>
      </c>
      <c r="BW34" s="281">
        <v>0</v>
      </c>
      <c r="BX34" s="281">
        <v>3</v>
      </c>
      <c r="BY34" s="281">
        <v>0</v>
      </c>
      <c r="BZ34" s="278">
        <v>3</v>
      </c>
      <c r="CA34" s="283">
        <v>3</v>
      </c>
      <c r="CB34" s="277">
        <v>0</v>
      </c>
      <c r="CC34" s="281">
        <v>0</v>
      </c>
      <c r="CD34" s="278">
        <v>0</v>
      </c>
      <c r="CE34" s="280">
        <v>0</v>
      </c>
      <c r="CF34" s="281">
        <v>0</v>
      </c>
      <c r="CG34" s="281">
        <v>0</v>
      </c>
      <c r="CH34" s="281">
        <v>0</v>
      </c>
      <c r="CI34" s="281">
        <v>3</v>
      </c>
      <c r="CJ34" s="281">
        <v>0</v>
      </c>
      <c r="CK34" s="278">
        <v>3</v>
      </c>
      <c r="CL34" s="283">
        <v>3</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row>
    <row r="35" spans="2:112" ht="19.8" customHeight="1" x14ac:dyDescent="0.2">
      <c r="B35" s="262" t="s">
        <v>33</v>
      </c>
      <c r="C35" s="277">
        <v>0</v>
      </c>
      <c r="D35" s="278">
        <v>0</v>
      </c>
      <c r="E35" s="279">
        <v>0</v>
      </c>
      <c r="F35" s="280">
        <v>0</v>
      </c>
      <c r="G35" s="281">
        <v>31</v>
      </c>
      <c r="H35" s="281">
        <v>0</v>
      </c>
      <c r="I35" s="281">
        <v>30</v>
      </c>
      <c r="J35" s="281">
        <v>7</v>
      </c>
      <c r="K35" s="281">
        <v>0</v>
      </c>
      <c r="L35" s="282">
        <v>68</v>
      </c>
      <c r="M35" s="283">
        <v>68</v>
      </c>
      <c r="N35" s="277">
        <v>0</v>
      </c>
      <c r="O35" s="281">
        <v>0</v>
      </c>
      <c r="P35" s="278">
        <v>0</v>
      </c>
      <c r="Q35" s="280">
        <v>0</v>
      </c>
      <c r="R35" s="281">
        <v>0</v>
      </c>
      <c r="S35" s="281">
        <v>0</v>
      </c>
      <c r="T35" s="281">
        <v>0</v>
      </c>
      <c r="U35" s="281">
        <v>5</v>
      </c>
      <c r="V35" s="281">
        <v>0</v>
      </c>
      <c r="W35" s="278">
        <v>5</v>
      </c>
      <c r="X35" s="283">
        <v>5</v>
      </c>
      <c r="Y35" s="277">
        <v>0</v>
      </c>
      <c r="Z35" s="281">
        <v>0</v>
      </c>
      <c r="AA35" s="278">
        <v>0</v>
      </c>
      <c r="AB35" s="280">
        <v>0</v>
      </c>
      <c r="AC35" s="281">
        <v>2</v>
      </c>
      <c r="AD35" s="281">
        <v>6</v>
      </c>
      <c r="AE35" s="281">
        <v>44</v>
      </c>
      <c r="AF35" s="281">
        <v>6</v>
      </c>
      <c r="AG35" s="281">
        <v>8</v>
      </c>
      <c r="AH35" s="278">
        <v>66</v>
      </c>
      <c r="AI35" s="283">
        <v>66</v>
      </c>
      <c r="AJ35" s="277">
        <v>12</v>
      </c>
      <c r="AK35" s="281">
        <v>0</v>
      </c>
      <c r="AL35" s="278">
        <v>12</v>
      </c>
      <c r="AM35" s="280">
        <v>0</v>
      </c>
      <c r="AN35" s="281">
        <v>15</v>
      </c>
      <c r="AO35" s="281">
        <v>27</v>
      </c>
      <c r="AP35" s="281">
        <v>9</v>
      </c>
      <c r="AQ35" s="281">
        <v>75</v>
      </c>
      <c r="AR35" s="281">
        <v>0</v>
      </c>
      <c r="AS35" s="278">
        <v>126</v>
      </c>
      <c r="AT35" s="283">
        <v>138</v>
      </c>
      <c r="AU35" s="277">
        <v>0</v>
      </c>
      <c r="AV35" s="281">
        <v>0</v>
      </c>
      <c r="AW35" s="278">
        <v>0</v>
      </c>
      <c r="AX35" s="280">
        <v>0</v>
      </c>
      <c r="AY35" s="281">
        <v>13</v>
      </c>
      <c r="AZ35" s="281">
        <v>0</v>
      </c>
      <c r="BA35" s="281">
        <v>0</v>
      </c>
      <c r="BB35" s="281">
        <v>46</v>
      </c>
      <c r="BC35" s="281">
        <v>0</v>
      </c>
      <c r="BD35" s="282">
        <v>59</v>
      </c>
      <c r="BE35" s="283">
        <v>59</v>
      </c>
      <c r="BF35" s="277">
        <v>0</v>
      </c>
      <c r="BG35" s="281">
        <v>0</v>
      </c>
      <c r="BH35" s="278">
        <v>0</v>
      </c>
      <c r="BI35" s="280">
        <v>0</v>
      </c>
      <c r="BJ35" s="281">
        <v>16</v>
      </c>
      <c r="BK35" s="281">
        <v>0</v>
      </c>
      <c r="BL35" s="281">
        <v>0</v>
      </c>
      <c r="BM35" s="281">
        <v>7</v>
      </c>
      <c r="BN35" s="281">
        <v>0</v>
      </c>
      <c r="BO35" s="278">
        <v>23</v>
      </c>
      <c r="BP35" s="283">
        <v>23</v>
      </c>
      <c r="BQ35" s="277">
        <v>0</v>
      </c>
      <c r="BR35" s="281">
        <v>0</v>
      </c>
      <c r="BS35" s="278">
        <v>0</v>
      </c>
      <c r="BT35" s="280">
        <v>0</v>
      </c>
      <c r="BU35" s="281">
        <v>0</v>
      </c>
      <c r="BV35" s="281">
        <v>0</v>
      </c>
      <c r="BW35" s="281">
        <v>3</v>
      </c>
      <c r="BX35" s="281">
        <v>0</v>
      </c>
      <c r="BY35" s="281">
        <v>0</v>
      </c>
      <c r="BZ35" s="278">
        <v>3</v>
      </c>
      <c r="CA35" s="283">
        <v>3</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row>
    <row r="36" spans="2:112" ht="19.8" customHeight="1" x14ac:dyDescent="0.2">
      <c r="B36" s="262" t="s">
        <v>34</v>
      </c>
      <c r="C36" s="277">
        <v>0</v>
      </c>
      <c r="D36" s="278">
        <v>0</v>
      </c>
      <c r="E36" s="279">
        <v>0</v>
      </c>
      <c r="F36" s="280">
        <v>0</v>
      </c>
      <c r="G36" s="281">
        <v>7</v>
      </c>
      <c r="H36" s="281">
        <v>0</v>
      </c>
      <c r="I36" s="281">
        <v>9</v>
      </c>
      <c r="J36" s="281">
        <v>102</v>
      </c>
      <c r="K36" s="281">
        <v>0</v>
      </c>
      <c r="L36" s="282">
        <v>118</v>
      </c>
      <c r="M36" s="283">
        <v>118</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0</v>
      </c>
      <c r="AD36" s="281">
        <v>0</v>
      </c>
      <c r="AE36" s="281">
        <v>0</v>
      </c>
      <c r="AF36" s="281">
        <v>0</v>
      </c>
      <c r="AG36" s="281">
        <v>0</v>
      </c>
      <c r="AH36" s="278">
        <v>0</v>
      </c>
      <c r="AI36" s="283">
        <v>0</v>
      </c>
      <c r="AJ36" s="277">
        <v>0</v>
      </c>
      <c r="AK36" s="281">
        <v>0</v>
      </c>
      <c r="AL36" s="278">
        <v>0</v>
      </c>
      <c r="AM36" s="280">
        <v>0</v>
      </c>
      <c r="AN36" s="281">
        <v>0</v>
      </c>
      <c r="AO36" s="281">
        <v>0</v>
      </c>
      <c r="AP36" s="281">
        <v>13</v>
      </c>
      <c r="AQ36" s="281">
        <v>0</v>
      </c>
      <c r="AR36" s="281">
        <v>0</v>
      </c>
      <c r="AS36" s="278">
        <v>13</v>
      </c>
      <c r="AT36" s="283">
        <v>13</v>
      </c>
      <c r="AU36" s="277">
        <v>0</v>
      </c>
      <c r="AV36" s="281">
        <v>0</v>
      </c>
      <c r="AW36" s="278">
        <v>0</v>
      </c>
      <c r="AX36" s="280">
        <v>0</v>
      </c>
      <c r="AY36" s="281">
        <v>0</v>
      </c>
      <c r="AZ36" s="281">
        <v>9</v>
      </c>
      <c r="BA36" s="281">
        <v>24</v>
      </c>
      <c r="BB36" s="281">
        <v>13</v>
      </c>
      <c r="BC36" s="281">
        <v>0</v>
      </c>
      <c r="BD36" s="282">
        <v>46</v>
      </c>
      <c r="BE36" s="283">
        <v>46</v>
      </c>
      <c r="BF36" s="277">
        <v>0</v>
      </c>
      <c r="BG36" s="281">
        <v>0</v>
      </c>
      <c r="BH36" s="278">
        <v>0</v>
      </c>
      <c r="BI36" s="280">
        <v>0</v>
      </c>
      <c r="BJ36" s="281">
        <v>0</v>
      </c>
      <c r="BK36" s="281">
        <v>0</v>
      </c>
      <c r="BL36" s="281">
        <v>0</v>
      </c>
      <c r="BM36" s="281">
        <v>0</v>
      </c>
      <c r="BN36" s="281">
        <v>0</v>
      </c>
      <c r="BO36" s="278">
        <v>0</v>
      </c>
      <c r="BP36" s="283">
        <v>0</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row>
    <row r="37" spans="2:112" ht="19.8" customHeight="1" x14ac:dyDescent="0.2">
      <c r="B37" s="262" t="s">
        <v>35</v>
      </c>
      <c r="C37" s="277">
        <v>0</v>
      </c>
      <c r="D37" s="278">
        <v>0</v>
      </c>
      <c r="E37" s="279">
        <v>0</v>
      </c>
      <c r="F37" s="280">
        <v>0</v>
      </c>
      <c r="G37" s="281">
        <v>115</v>
      </c>
      <c r="H37" s="281">
        <v>56</v>
      </c>
      <c r="I37" s="281">
        <v>78</v>
      </c>
      <c r="J37" s="281">
        <v>86</v>
      </c>
      <c r="K37" s="281">
        <v>0</v>
      </c>
      <c r="L37" s="282">
        <v>335</v>
      </c>
      <c r="M37" s="283">
        <v>335</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3</v>
      </c>
      <c r="AD37" s="281">
        <v>19</v>
      </c>
      <c r="AE37" s="281">
        <v>18</v>
      </c>
      <c r="AF37" s="281">
        <v>31</v>
      </c>
      <c r="AG37" s="281">
        <v>32</v>
      </c>
      <c r="AH37" s="278">
        <v>113</v>
      </c>
      <c r="AI37" s="283">
        <v>113</v>
      </c>
      <c r="AJ37" s="277">
        <v>0</v>
      </c>
      <c r="AK37" s="281">
        <v>0</v>
      </c>
      <c r="AL37" s="278">
        <v>0</v>
      </c>
      <c r="AM37" s="280">
        <v>0</v>
      </c>
      <c r="AN37" s="281">
        <v>12</v>
      </c>
      <c r="AO37" s="281">
        <v>0</v>
      </c>
      <c r="AP37" s="281">
        <v>8</v>
      </c>
      <c r="AQ37" s="281">
        <v>0</v>
      </c>
      <c r="AR37" s="281">
        <v>0</v>
      </c>
      <c r="AS37" s="278">
        <v>20</v>
      </c>
      <c r="AT37" s="283">
        <v>20</v>
      </c>
      <c r="AU37" s="277">
        <v>0</v>
      </c>
      <c r="AV37" s="281">
        <v>0</v>
      </c>
      <c r="AW37" s="278">
        <v>0</v>
      </c>
      <c r="AX37" s="280">
        <v>0</v>
      </c>
      <c r="AY37" s="281">
        <v>30</v>
      </c>
      <c r="AZ37" s="281">
        <v>25</v>
      </c>
      <c r="BA37" s="281">
        <v>11</v>
      </c>
      <c r="BB37" s="281">
        <v>0</v>
      </c>
      <c r="BC37" s="281">
        <v>0</v>
      </c>
      <c r="BD37" s="282">
        <v>66</v>
      </c>
      <c r="BE37" s="283">
        <v>66</v>
      </c>
      <c r="BF37" s="277">
        <v>0</v>
      </c>
      <c r="BG37" s="281">
        <v>0</v>
      </c>
      <c r="BH37" s="278">
        <v>0</v>
      </c>
      <c r="BI37" s="280">
        <v>0</v>
      </c>
      <c r="BJ37" s="281">
        <v>0</v>
      </c>
      <c r="BK37" s="281">
        <v>5</v>
      </c>
      <c r="BL37" s="281">
        <v>0</v>
      </c>
      <c r="BM37" s="281">
        <v>11</v>
      </c>
      <c r="BN37" s="281">
        <v>0</v>
      </c>
      <c r="BO37" s="278">
        <v>16</v>
      </c>
      <c r="BP37" s="283">
        <v>16</v>
      </c>
      <c r="BQ37" s="277">
        <v>0</v>
      </c>
      <c r="BR37" s="281">
        <v>0</v>
      </c>
      <c r="BS37" s="278">
        <v>0</v>
      </c>
      <c r="BT37" s="280">
        <v>0</v>
      </c>
      <c r="BU37" s="281">
        <v>0</v>
      </c>
      <c r="BV37" s="281">
        <v>0</v>
      </c>
      <c r="BW37" s="281">
        <v>0</v>
      </c>
      <c r="BX37" s="281">
        <v>0</v>
      </c>
      <c r="BY37" s="281">
        <v>2</v>
      </c>
      <c r="BZ37" s="278">
        <v>2</v>
      </c>
      <c r="CA37" s="283">
        <v>2</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row>
    <row r="38" spans="2:112" ht="19.8" customHeight="1" x14ac:dyDescent="0.2">
      <c r="B38" s="262" t="s">
        <v>36</v>
      </c>
      <c r="C38" s="277">
        <v>0</v>
      </c>
      <c r="D38" s="278">
        <v>0</v>
      </c>
      <c r="E38" s="279">
        <v>0</v>
      </c>
      <c r="F38" s="280">
        <v>0</v>
      </c>
      <c r="G38" s="281">
        <v>67</v>
      </c>
      <c r="H38" s="281">
        <v>5</v>
      </c>
      <c r="I38" s="281">
        <v>0</v>
      </c>
      <c r="J38" s="281">
        <v>0</v>
      </c>
      <c r="K38" s="281">
        <v>0</v>
      </c>
      <c r="L38" s="282">
        <v>72</v>
      </c>
      <c r="M38" s="283">
        <v>72</v>
      </c>
      <c r="N38" s="277">
        <v>0</v>
      </c>
      <c r="O38" s="281">
        <v>0</v>
      </c>
      <c r="P38" s="278">
        <v>0</v>
      </c>
      <c r="Q38" s="280">
        <v>0</v>
      </c>
      <c r="R38" s="281">
        <v>0</v>
      </c>
      <c r="S38" s="281">
        <v>0</v>
      </c>
      <c r="T38" s="281">
        <v>0</v>
      </c>
      <c r="U38" s="281">
        <v>0</v>
      </c>
      <c r="V38" s="281">
        <v>0</v>
      </c>
      <c r="W38" s="278">
        <v>0</v>
      </c>
      <c r="X38" s="283">
        <v>0</v>
      </c>
      <c r="Y38" s="277">
        <v>11</v>
      </c>
      <c r="Z38" s="281">
        <v>1</v>
      </c>
      <c r="AA38" s="278">
        <v>12</v>
      </c>
      <c r="AB38" s="280">
        <v>0</v>
      </c>
      <c r="AC38" s="281">
        <v>32</v>
      </c>
      <c r="AD38" s="281">
        <v>22</v>
      </c>
      <c r="AE38" s="281">
        <v>1</v>
      </c>
      <c r="AF38" s="281">
        <v>0</v>
      </c>
      <c r="AG38" s="281">
        <v>0</v>
      </c>
      <c r="AH38" s="278">
        <v>55</v>
      </c>
      <c r="AI38" s="283">
        <v>67</v>
      </c>
      <c r="AJ38" s="277">
        <v>0</v>
      </c>
      <c r="AK38" s="281">
        <v>0</v>
      </c>
      <c r="AL38" s="278">
        <v>0</v>
      </c>
      <c r="AM38" s="280">
        <v>0</v>
      </c>
      <c r="AN38" s="281">
        <v>26</v>
      </c>
      <c r="AO38" s="281">
        <v>0</v>
      </c>
      <c r="AP38" s="281">
        <v>0</v>
      </c>
      <c r="AQ38" s="281">
        <v>0</v>
      </c>
      <c r="AR38" s="281">
        <v>16</v>
      </c>
      <c r="AS38" s="278">
        <v>42</v>
      </c>
      <c r="AT38" s="283">
        <v>42</v>
      </c>
      <c r="AU38" s="277">
        <v>0</v>
      </c>
      <c r="AV38" s="281">
        <v>0</v>
      </c>
      <c r="AW38" s="278">
        <v>0</v>
      </c>
      <c r="AX38" s="280">
        <v>0</v>
      </c>
      <c r="AY38" s="281">
        <v>26</v>
      </c>
      <c r="AZ38" s="281">
        <v>29</v>
      </c>
      <c r="BA38" s="281">
        <v>22</v>
      </c>
      <c r="BB38" s="281">
        <v>0</v>
      </c>
      <c r="BC38" s="281">
        <v>0</v>
      </c>
      <c r="BD38" s="282">
        <v>77</v>
      </c>
      <c r="BE38" s="283">
        <v>77</v>
      </c>
      <c r="BF38" s="277">
        <v>0</v>
      </c>
      <c r="BG38" s="281">
        <v>0</v>
      </c>
      <c r="BH38" s="278">
        <v>0</v>
      </c>
      <c r="BI38" s="280">
        <v>0</v>
      </c>
      <c r="BJ38" s="281">
        <v>4</v>
      </c>
      <c r="BK38" s="281">
        <v>0</v>
      </c>
      <c r="BL38" s="281">
        <v>0</v>
      </c>
      <c r="BM38" s="281">
        <v>0</v>
      </c>
      <c r="BN38" s="281">
        <v>0</v>
      </c>
      <c r="BO38" s="278">
        <v>4</v>
      </c>
      <c r="BP38" s="283">
        <v>4</v>
      </c>
      <c r="BQ38" s="277">
        <v>0</v>
      </c>
      <c r="BR38" s="281">
        <v>0</v>
      </c>
      <c r="BS38" s="278">
        <v>0</v>
      </c>
      <c r="BT38" s="280">
        <v>0</v>
      </c>
      <c r="BU38" s="281">
        <v>0</v>
      </c>
      <c r="BV38" s="281">
        <v>18</v>
      </c>
      <c r="BW38" s="281">
        <v>0</v>
      </c>
      <c r="BX38" s="281">
        <v>29</v>
      </c>
      <c r="BY38" s="281">
        <v>0</v>
      </c>
      <c r="BZ38" s="278">
        <v>47</v>
      </c>
      <c r="CA38" s="283">
        <v>47</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row>
    <row r="39" spans="2:112" ht="19.8" customHeight="1" thickBot="1" x14ac:dyDescent="0.25">
      <c r="B39" s="263" t="s">
        <v>37</v>
      </c>
      <c r="C39" s="284">
        <v>0</v>
      </c>
      <c r="D39" s="285">
        <v>0</v>
      </c>
      <c r="E39" s="286">
        <v>0</v>
      </c>
      <c r="F39" s="287">
        <v>0</v>
      </c>
      <c r="G39" s="288">
        <v>0</v>
      </c>
      <c r="H39" s="288">
        <v>0</v>
      </c>
      <c r="I39" s="288">
        <v>0</v>
      </c>
      <c r="J39" s="288">
        <v>0</v>
      </c>
      <c r="K39" s="288">
        <v>25</v>
      </c>
      <c r="L39" s="289">
        <v>25</v>
      </c>
      <c r="M39" s="290">
        <v>25</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4</v>
      </c>
      <c r="AH39" s="285">
        <v>4</v>
      </c>
      <c r="AI39" s="290">
        <v>4</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0</v>
      </c>
      <c r="BC39" s="288">
        <v>0</v>
      </c>
      <c r="BD39" s="289">
        <v>0</v>
      </c>
      <c r="BE39" s="290">
        <v>0</v>
      </c>
      <c r="BF39" s="284">
        <v>0</v>
      </c>
      <c r="BG39" s="288">
        <v>0</v>
      </c>
      <c r="BH39" s="285">
        <v>0</v>
      </c>
      <c r="BI39" s="287">
        <v>0</v>
      </c>
      <c r="BJ39" s="288">
        <v>0</v>
      </c>
      <c r="BK39" s="288">
        <v>0</v>
      </c>
      <c r="BL39" s="288">
        <v>0</v>
      </c>
      <c r="BM39" s="288">
        <v>0</v>
      </c>
      <c r="BN39" s="288">
        <v>0</v>
      </c>
      <c r="BO39" s="285">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row>
    <row r="40" spans="2:112" ht="27" customHeight="1" x14ac:dyDescent="0.2">
      <c r="C40" s="256" t="s">
        <v>127</v>
      </c>
    </row>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9</v>
      </c>
      <c r="F1" s="22"/>
      <c r="H1" s="528">
        <f>第１表!F2</f>
        <v>4</v>
      </c>
      <c r="I1" s="528"/>
      <c r="J1" s="249">
        <f>第１表!G2</f>
        <v>8</v>
      </c>
      <c r="K1" s="555">
        <f>IF(J1&lt;3,J1-2+12,J1-2)</f>
        <v>6</v>
      </c>
      <c r="L1" s="555"/>
    </row>
    <row r="2" spans="2:35" ht="24" customHeight="1" thickBot="1" x14ac:dyDescent="0.25">
      <c r="J2" s="5"/>
      <c r="K2" s="5"/>
      <c r="L2" s="5"/>
      <c r="M2" s="5"/>
      <c r="N2" s="5"/>
      <c r="O2" s="5"/>
      <c r="P2" s="30"/>
      <c r="Q2" s="30"/>
      <c r="R2" s="30"/>
    </row>
    <row r="3" spans="2:35" ht="19.5" customHeight="1" thickBot="1" x14ac:dyDescent="0.25">
      <c r="B3" s="26"/>
      <c r="C3" s="556" t="s">
        <v>53</v>
      </c>
      <c r="D3" s="557"/>
      <c r="E3" s="557"/>
      <c r="F3" s="557"/>
      <c r="G3" s="557"/>
      <c r="H3" s="557"/>
      <c r="I3" s="557"/>
      <c r="J3" s="557"/>
      <c r="K3" s="557"/>
      <c r="L3" s="557"/>
      <c r="M3" s="558"/>
      <c r="N3" s="556" t="s">
        <v>54</v>
      </c>
      <c r="O3" s="557"/>
      <c r="P3" s="557"/>
      <c r="Q3" s="557"/>
      <c r="R3" s="557"/>
      <c r="S3" s="557"/>
      <c r="T3" s="557"/>
      <c r="U3" s="557"/>
      <c r="V3" s="557"/>
      <c r="W3" s="557"/>
      <c r="X3" s="558"/>
      <c r="Y3" s="556" t="s">
        <v>55</v>
      </c>
      <c r="Z3" s="557"/>
      <c r="AA3" s="557"/>
      <c r="AB3" s="557"/>
      <c r="AC3" s="557"/>
      <c r="AD3" s="557"/>
      <c r="AE3" s="557"/>
      <c r="AF3" s="557"/>
      <c r="AG3" s="557"/>
      <c r="AH3" s="557"/>
      <c r="AI3" s="558"/>
    </row>
    <row r="4" spans="2:35" ht="30.75"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19.8" customHeight="1" x14ac:dyDescent="0.2">
      <c r="B5" s="14" t="s">
        <v>4</v>
      </c>
      <c r="C5" s="91">
        <v>188</v>
      </c>
      <c r="D5" s="92">
        <v>314</v>
      </c>
      <c r="E5" s="93">
        <v>502</v>
      </c>
      <c r="F5" s="94">
        <v>0</v>
      </c>
      <c r="G5" s="92">
        <v>18604</v>
      </c>
      <c r="H5" s="92">
        <v>18436</v>
      </c>
      <c r="I5" s="92">
        <v>12504</v>
      </c>
      <c r="J5" s="92">
        <v>8094</v>
      </c>
      <c r="K5" s="92">
        <v>4998</v>
      </c>
      <c r="L5" s="93">
        <v>62636</v>
      </c>
      <c r="M5" s="95">
        <v>63138</v>
      </c>
      <c r="N5" s="96">
        <v>1</v>
      </c>
      <c r="O5" s="92">
        <v>3</v>
      </c>
      <c r="P5" s="93">
        <v>4</v>
      </c>
      <c r="Q5" s="94">
        <v>0</v>
      </c>
      <c r="R5" s="92">
        <v>208</v>
      </c>
      <c r="S5" s="92">
        <v>317</v>
      </c>
      <c r="T5" s="92">
        <v>239</v>
      </c>
      <c r="U5" s="92">
        <v>178</v>
      </c>
      <c r="V5" s="92">
        <v>174</v>
      </c>
      <c r="W5" s="93">
        <v>1116</v>
      </c>
      <c r="X5" s="95">
        <v>1120</v>
      </c>
      <c r="Y5" s="96">
        <v>189</v>
      </c>
      <c r="Z5" s="92">
        <v>317</v>
      </c>
      <c r="AA5" s="93">
        <v>506</v>
      </c>
      <c r="AB5" s="94">
        <v>0</v>
      </c>
      <c r="AC5" s="92">
        <v>18812</v>
      </c>
      <c r="AD5" s="92">
        <v>18753</v>
      </c>
      <c r="AE5" s="92">
        <v>12743</v>
      </c>
      <c r="AF5" s="92">
        <v>8272</v>
      </c>
      <c r="AG5" s="92">
        <v>5172</v>
      </c>
      <c r="AH5" s="93">
        <v>63752</v>
      </c>
      <c r="AI5" s="95">
        <v>64258</v>
      </c>
    </row>
    <row r="6" spans="2:35" ht="19.8" customHeight="1" x14ac:dyDescent="0.2">
      <c r="B6" s="18" t="s">
        <v>5</v>
      </c>
      <c r="C6" s="97">
        <v>83</v>
      </c>
      <c r="D6" s="98">
        <v>123</v>
      </c>
      <c r="E6" s="99">
        <v>206</v>
      </c>
      <c r="F6" s="100">
        <v>0</v>
      </c>
      <c r="G6" s="98">
        <v>6751</v>
      </c>
      <c r="H6" s="98">
        <v>8632</v>
      </c>
      <c r="I6" s="98">
        <v>5534</v>
      </c>
      <c r="J6" s="98">
        <v>3521</v>
      </c>
      <c r="K6" s="98">
        <v>2342</v>
      </c>
      <c r="L6" s="99">
        <v>26780</v>
      </c>
      <c r="M6" s="101">
        <v>26986</v>
      </c>
      <c r="N6" s="102">
        <v>0</v>
      </c>
      <c r="O6" s="98">
        <v>0</v>
      </c>
      <c r="P6" s="99">
        <v>0</v>
      </c>
      <c r="Q6" s="100">
        <v>0</v>
      </c>
      <c r="R6" s="98">
        <v>62</v>
      </c>
      <c r="S6" s="98">
        <v>153</v>
      </c>
      <c r="T6" s="98">
        <v>125</v>
      </c>
      <c r="U6" s="98">
        <v>79</v>
      </c>
      <c r="V6" s="98">
        <v>84</v>
      </c>
      <c r="W6" s="99">
        <v>503</v>
      </c>
      <c r="X6" s="101">
        <v>503</v>
      </c>
      <c r="Y6" s="102">
        <v>83</v>
      </c>
      <c r="Z6" s="98">
        <v>123</v>
      </c>
      <c r="AA6" s="99">
        <v>206</v>
      </c>
      <c r="AB6" s="100">
        <v>0</v>
      </c>
      <c r="AC6" s="98">
        <v>6813</v>
      </c>
      <c r="AD6" s="98">
        <v>8785</v>
      </c>
      <c r="AE6" s="98">
        <v>5659</v>
      </c>
      <c r="AF6" s="98">
        <v>3600</v>
      </c>
      <c r="AG6" s="98">
        <v>2426</v>
      </c>
      <c r="AH6" s="99">
        <v>27283</v>
      </c>
      <c r="AI6" s="101">
        <v>27489</v>
      </c>
    </row>
    <row r="7" spans="2:35" ht="19.8" customHeight="1" x14ac:dyDescent="0.2">
      <c r="B7" s="18" t="s">
        <v>6</v>
      </c>
      <c r="C7" s="97">
        <v>21</v>
      </c>
      <c r="D7" s="98">
        <v>39</v>
      </c>
      <c r="E7" s="99">
        <v>60</v>
      </c>
      <c r="F7" s="100">
        <v>0</v>
      </c>
      <c r="G7" s="98">
        <v>3004</v>
      </c>
      <c r="H7" s="98">
        <v>2423</v>
      </c>
      <c r="I7" s="98">
        <v>1897</v>
      </c>
      <c r="J7" s="98">
        <v>1419</v>
      </c>
      <c r="K7" s="98">
        <v>870</v>
      </c>
      <c r="L7" s="99">
        <v>9613</v>
      </c>
      <c r="M7" s="101">
        <v>9673</v>
      </c>
      <c r="N7" s="102">
        <v>0</v>
      </c>
      <c r="O7" s="98">
        <v>0</v>
      </c>
      <c r="P7" s="99">
        <v>0</v>
      </c>
      <c r="Q7" s="100">
        <v>0</v>
      </c>
      <c r="R7" s="98">
        <v>34</v>
      </c>
      <c r="S7" s="98">
        <v>35</v>
      </c>
      <c r="T7" s="98">
        <v>32</v>
      </c>
      <c r="U7" s="98">
        <v>30</v>
      </c>
      <c r="V7" s="98">
        <v>34</v>
      </c>
      <c r="W7" s="99">
        <v>165</v>
      </c>
      <c r="X7" s="101">
        <v>165</v>
      </c>
      <c r="Y7" s="102">
        <v>21</v>
      </c>
      <c r="Z7" s="98">
        <v>39</v>
      </c>
      <c r="AA7" s="99">
        <v>60</v>
      </c>
      <c r="AB7" s="100">
        <v>0</v>
      </c>
      <c r="AC7" s="98">
        <v>3038</v>
      </c>
      <c r="AD7" s="98">
        <v>2458</v>
      </c>
      <c r="AE7" s="98">
        <v>1929</v>
      </c>
      <c r="AF7" s="98">
        <v>1449</v>
      </c>
      <c r="AG7" s="98">
        <v>904</v>
      </c>
      <c r="AH7" s="99">
        <v>9778</v>
      </c>
      <c r="AI7" s="101">
        <v>9838</v>
      </c>
    </row>
    <row r="8" spans="2:35" ht="19.8" customHeight="1" x14ac:dyDescent="0.2">
      <c r="B8" s="18" t="s">
        <v>14</v>
      </c>
      <c r="C8" s="97">
        <v>16</v>
      </c>
      <c r="D8" s="98">
        <v>27</v>
      </c>
      <c r="E8" s="99">
        <v>43</v>
      </c>
      <c r="F8" s="100">
        <v>0</v>
      </c>
      <c r="G8" s="98">
        <v>1454</v>
      </c>
      <c r="H8" s="98">
        <v>1513</v>
      </c>
      <c r="I8" s="98">
        <v>1042</v>
      </c>
      <c r="J8" s="98">
        <v>628</v>
      </c>
      <c r="K8" s="98">
        <v>326</v>
      </c>
      <c r="L8" s="99">
        <v>4963</v>
      </c>
      <c r="M8" s="101">
        <v>5006</v>
      </c>
      <c r="N8" s="102">
        <v>0</v>
      </c>
      <c r="O8" s="98">
        <v>0</v>
      </c>
      <c r="P8" s="99">
        <v>0</v>
      </c>
      <c r="Q8" s="100">
        <v>0</v>
      </c>
      <c r="R8" s="98">
        <v>12</v>
      </c>
      <c r="S8" s="98">
        <v>32</v>
      </c>
      <c r="T8" s="98">
        <v>11</v>
      </c>
      <c r="U8" s="98">
        <v>14</v>
      </c>
      <c r="V8" s="98">
        <v>11</v>
      </c>
      <c r="W8" s="99">
        <v>80</v>
      </c>
      <c r="X8" s="101">
        <v>80</v>
      </c>
      <c r="Y8" s="102">
        <v>16</v>
      </c>
      <c r="Z8" s="98">
        <v>27</v>
      </c>
      <c r="AA8" s="99">
        <v>43</v>
      </c>
      <c r="AB8" s="100">
        <v>0</v>
      </c>
      <c r="AC8" s="98">
        <v>1466</v>
      </c>
      <c r="AD8" s="98">
        <v>1545</v>
      </c>
      <c r="AE8" s="98">
        <v>1053</v>
      </c>
      <c r="AF8" s="98">
        <v>642</v>
      </c>
      <c r="AG8" s="98">
        <v>337</v>
      </c>
      <c r="AH8" s="99">
        <v>5043</v>
      </c>
      <c r="AI8" s="101">
        <v>5086</v>
      </c>
    </row>
    <row r="9" spans="2:35" ht="19.8" customHeight="1" x14ac:dyDescent="0.2">
      <c r="B9" s="18" t="s">
        <v>7</v>
      </c>
      <c r="C9" s="97">
        <v>7</v>
      </c>
      <c r="D9" s="98">
        <v>11</v>
      </c>
      <c r="E9" s="99">
        <v>18</v>
      </c>
      <c r="F9" s="100">
        <v>0</v>
      </c>
      <c r="G9" s="98">
        <v>1303</v>
      </c>
      <c r="H9" s="98">
        <v>915</v>
      </c>
      <c r="I9" s="98">
        <v>617</v>
      </c>
      <c r="J9" s="98">
        <v>333</v>
      </c>
      <c r="K9" s="98">
        <v>170</v>
      </c>
      <c r="L9" s="99">
        <v>3338</v>
      </c>
      <c r="M9" s="101">
        <v>3356</v>
      </c>
      <c r="N9" s="102">
        <v>1</v>
      </c>
      <c r="O9" s="98">
        <v>0</v>
      </c>
      <c r="P9" s="99">
        <v>1</v>
      </c>
      <c r="Q9" s="100">
        <v>0</v>
      </c>
      <c r="R9" s="98">
        <v>14</v>
      </c>
      <c r="S9" s="98">
        <v>13</v>
      </c>
      <c r="T9" s="98">
        <v>8</v>
      </c>
      <c r="U9" s="98">
        <v>5</v>
      </c>
      <c r="V9" s="98">
        <v>9</v>
      </c>
      <c r="W9" s="99">
        <v>49</v>
      </c>
      <c r="X9" s="101">
        <v>50</v>
      </c>
      <c r="Y9" s="102">
        <v>8</v>
      </c>
      <c r="Z9" s="98">
        <v>11</v>
      </c>
      <c r="AA9" s="99">
        <v>19</v>
      </c>
      <c r="AB9" s="100">
        <v>0</v>
      </c>
      <c r="AC9" s="98">
        <v>1317</v>
      </c>
      <c r="AD9" s="98">
        <v>928</v>
      </c>
      <c r="AE9" s="98">
        <v>625</v>
      </c>
      <c r="AF9" s="98">
        <v>338</v>
      </c>
      <c r="AG9" s="98">
        <v>179</v>
      </c>
      <c r="AH9" s="99">
        <v>3387</v>
      </c>
      <c r="AI9" s="101">
        <v>3406</v>
      </c>
    </row>
    <row r="10" spans="2:35" ht="19.8" customHeight="1" x14ac:dyDescent="0.2">
      <c r="B10" s="18" t="s">
        <v>8</v>
      </c>
      <c r="C10" s="97">
        <v>7</v>
      </c>
      <c r="D10" s="98">
        <v>10</v>
      </c>
      <c r="E10" s="99">
        <v>17</v>
      </c>
      <c r="F10" s="100">
        <v>0</v>
      </c>
      <c r="G10" s="98">
        <v>752</v>
      </c>
      <c r="H10" s="98">
        <v>662</v>
      </c>
      <c r="I10" s="98">
        <v>400</v>
      </c>
      <c r="J10" s="98">
        <v>233</v>
      </c>
      <c r="K10" s="98">
        <v>134</v>
      </c>
      <c r="L10" s="99">
        <v>2181</v>
      </c>
      <c r="M10" s="101">
        <v>2198</v>
      </c>
      <c r="N10" s="102">
        <v>0</v>
      </c>
      <c r="O10" s="98">
        <v>1</v>
      </c>
      <c r="P10" s="99">
        <v>1</v>
      </c>
      <c r="Q10" s="100">
        <v>0</v>
      </c>
      <c r="R10" s="98">
        <v>19</v>
      </c>
      <c r="S10" s="98">
        <v>15</v>
      </c>
      <c r="T10" s="98">
        <v>7</v>
      </c>
      <c r="U10" s="98">
        <v>4</v>
      </c>
      <c r="V10" s="98">
        <v>4</v>
      </c>
      <c r="W10" s="99">
        <v>49</v>
      </c>
      <c r="X10" s="101">
        <v>50</v>
      </c>
      <c r="Y10" s="102">
        <v>7</v>
      </c>
      <c r="Z10" s="98">
        <v>11</v>
      </c>
      <c r="AA10" s="99">
        <v>18</v>
      </c>
      <c r="AB10" s="100">
        <v>0</v>
      </c>
      <c r="AC10" s="98">
        <v>771</v>
      </c>
      <c r="AD10" s="98">
        <v>677</v>
      </c>
      <c r="AE10" s="98">
        <v>407</v>
      </c>
      <c r="AF10" s="98">
        <v>237</v>
      </c>
      <c r="AG10" s="98">
        <v>138</v>
      </c>
      <c r="AH10" s="99">
        <v>2230</v>
      </c>
      <c r="AI10" s="101">
        <v>2248</v>
      </c>
    </row>
    <row r="11" spans="2:35" ht="19.8" customHeight="1" x14ac:dyDescent="0.2">
      <c r="B11" s="18" t="s">
        <v>9</v>
      </c>
      <c r="C11" s="97">
        <v>5</v>
      </c>
      <c r="D11" s="98">
        <v>6</v>
      </c>
      <c r="E11" s="99">
        <v>11</v>
      </c>
      <c r="F11" s="100">
        <v>0</v>
      </c>
      <c r="G11" s="98">
        <v>496</v>
      </c>
      <c r="H11" s="98">
        <v>373</v>
      </c>
      <c r="I11" s="98">
        <v>307</v>
      </c>
      <c r="J11" s="98">
        <v>181</v>
      </c>
      <c r="K11" s="98">
        <v>80</v>
      </c>
      <c r="L11" s="99">
        <v>1437</v>
      </c>
      <c r="M11" s="101">
        <v>1448</v>
      </c>
      <c r="N11" s="102">
        <v>0</v>
      </c>
      <c r="O11" s="98">
        <v>0</v>
      </c>
      <c r="P11" s="99">
        <v>0</v>
      </c>
      <c r="Q11" s="100">
        <v>0</v>
      </c>
      <c r="R11" s="98">
        <v>12</v>
      </c>
      <c r="S11" s="98">
        <v>10</v>
      </c>
      <c r="T11" s="98">
        <v>4</v>
      </c>
      <c r="U11" s="98">
        <v>6</v>
      </c>
      <c r="V11" s="98">
        <v>1</v>
      </c>
      <c r="W11" s="99">
        <v>33</v>
      </c>
      <c r="X11" s="101">
        <v>33</v>
      </c>
      <c r="Y11" s="102">
        <v>5</v>
      </c>
      <c r="Z11" s="98">
        <v>6</v>
      </c>
      <c r="AA11" s="99">
        <v>11</v>
      </c>
      <c r="AB11" s="100">
        <v>0</v>
      </c>
      <c r="AC11" s="98">
        <v>508</v>
      </c>
      <c r="AD11" s="98">
        <v>383</v>
      </c>
      <c r="AE11" s="98">
        <v>311</v>
      </c>
      <c r="AF11" s="98">
        <v>187</v>
      </c>
      <c r="AG11" s="98">
        <v>81</v>
      </c>
      <c r="AH11" s="99">
        <v>1470</v>
      </c>
      <c r="AI11" s="101">
        <v>1481</v>
      </c>
    </row>
    <row r="12" spans="2:35" ht="19.8" customHeight="1" x14ac:dyDescent="0.2">
      <c r="B12" s="18" t="s">
        <v>10</v>
      </c>
      <c r="C12" s="97">
        <v>11</v>
      </c>
      <c r="D12" s="98">
        <v>28</v>
      </c>
      <c r="E12" s="99">
        <v>39</v>
      </c>
      <c r="F12" s="100">
        <v>0</v>
      </c>
      <c r="G12" s="98">
        <v>879</v>
      </c>
      <c r="H12" s="98">
        <v>570</v>
      </c>
      <c r="I12" s="98">
        <v>397</v>
      </c>
      <c r="J12" s="98">
        <v>296</v>
      </c>
      <c r="K12" s="98">
        <v>265</v>
      </c>
      <c r="L12" s="99">
        <v>2407</v>
      </c>
      <c r="M12" s="101">
        <v>2446</v>
      </c>
      <c r="N12" s="102">
        <v>0</v>
      </c>
      <c r="O12" s="98">
        <v>1</v>
      </c>
      <c r="P12" s="99">
        <v>1</v>
      </c>
      <c r="Q12" s="100">
        <v>0</v>
      </c>
      <c r="R12" s="98">
        <v>10</v>
      </c>
      <c r="S12" s="98">
        <v>8</v>
      </c>
      <c r="T12" s="98">
        <v>10</v>
      </c>
      <c r="U12" s="98">
        <v>9</v>
      </c>
      <c r="V12" s="98">
        <v>6</v>
      </c>
      <c r="W12" s="99">
        <v>43</v>
      </c>
      <c r="X12" s="101">
        <v>44</v>
      </c>
      <c r="Y12" s="102">
        <v>11</v>
      </c>
      <c r="Z12" s="98">
        <v>29</v>
      </c>
      <c r="AA12" s="99">
        <v>40</v>
      </c>
      <c r="AB12" s="100">
        <v>0</v>
      </c>
      <c r="AC12" s="98">
        <v>889</v>
      </c>
      <c r="AD12" s="98">
        <v>578</v>
      </c>
      <c r="AE12" s="98">
        <v>407</v>
      </c>
      <c r="AF12" s="98">
        <v>305</v>
      </c>
      <c r="AG12" s="98">
        <v>271</v>
      </c>
      <c r="AH12" s="99">
        <v>2450</v>
      </c>
      <c r="AI12" s="101">
        <v>2490</v>
      </c>
    </row>
    <row r="13" spans="2:35" ht="19.8" customHeight="1" x14ac:dyDescent="0.2">
      <c r="B13" s="18" t="s">
        <v>11</v>
      </c>
      <c r="C13" s="97">
        <v>2</v>
      </c>
      <c r="D13" s="98">
        <v>10</v>
      </c>
      <c r="E13" s="99">
        <v>12</v>
      </c>
      <c r="F13" s="100">
        <v>0</v>
      </c>
      <c r="G13" s="98">
        <v>668</v>
      </c>
      <c r="H13" s="98">
        <v>404</v>
      </c>
      <c r="I13" s="98">
        <v>261</v>
      </c>
      <c r="J13" s="98">
        <v>165</v>
      </c>
      <c r="K13" s="98">
        <v>73</v>
      </c>
      <c r="L13" s="99">
        <v>1571</v>
      </c>
      <c r="M13" s="101">
        <v>1583</v>
      </c>
      <c r="N13" s="102">
        <v>0</v>
      </c>
      <c r="O13" s="98">
        <v>0</v>
      </c>
      <c r="P13" s="99">
        <v>0</v>
      </c>
      <c r="Q13" s="100">
        <v>0</v>
      </c>
      <c r="R13" s="98">
        <v>11</v>
      </c>
      <c r="S13" s="98">
        <v>6</v>
      </c>
      <c r="T13" s="98">
        <v>2</v>
      </c>
      <c r="U13" s="98">
        <v>3</v>
      </c>
      <c r="V13" s="98">
        <v>3</v>
      </c>
      <c r="W13" s="99">
        <v>25</v>
      </c>
      <c r="X13" s="101">
        <v>25</v>
      </c>
      <c r="Y13" s="102">
        <v>2</v>
      </c>
      <c r="Z13" s="98">
        <v>10</v>
      </c>
      <c r="AA13" s="99">
        <v>12</v>
      </c>
      <c r="AB13" s="100">
        <v>0</v>
      </c>
      <c r="AC13" s="98">
        <v>679</v>
      </c>
      <c r="AD13" s="98">
        <v>410</v>
      </c>
      <c r="AE13" s="98">
        <v>263</v>
      </c>
      <c r="AF13" s="98">
        <v>168</v>
      </c>
      <c r="AG13" s="98">
        <v>76</v>
      </c>
      <c r="AH13" s="99">
        <v>1596</v>
      </c>
      <c r="AI13" s="101">
        <v>1608</v>
      </c>
    </row>
    <row r="14" spans="2:35" ht="19.8" customHeight="1" x14ac:dyDescent="0.2">
      <c r="B14" s="18" t="s">
        <v>12</v>
      </c>
      <c r="C14" s="97">
        <v>0</v>
      </c>
      <c r="D14" s="98">
        <v>0</v>
      </c>
      <c r="E14" s="99">
        <v>0</v>
      </c>
      <c r="F14" s="100">
        <v>0</v>
      </c>
      <c r="G14" s="98">
        <v>486</v>
      </c>
      <c r="H14" s="98">
        <v>327</v>
      </c>
      <c r="I14" s="98">
        <v>290</v>
      </c>
      <c r="J14" s="98">
        <v>220</v>
      </c>
      <c r="K14" s="98">
        <v>116</v>
      </c>
      <c r="L14" s="99">
        <v>1439</v>
      </c>
      <c r="M14" s="101">
        <v>1439</v>
      </c>
      <c r="N14" s="102">
        <v>0</v>
      </c>
      <c r="O14" s="98">
        <v>0</v>
      </c>
      <c r="P14" s="99">
        <v>0</v>
      </c>
      <c r="Q14" s="100">
        <v>0</v>
      </c>
      <c r="R14" s="98">
        <v>5</v>
      </c>
      <c r="S14" s="98">
        <v>4</v>
      </c>
      <c r="T14" s="98">
        <v>6</v>
      </c>
      <c r="U14" s="98">
        <v>2</v>
      </c>
      <c r="V14" s="98">
        <v>3</v>
      </c>
      <c r="W14" s="99">
        <v>20</v>
      </c>
      <c r="X14" s="101">
        <v>20</v>
      </c>
      <c r="Y14" s="102">
        <v>0</v>
      </c>
      <c r="Z14" s="98">
        <v>0</v>
      </c>
      <c r="AA14" s="99">
        <v>0</v>
      </c>
      <c r="AB14" s="100">
        <v>0</v>
      </c>
      <c r="AC14" s="98">
        <v>491</v>
      </c>
      <c r="AD14" s="98">
        <v>331</v>
      </c>
      <c r="AE14" s="98">
        <v>296</v>
      </c>
      <c r="AF14" s="98">
        <v>222</v>
      </c>
      <c r="AG14" s="98">
        <v>119</v>
      </c>
      <c r="AH14" s="99">
        <v>1459</v>
      </c>
      <c r="AI14" s="101">
        <v>1459</v>
      </c>
    </row>
    <row r="15" spans="2:35" ht="19.8" customHeight="1" x14ac:dyDescent="0.2">
      <c r="B15" s="18" t="s">
        <v>13</v>
      </c>
      <c r="C15" s="97">
        <v>1</v>
      </c>
      <c r="D15" s="98">
        <v>2</v>
      </c>
      <c r="E15" s="99">
        <v>3</v>
      </c>
      <c r="F15" s="100">
        <v>0</v>
      </c>
      <c r="G15" s="98">
        <v>155</v>
      </c>
      <c r="H15" s="98">
        <v>158</v>
      </c>
      <c r="I15" s="98">
        <v>81</v>
      </c>
      <c r="J15" s="98">
        <v>69</v>
      </c>
      <c r="K15" s="98">
        <v>29</v>
      </c>
      <c r="L15" s="99">
        <v>492</v>
      </c>
      <c r="M15" s="101">
        <v>495</v>
      </c>
      <c r="N15" s="102">
        <v>0</v>
      </c>
      <c r="O15" s="98">
        <v>0</v>
      </c>
      <c r="P15" s="99">
        <v>0</v>
      </c>
      <c r="Q15" s="100">
        <v>0</v>
      </c>
      <c r="R15" s="98">
        <v>3</v>
      </c>
      <c r="S15" s="98">
        <v>2</v>
      </c>
      <c r="T15" s="98">
        <v>4</v>
      </c>
      <c r="U15" s="98">
        <v>1</v>
      </c>
      <c r="V15" s="98">
        <v>0</v>
      </c>
      <c r="W15" s="99">
        <v>10</v>
      </c>
      <c r="X15" s="101">
        <v>10</v>
      </c>
      <c r="Y15" s="102">
        <v>1</v>
      </c>
      <c r="Z15" s="98">
        <v>2</v>
      </c>
      <c r="AA15" s="99">
        <v>3</v>
      </c>
      <c r="AB15" s="100">
        <v>0</v>
      </c>
      <c r="AC15" s="98">
        <v>158</v>
      </c>
      <c r="AD15" s="98">
        <v>160</v>
      </c>
      <c r="AE15" s="98">
        <v>85</v>
      </c>
      <c r="AF15" s="98">
        <v>70</v>
      </c>
      <c r="AG15" s="98">
        <v>29</v>
      </c>
      <c r="AH15" s="99">
        <v>502</v>
      </c>
      <c r="AI15" s="101">
        <v>505</v>
      </c>
    </row>
    <row r="16" spans="2:35" ht="19.8" customHeight="1" x14ac:dyDescent="0.2">
      <c r="B16" s="18" t="s">
        <v>15</v>
      </c>
      <c r="C16" s="97">
        <v>4</v>
      </c>
      <c r="D16" s="98">
        <v>14</v>
      </c>
      <c r="E16" s="99">
        <v>18</v>
      </c>
      <c r="F16" s="100">
        <v>0</v>
      </c>
      <c r="G16" s="98">
        <v>207</v>
      </c>
      <c r="H16" s="98">
        <v>209</v>
      </c>
      <c r="I16" s="98">
        <v>137</v>
      </c>
      <c r="J16" s="98">
        <v>95</v>
      </c>
      <c r="K16" s="98">
        <v>42</v>
      </c>
      <c r="L16" s="99">
        <v>690</v>
      </c>
      <c r="M16" s="101">
        <v>708</v>
      </c>
      <c r="N16" s="102">
        <v>0</v>
      </c>
      <c r="O16" s="98">
        <v>1</v>
      </c>
      <c r="P16" s="99">
        <v>1</v>
      </c>
      <c r="Q16" s="100">
        <v>0</v>
      </c>
      <c r="R16" s="98">
        <v>3</v>
      </c>
      <c r="S16" s="98">
        <v>6</v>
      </c>
      <c r="T16" s="98">
        <v>2</v>
      </c>
      <c r="U16" s="98">
        <v>1</v>
      </c>
      <c r="V16" s="98">
        <v>1</v>
      </c>
      <c r="W16" s="99">
        <v>13</v>
      </c>
      <c r="X16" s="101">
        <v>14</v>
      </c>
      <c r="Y16" s="102">
        <v>4</v>
      </c>
      <c r="Z16" s="98">
        <v>15</v>
      </c>
      <c r="AA16" s="99">
        <v>19</v>
      </c>
      <c r="AB16" s="100">
        <v>0</v>
      </c>
      <c r="AC16" s="98">
        <v>210</v>
      </c>
      <c r="AD16" s="98">
        <v>215</v>
      </c>
      <c r="AE16" s="98">
        <v>139</v>
      </c>
      <c r="AF16" s="98">
        <v>96</v>
      </c>
      <c r="AG16" s="98">
        <v>43</v>
      </c>
      <c r="AH16" s="99">
        <v>703</v>
      </c>
      <c r="AI16" s="101">
        <v>722</v>
      </c>
    </row>
    <row r="17" spans="2:35" ht="19.8" customHeight="1" x14ac:dyDescent="0.2">
      <c r="B17" s="18" t="s">
        <v>16</v>
      </c>
      <c r="C17" s="97">
        <v>1</v>
      </c>
      <c r="D17" s="98">
        <v>1</v>
      </c>
      <c r="E17" s="99">
        <v>2</v>
      </c>
      <c r="F17" s="100">
        <v>0</v>
      </c>
      <c r="G17" s="98">
        <v>210</v>
      </c>
      <c r="H17" s="98">
        <v>267</v>
      </c>
      <c r="I17" s="98">
        <v>192</v>
      </c>
      <c r="J17" s="98">
        <v>121</v>
      </c>
      <c r="K17" s="98">
        <v>74</v>
      </c>
      <c r="L17" s="99">
        <v>864</v>
      </c>
      <c r="M17" s="101">
        <v>866</v>
      </c>
      <c r="N17" s="102">
        <v>0</v>
      </c>
      <c r="O17" s="98">
        <v>0</v>
      </c>
      <c r="P17" s="99">
        <v>0</v>
      </c>
      <c r="Q17" s="100">
        <v>0</v>
      </c>
      <c r="R17" s="98">
        <v>3</v>
      </c>
      <c r="S17" s="98">
        <v>2</v>
      </c>
      <c r="T17" s="98">
        <v>5</v>
      </c>
      <c r="U17" s="98">
        <v>1</v>
      </c>
      <c r="V17" s="98">
        <v>2</v>
      </c>
      <c r="W17" s="99">
        <v>13</v>
      </c>
      <c r="X17" s="101">
        <v>13</v>
      </c>
      <c r="Y17" s="102">
        <v>1</v>
      </c>
      <c r="Z17" s="98">
        <v>1</v>
      </c>
      <c r="AA17" s="99">
        <v>2</v>
      </c>
      <c r="AB17" s="100">
        <v>0</v>
      </c>
      <c r="AC17" s="98">
        <v>213</v>
      </c>
      <c r="AD17" s="98">
        <v>269</v>
      </c>
      <c r="AE17" s="98">
        <v>197</v>
      </c>
      <c r="AF17" s="98">
        <v>122</v>
      </c>
      <c r="AG17" s="98">
        <v>76</v>
      </c>
      <c r="AH17" s="99">
        <v>877</v>
      </c>
      <c r="AI17" s="101">
        <v>879</v>
      </c>
    </row>
    <row r="18" spans="2:35" ht="19.8" customHeight="1" x14ac:dyDescent="0.2">
      <c r="B18" s="18" t="s">
        <v>17</v>
      </c>
      <c r="C18" s="97">
        <v>3</v>
      </c>
      <c r="D18" s="98">
        <v>5</v>
      </c>
      <c r="E18" s="99">
        <v>8</v>
      </c>
      <c r="F18" s="100">
        <v>0</v>
      </c>
      <c r="G18" s="98">
        <v>328</v>
      </c>
      <c r="H18" s="98">
        <v>408</v>
      </c>
      <c r="I18" s="98">
        <v>269</v>
      </c>
      <c r="J18" s="98">
        <v>184</v>
      </c>
      <c r="K18" s="98">
        <v>139</v>
      </c>
      <c r="L18" s="99">
        <v>1328</v>
      </c>
      <c r="M18" s="101">
        <v>1336</v>
      </c>
      <c r="N18" s="102">
        <v>0</v>
      </c>
      <c r="O18" s="98">
        <v>0</v>
      </c>
      <c r="P18" s="99">
        <v>0</v>
      </c>
      <c r="Q18" s="100">
        <v>0</v>
      </c>
      <c r="R18" s="98">
        <v>1</v>
      </c>
      <c r="S18" s="98">
        <v>16</v>
      </c>
      <c r="T18" s="98">
        <v>12</v>
      </c>
      <c r="U18" s="98">
        <v>11</v>
      </c>
      <c r="V18" s="98">
        <v>5</v>
      </c>
      <c r="W18" s="99">
        <v>45</v>
      </c>
      <c r="X18" s="101">
        <v>45</v>
      </c>
      <c r="Y18" s="102">
        <v>3</v>
      </c>
      <c r="Z18" s="98">
        <v>5</v>
      </c>
      <c r="AA18" s="99">
        <v>8</v>
      </c>
      <c r="AB18" s="100">
        <v>0</v>
      </c>
      <c r="AC18" s="98">
        <v>329</v>
      </c>
      <c r="AD18" s="98">
        <v>424</v>
      </c>
      <c r="AE18" s="98">
        <v>281</v>
      </c>
      <c r="AF18" s="98">
        <v>195</v>
      </c>
      <c r="AG18" s="98">
        <v>144</v>
      </c>
      <c r="AH18" s="99">
        <v>1373</v>
      </c>
      <c r="AI18" s="101">
        <v>1381</v>
      </c>
    </row>
    <row r="19" spans="2:35" ht="19.8" customHeight="1" x14ac:dyDescent="0.2">
      <c r="B19" s="18" t="s">
        <v>18</v>
      </c>
      <c r="C19" s="97">
        <v>9</v>
      </c>
      <c r="D19" s="98">
        <v>12</v>
      </c>
      <c r="E19" s="99">
        <v>21</v>
      </c>
      <c r="F19" s="100">
        <v>0</v>
      </c>
      <c r="G19" s="98">
        <v>372</v>
      </c>
      <c r="H19" s="98">
        <v>350</v>
      </c>
      <c r="I19" s="98">
        <v>247</v>
      </c>
      <c r="J19" s="98">
        <v>159</v>
      </c>
      <c r="K19" s="98">
        <v>94</v>
      </c>
      <c r="L19" s="99">
        <v>1222</v>
      </c>
      <c r="M19" s="101">
        <v>1243</v>
      </c>
      <c r="N19" s="102">
        <v>0</v>
      </c>
      <c r="O19" s="98">
        <v>0</v>
      </c>
      <c r="P19" s="99">
        <v>0</v>
      </c>
      <c r="Q19" s="100">
        <v>0</v>
      </c>
      <c r="R19" s="98">
        <v>5</v>
      </c>
      <c r="S19" s="98">
        <v>2</v>
      </c>
      <c r="T19" s="98">
        <v>1</v>
      </c>
      <c r="U19" s="98">
        <v>5</v>
      </c>
      <c r="V19" s="98">
        <v>4</v>
      </c>
      <c r="W19" s="99">
        <v>17</v>
      </c>
      <c r="X19" s="101">
        <v>17</v>
      </c>
      <c r="Y19" s="102">
        <v>9</v>
      </c>
      <c r="Z19" s="98">
        <v>12</v>
      </c>
      <c r="AA19" s="99">
        <v>21</v>
      </c>
      <c r="AB19" s="100">
        <v>0</v>
      </c>
      <c r="AC19" s="98">
        <v>377</v>
      </c>
      <c r="AD19" s="98">
        <v>352</v>
      </c>
      <c r="AE19" s="98">
        <v>248</v>
      </c>
      <c r="AF19" s="98">
        <v>164</v>
      </c>
      <c r="AG19" s="98">
        <v>98</v>
      </c>
      <c r="AH19" s="99">
        <v>1239</v>
      </c>
      <c r="AI19" s="101">
        <v>1260</v>
      </c>
    </row>
    <row r="20" spans="2:35" ht="19.8" customHeight="1" x14ac:dyDescent="0.2">
      <c r="B20" s="18" t="s">
        <v>19</v>
      </c>
      <c r="C20" s="97">
        <v>1</v>
      </c>
      <c r="D20" s="98">
        <v>1</v>
      </c>
      <c r="E20" s="99">
        <v>2</v>
      </c>
      <c r="F20" s="100">
        <v>0</v>
      </c>
      <c r="G20" s="98">
        <v>196</v>
      </c>
      <c r="H20" s="98">
        <v>200</v>
      </c>
      <c r="I20" s="98">
        <v>127</v>
      </c>
      <c r="J20" s="98">
        <v>72</v>
      </c>
      <c r="K20" s="98">
        <v>60</v>
      </c>
      <c r="L20" s="99">
        <v>655</v>
      </c>
      <c r="M20" s="101">
        <v>657</v>
      </c>
      <c r="N20" s="102">
        <v>0</v>
      </c>
      <c r="O20" s="98">
        <v>0</v>
      </c>
      <c r="P20" s="99">
        <v>0</v>
      </c>
      <c r="Q20" s="100">
        <v>0</v>
      </c>
      <c r="R20" s="98">
        <v>0</v>
      </c>
      <c r="S20" s="98">
        <v>1</v>
      </c>
      <c r="T20" s="98">
        <v>1</v>
      </c>
      <c r="U20" s="98">
        <v>2</v>
      </c>
      <c r="V20" s="98">
        <v>1</v>
      </c>
      <c r="W20" s="99">
        <v>5</v>
      </c>
      <c r="X20" s="101">
        <v>5</v>
      </c>
      <c r="Y20" s="102">
        <v>1</v>
      </c>
      <c r="Z20" s="98">
        <v>1</v>
      </c>
      <c r="AA20" s="99">
        <v>2</v>
      </c>
      <c r="AB20" s="100">
        <v>0</v>
      </c>
      <c r="AC20" s="98">
        <v>196</v>
      </c>
      <c r="AD20" s="98">
        <v>201</v>
      </c>
      <c r="AE20" s="98">
        <v>128</v>
      </c>
      <c r="AF20" s="98">
        <v>74</v>
      </c>
      <c r="AG20" s="98">
        <v>61</v>
      </c>
      <c r="AH20" s="99">
        <v>660</v>
      </c>
      <c r="AI20" s="101">
        <v>662</v>
      </c>
    </row>
    <row r="21" spans="2:35" ht="19.8" customHeight="1" x14ac:dyDescent="0.2">
      <c r="B21" s="18" t="s">
        <v>20</v>
      </c>
      <c r="C21" s="97">
        <v>1</v>
      </c>
      <c r="D21" s="98">
        <v>1</v>
      </c>
      <c r="E21" s="99">
        <v>2</v>
      </c>
      <c r="F21" s="100">
        <v>0</v>
      </c>
      <c r="G21" s="98">
        <v>222</v>
      </c>
      <c r="H21" s="98">
        <v>118</v>
      </c>
      <c r="I21" s="98">
        <v>94</v>
      </c>
      <c r="J21" s="98">
        <v>47</v>
      </c>
      <c r="K21" s="98">
        <v>15</v>
      </c>
      <c r="L21" s="99">
        <v>496</v>
      </c>
      <c r="M21" s="101">
        <v>498</v>
      </c>
      <c r="N21" s="102">
        <v>0</v>
      </c>
      <c r="O21" s="98">
        <v>0</v>
      </c>
      <c r="P21" s="99">
        <v>0</v>
      </c>
      <c r="Q21" s="100">
        <v>0</v>
      </c>
      <c r="R21" s="98">
        <v>5</v>
      </c>
      <c r="S21" s="98">
        <v>1</v>
      </c>
      <c r="T21" s="98">
        <v>0</v>
      </c>
      <c r="U21" s="98">
        <v>0</v>
      </c>
      <c r="V21" s="98">
        <v>0</v>
      </c>
      <c r="W21" s="99">
        <v>6</v>
      </c>
      <c r="X21" s="101">
        <v>6</v>
      </c>
      <c r="Y21" s="102">
        <v>1</v>
      </c>
      <c r="Z21" s="98">
        <v>1</v>
      </c>
      <c r="AA21" s="99">
        <v>2</v>
      </c>
      <c r="AB21" s="100">
        <v>0</v>
      </c>
      <c r="AC21" s="98">
        <v>227</v>
      </c>
      <c r="AD21" s="98">
        <v>119</v>
      </c>
      <c r="AE21" s="98">
        <v>94</v>
      </c>
      <c r="AF21" s="98">
        <v>47</v>
      </c>
      <c r="AG21" s="98">
        <v>15</v>
      </c>
      <c r="AH21" s="99">
        <v>502</v>
      </c>
      <c r="AI21" s="101">
        <v>504</v>
      </c>
    </row>
    <row r="22" spans="2:35" ht="19.8" customHeight="1" x14ac:dyDescent="0.2">
      <c r="B22" s="18" t="s">
        <v>21</v>
      </c>
      <c r="C22" s="97">
        <v>1</v>
      </c>
      <c r="D22" s="98">
        <v>2</v>
      </c>
      <c r="E22" s="99">
        <v>3</v>
      </c>
      <c r="F22" s="100">
        <v>0</v>
      </c>
      <c r="G22" s="98">
        <v>216</v>
      </c>
      <c r="H22" s="98">
        <v>241</v>
      </c>
      <c r="I22" s="98">
        <v>119</v>
      </c>
      <c r="J22" s="98">
        <v>65</v>
      </c>
      <c r="K22" s="98">
        <v>30</v>
      </c>
      <c r="L22" s="99">
        <v>671</v>
      </c>
      <c r="M22" s="101">
        <v>674</v>
      </c>
      <c r="N22" s="102">
        <v>0</v>
      </c>
      <c r="O22" s="98">
        <v>0</v>
      </c>
      <c r="P22" s="99">
        <v>0</v>
      </c>
      <c r="Q22" s="100">
        <v>0</v>
      </c>
      <c r="R22" s="98">
        <v>0</v>
      </c>
      <c r="S22" s="98">
        <v>4</v>
      </c>
      <c r="T22" s="98">
        <v>3</v>
      </c>
      <c r="U22" s="98">
        <v>2</v>
      </c>
      <c r="V22" s="98">
        <v>5</v>
      </c>
      <c r="W22" s="99">
        <v>14</v>
      </c>
      <c r="X22" s="101">
        <v>14</v>
      </c>
      <c r="Y22" s="102">
        <v>1</v>
      </c>
      <c r="Z22" s="98">
        <v>2</v>
      </c>
      <c r="AA22" s="99">
        <v>3</v>
      </c>
      <c r="AB22" s="100">
        <v>0</v>
      </c>
      <c r="AC22" s="98">
        <v>216</v>
      </c>
      <c r="AD22" s="98">
        <v>245</v>
      </c>
      <c r="AE22" s="98">
        <v>122</v>
      </c>
      <c r="AF22" s="98">
        <v>67</v>
      </c>
      <c r="AG22" s="98">
        <v>35</v>
      </c>
      <c r="AH22" s="99">
        <v>685</v>
      </c>
      <c r="AI22" s="101">
        <v>688</v>
      </c>
    </row>
    <row r="23" spans="2:35" ht="19.8" customHeight="1" x14ac:dyDescent="0.2">
      <c r="B23" s="18" t="s">
        <v>22</v>
      </c>
      <c r="C23" s="97">
        <v>4</v>
      </c>
      <c r="D23" s="98">
        <v>3</v>
      </c>
      <c r="E23" s="99">
        <v>7</v>
      </c>
      <c r="F23" s="100">
        <v>0</v>
      </c>
      <c r="G23" s="98">
        <v>176</v>
      </c>
      <c r="H23" s="98">
        <v>142</v>
      </c>
      <c r="I23" s="98">
        <v>74</v>
      </c>
      <c r="J23" s="98">
        <v>56</v>
      </c>
      <c r="K23" s="98">
        <v>19</v>
      </c>
      <c r="L23" s="99">
        <v>467</v>
      </c>
      <c r="M23" s="101">
        <v>474</v>
      </c>
      <c r="N23" s="102">
        <v>0</v>
      </c>
      <c r="O23" s="98">
        <v>0</v>
      </c>
      <c r="P23" s="99">
        <v>0</v>
      </c>
      <c r="Q23" s="100">
        <v>0</v>
      </c>
      <c r="R23" s="98">
        <v>5</v>
      </c>
      <c r="S23" s="98">
        <v>0</v>
      </c>
      <c r="T23" s="98">
        <v>2</v>
      </c>
      <c r="U23" s="98">
        <v>1</v>
      </c>
      <c r="V23" s="98">
        <v>0</v>
      </c>
      <c r="W23" s="99">
        <v>8</v>
      </c>
      <c r="X23" s="101">
        <v>8</v>
      </c>
      <c r="Y23" s="102">
        <v>4</v>
      </c>
      <c r="Z23" s="98">
        <v>3</v>
      </c>
      <c r="AA23" s="99">
        <v>7</v>
      </c>
      <c r="AB23" s="100">
        <v>0</v>
      </c>
      <c r="AC23" s="98">
        <v>181</v>
      </c>
      <c r="AD23" s="98">
        <v>142</v>
      </c>
      <c r="AE23" s="98">
        <v>76</v>
      </c>
      <c r="AF23" s="98">
        <v>57</v>
      </c>
      <c r="AG23" s="98">
        <v>19</v>
      </c>
      <c r="AH23" s="99">
        <v>475</v>
      </c>
      <c r="AI23" s="101">
        <v>482</v>
      </c>
    </row>
    <row r="24" spans="2:35" ht="19.8" customHeight="1" x14ac:dyDescent="0.2">
      <c r="B24" s="18" t="s">
        <v>23</v>
      </c>
      <c r="C24" s="97">
        <v>0</v>
      </c>
      <c r="D24" s="98">
        <v>1</v>
      </c>
      <c r="E24" s="99">
        <v>1</v>
      </c>
      <c r="F24" s="100">
        <v>0</v>
      </c>
      <c r="G24" s="98">
        <v>86</v>
      </c>
      <c r="H24" s="98">
        <v>62</v>
      </c>
      <c r="I24" s="98">
        <v>39</v>
      </c>
      <c r="J24" s="98">
        <v>29</v>
      </c>
      <c r="K24" s="98">
        <v>10</v>
      </c>
      <c r="L24" s="99">
        <v>226</v>
      </c>
      <c r="M24" s="101">
        <v>227</v>
      </c>
      <c r="N24" s="102">
        <v>0</v>
      </c>
      <c r="O24" s="98">
        <v>0</v>
      </c>
      <c r="P24" s="99">
        <v>0</v>
      </c>
      <c r="Q24" s="100">
        <v>0</v>
      </c>
      <c r="R24" s="98">
        <v>0</v>
      </c>
      <c r="S24" s="98">
        <v>1</v>
      </c>
      <c r="T24" s="98">
        <v>0</v>
      </c>
      <c r="U24" s="98">
        <v>0</v>
      </c>
      <c r="V24" s="98">
        <v>0</v>
      </c>
      <c r="W24" s="99">
        <v>1</v>
      </c>
      <c r="X24" s="101">
        <v>1</v>
      </c>
      <c r="Y24" s="102">
        <v>0</v>
      </c>
      <c r="Z24" s="98">
        <v>1</v>
      </c>
      <c r="AA24" s="99">
        <v>1</v>
      </c>
      <c r="AB24" s="100">
        <v>0</v>
      </c>
      <c r="AC24" s="98">
        <v>86</v>
      </c>
      <c r="AD24" s="98">
        <v>63</v>
      </c>
      <c r="AE24" s="98">
        <v>39</v>
      </c>
      <c r="AF24" s="98">
        <v>29</v>
      </c>
      <c r="AG24" s="98">
        <v>10</v>
      </c>
      <c r="AH24" s="99">
        <v>227</v>
      </c>
      <c r="AI24" s="101">
        <v>228</v>
      </c>
    </row>
    <row r="25" spans="2:35" ht="19.8" customHeight="1" x14ac:dyDescent="0.2">
      <c r="B25" s="18" t="s">
        <v>24</v>
      </c>
      <c r="C25" s="97">
        <v>5</v>
      </c>
      <c r="D25" s="98">
        <v>4</v>
      </c>
      <c r="E25" s="99">
        <v>9</v>
      </c>
      <c r="F25" s="100">
        <v>0</v>
      </c>
      <c r="G25" s="98">
        <v>58</v>
      </c>
      <c r="H25" s="98">
        <v>33</v>
      </c>
      <c r="I25" s="98">
        <v>35</v>
      </c>
      <c r="J25" s="98">
        <v>18</v>
      </c>
      <c r="K25" s="98">
        <v>11</v>
      </c>
      <c r="L25" s="99">
        <v>155</v>
      </c>
      <c r="M25" s="101">
        <v>164</v>
      </c>
      <c r="N25" s="102">
        <v>0</v>
      </c>
      <c r="O25" s="98">
        <v>0</v>
      </c>
      <c r="P25" s="99">
        <v>0</v>
      </c>
      <c r="Q25" s="100">
        <v>0</v>
      </c>
      <c r="R25" s="98">
        <v>0</v>
      </c>
      <c r="S25" s="98">
        <v>0</v>
      </c>
      <c r="T25" s="98">
        <v>0</v>
      </c>
      <c r="U25" s="98">
        <v>0</v>
      </c>
      <c r="V25" s="98">
        <v>0</v>
      </c>
      <c r="W25" s="99">
        <v>0</v>
      </c>
      <c r="X25" s="101">
        <v>0</v>
      </c>
      <c r="Y25" s="102">
        <v>5</v>
      </c>
      <c r="Z25" s="98">
        <v>4</v>
      </c>
      <c r="AA25" s="99">
        <v>9</v>
      </c>
      <c r="AB25" s="100">
        <v>0</v>
      </c>
      <c r="AC25" s="98">
        <v>58</v>
      </c>
      <c r="AD25" s="98">
        <v>33</v>
      </c>
      <c r="AE25" s="98">
        <v>35</v>
      </c>
      <c r="AF25" s="98">
        <v>18</v>
      </c>
      <c r="AG25" s="98">
        <v>11</v>
      </c>
      <c r="AH25" s="99">
        <v>155</v>
      </c>
      <c r="AI25" s="101">
        <v>164</v>
      </c>
    </row>
    <row r="26" spans="2:35" ht="19.8" customHeight="1" x14ac:dyDescent="0.2">
      <c r="B26" s="18" t="s">
        <v>25</v>
      </c>
      <c r="C26" s="97">
        <v>0</v>
      </c>
      <c r="D26" s="98">
        <v>0</v>
      </c>
      <c r="E26" s="99">
        <v>0</v>
      </c>
      <c r="F26" s="100">
        <v>0</v>
      </c>
      <c r="G26" s="98">
        <v>98</v>
      </c>
      <c r="H26" s="98">
        <v>43</v>
      </c>
      <c r="I26" s="98">
        <v>23</v>
      </c>
      <c r="J26" s="98">
        <v>11</v>
      </c>
      <c r="K26" s="98">
        <v>2</v>
      </c>
      <c r="L26" s="99">
        <v>177</v>
      </c>
      <c r="M26" s="101">
        <v>177</v>
      </c>
      <c r="N26" s="102">
        <v>0</v>
      </c>
      <c r="O26" s="98">
        <v>0</v>
      </c>
      <c r="P26" s="99">
        <v>0</v>
      </c>
      <c r="Q26" s="100">
        <v>0</v>
      </c>
      <c r="R26" s="98">
        <v>1</v>
      </c>
      <c r="S26" s="98">
        <v>1</v>
      </c>
      <c r="T26" s="98">
        <v>1</v>
      </c>
      <c r="U26" s="98">
        <v>0</v>
      </c>
      <c r="V26" s="98">
        <v>0</v>
      </c>
      <c r="W26" s="99">
        <v>3</v>
      </c>
      <c r="X26" s="101">
        <v>3</v>
      </c>
      <c r="Y26" s="102">
        <v>0</v>
      </c>
      <c r="Z26" s="98">
        <v>0</v>
      </c>
      <c r="AA26" s="99">
        <v>0</v>
      </c>
      <c r="AB26" s="100">
        <v>0</v>
      </c>
      <c r="AC26" s="98">
        <v>99</v>
      </c>
      <c r="AD26" s="98">
        <v>44</v>
      </c>
      <c r="AE26" s="98">
        <v>24</v>
      </c>
      <c r="AF26" s="98">
        <v>11</v>
      </c>
      <c r="AG26" s="98">
        <v>2</v>
      </c>
      <c r="AH26" s="99">
        <v>180</v>
      </c>
      <c r="AI26" s="101">
        <v>180</v>
      </c>
    </row>
    <row r="27" spans="2:35" ht="19.8" customHeight="1" x14ac:dyDescent="0.2">
      <c r="B27" s="18" t="s">
        <v>26</v>
      </c>
      <c r="C27" s="97">
        <v>1</v>
      </c>
      <c r="D27" s="98">
        <v>0</v>
      </c>
      <c r="E27" s="99">
        <v>1</v>
      </c>
      <c r="F27" s="100">
        <v>0</v>
      </c>
      <c r="G27" s="98">
        <v>63</v>
      </c>
      <c r="H27" s="98">
        <v>60</v>
      </c>
      <c r="I27" s="98">
        <v>52</v>
      </c>
      <c r="J27" s="98">
        <v>25</v>
      </c>
      <c r="K27" s="98">
        <v>24</v>
      </c>
      <c r="L27" s="99">
        <v>224</v>
      </c>
      <c r="M27" s="101">
        <v>225</v>
      </c>
      <c r="N27" s="102">
        <v>0</v>
      </c>
      <c r="O27" s="98">
        <v>0</v>
      </c>
      <c r="P27" s="99">
        <v>0</v>
      </c>
      <c r="Q27" s="100">
        <v>0</v>
      </c>
      <c r="R27" s="98">
        <v>0</v>
      </c>
      <c r="S27" s="98">
        <v>0</v>
      </c>
      <c r="T27" s="98">
        <v>0</v>
      </c>
      <c r="U27" s="98">
        <v>0</v>
      </c>
      <c r="V27" s="98">
        <v>0</v>
      </c>
      <c r="W27" s="99">
        <v>0</v>
      </c>
      <c r="X27" s="101">
        <v>0</v>
      </c>
      <c r="Y27" s="102">
        <v>1</v>
      </c>
      <c r="Z27" s="98">
        <v>0</v>
      </c>
      <c r="AA27" s="99">
        <v>1</v>
      </c>
      <c r="AB27" s="100">
        <v>0</v>
      </c>
      <c r="AC27" s="98">
        <v>63</v>
      </c>
      <c r="AD27" s="98">
        <v>60</v>
      </c>
      <c r="AE27" s="98">
        <v>52</v>
      </c>
      <c r="AF27" s="98">
        <v>25</v>
      </c>
      <c r="AG27" s="98">
        <v>24</v>
      </c>
      <c r="AH27" s="99">
        <v>224</v>
      </c>
      <c r="AI27" s="101">
        <v>225</v>
      </c>
    </row>
    <row r="28" spans="2:35" ht="19.8" customHeight="1" x14ac:dyDescent="0.2">
      <c r="B28" s="18" t="s">
        <v>27</v>
      </c>
      <c r="C28" s="97">
        <v>0</v>
      </c>
      <c r="D28" s="98">
        <v>0</v>
      </c>
      <c r="E28" s="99">
        <v>0</v>
      </c>
      <c r="F28" s="100">
        <v>0</v>
      </c>
      <c r="G28" s="98">
        <v>54</v>
      </c>
      <c r="H28" s="98">
        <v>30</v>
      </c>
      <c r="I28" s="98">
        <v>32</v>
      </c>
      <c r="J28" s="98">
        <v>15</v>
      </c>
      <c r="K28" s="98">
        <v>7</v>
      </c>
      <c r="L28" s="99">
        <v>138</v>
      </c>
      <c r="M28" s="101">
        <v>138</v>
      </c>
      <c r="N28" s="102">
        <v>0</v>
      </c>
      <c r="O28" s="98">
        <v>0</v>
      </c>
      <c r="P28" s="99">
        <v>0</v>
      </c>
      <c r="Q28" s="100">
        <v>0</v>
      </c>
      <c r="R28" s="98">
        <v>1</v>
      </c>
      <c r="S28" s="98">
        <v>0</v>
      </c>
      <c r="T28" s="98">
        <v>1</v>
      </c>
      <c r="U28" s="98">
        <v>0</v>
      </c>
      <c r="V28" s="98">
        <v>0</v>
      </c>
      <c r="W28" s="99">
        <v>2</v>
      </c>
      <c r="X28" s="101">
        <v>2</v>
      </c>
      <c r="Y28" s="102">
        <v>0</v>
      </c>
      <c r="Z28" s="98">
        <v>0</v>
      </c>
      <c r="AA28" s="99">
        <v>0</v>
      </c>
      <c r="AB28" s="100">
        <v>0</v>
      </c>
      <c r="AC28" s="98">
        <v>55</v>
      </c>
      <c r="AD28" s="98">
        <v>30</v>
      </c>
      <c r="AE28" s="98">
        <v>33</v>
      </c>
      <c r="AF28" s="98">
        <v>15</v>
      </c>
      <c r="AG28" s="98">
        <v>7</v>
      </c>
      <c r="AH28" s="99">
        <v>140</v>
      </c>
      <c r="AI28" s="101">
        <v>140</v>
      </c>
    </row>
    <row r="29" spans="2:35" ht="19.8" customHeight="1" x14ac:dyDescent="0.2">
      <c r="B29" s="18" t="s">
        <v>28</v>
      </c>
      <c r="C29" s="97">
        <v>0</v>
      </c>
      <c r="D29" s="98">
        <v>0</v>
      </c>
      <c r="E29" s="99">
        <v>0</v>
      </c>
      <c r="F29" s="100">
        <v>0</v>
      </c>
      <c r="G29" s="98">
        <v>23</v>
      </c>
      <c r="H29" s="98">
        <v>21</v>
      </c>
      <c r="I29" s="98">
        <v>10</v>
      </c>
      <c r="J29" s="98">
        <v>4</v>
      </c>
      <c r="K29" s="98">
        <v>5</v>
      </c>
      <c r="L29" s="99">
        <v>63</v>
      </c>
      <c r="M29" s="101">
        <v>63</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3</v>
      </c>
      <c r="AD29" s="98">
        <v>21</v>
      </c>
      <c r="AE29" s="98">
        <v>10</v>
      </c>
      <c r="AF29" s="98">
        <v>4</v>
      </c>
      <c r="AG29" s="98">
        <v>6</v>
      </c>
      <c r="AH29" s="99">
        <v>64</v>
      </c>
      <c r="AI29" s="101">
        <v>64</v>
      </c>
    </row>
    <row r="30" spans="2:35" ht="19.8" customHeight="1" x14ac:dyDescent="0.2">
      <c r="B30" s="18" t="s">
        <v>29</v>
      </c>
      <c r="C30" s="97">
        <v>1</v>
      </c>
      <c r="D30" s="98">
        <v>3</v>
      </c>
      <c r="E30" s="99">
        <v>4</v>
      </c>
      <c r="F30" s="100">
        <v>0</v>
      </c>
      <c r="G30" s="98">
        <v>25</v>
      </c>
      <c r="H30" s="98">
        <v>28</v>
      </c>
      <c r="I30" s="98">
        <v>17</v>
      </c>
      <c r="J30" s="98">
        <v>20</v>
      </c>
      <c r="K30" s="98">
        <v>8</v>
      </c>
      <c r="L30" s="99">
        <v>98</v>
      </c>
      <c r="M30" s="101">
        <v>102</v>
      </c>
      <c r="N30" s="102">
        <v>0</v>
      </c>
      <c r="O30" s="98">
        <v>0</v>
      </c>
      <c r="P30" s="99">
        <v>0</v>
      </c>
      <c r="Q30" s="100">
        <v>0</v>
      </c>
      <c r="R30" s="98">
        <v>0</v>
      </c>
      <c r="S30" s="98">
        <v>0</v>
      </c>
      <c r="T30" s="98">
        <v>0</v>
      </c>
      <c r="U30" s="98">
        <v>0</v>
      </c>
      <c r="V30" s="98">
        <v>0</v>
      </c>
      <c r="W30" s="99">
        <v>0</v>
      </c>
      <c r="X30" s="101">
        <v>0</v>
      </c>
      <c r="Y30" s="102">
        <v>1</v>
      </c>
      <c r="Z30" s="98">
        <v>3</v>
      </c>
      <c r="AA30" s="99">
        <v>4</v>
      </c>
      <c r="AB30" s="100">
        <v>0</v>
      </c>
      <c r="AC30" s="98">
        <v>25</v>
      </c>
      <c r="AD30" s="98">
        <v>28</v>
      </c>
      <c r="AE30" s="98">
        <v>17</v>
      </c>
      <c r="AF30" s="98">
        <v>20</v>
      </c>
      <c r="AG30" s="98">
        <v>8</v>
      </c>
      <c r="AH30" s="99">
        <v>98</v>
      </c>
      <c r="AI30" s="101">
        <v>102</v>
      </c>
    </row>
    <row r="31" spans="2:35" ht="19.8" customHeight="1" x14ac:dyDescent="0.2">
      <c r="B31" s="18" t="s">
        <v>30</v>
      </c>
      <c r="C31" s="97">
        <v>1</v>
      </c>
      <c r="D31" s="98">
        <v>0</v>
      </c>
      <c r="E31" s="99">
        <v>1</v>
      </c>
      <c r="F31" s="100">
        <v>0</v>
      </c>
      <c r="G31" s="98">
        <v>36</v>
      </c>
      <c r="H31" s="98">
        <v>18</v>
      </c>
      <c r="I31" s="98">
        <v>18</v>
      </c>
      <c r="J31" s="98">
        <v>8</v>
      </c>
      <c r="K31" s="98">
        <v>3</v>
      </c>
      <c r="L31" s="99">
        <v>83</v>
      </c>
      <c r="M31" s="101">
        <v>84</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7</v>
      </c>
      <c r="AD31" s="98">
        <v>18</v>
      </c>
      <c r="AE31" s="98">
        <v>18</v>
      </c>
      <c r="AF31" s="98">
        <v>8</v>
      </c>
      <c r="AG31" s="98">
        <v>3</v>
      </c>
      <c r="AH31" s="99">
        <v>84</v>
      </c>
      <c r="AI31" s="101">
        <v>85</v>
      </c>
    </row>
    <row r="32" spans="2:35" ht="19.8" customHeight="1" x14ac:dyDescent="0.2">
      <c r="B32" s="18" t="s">
        <v>31</v>
      </c>
      <c r="C32" s="97">
        <v>0</v>
      </c>
      <c r="D32" s="98">
        <v>2</v>
      </c>
      <c r="E32" s="99">
        <v>2</v>
      </c>
      <c r="F32" s="100">
        <v>0</v>
      </c>
      <c r="G32" s="98">
        <v>50</v>
      </c>
      <c r="H32" s="98">
        <v>41</v>
      </c>
      <c r="I32" s="98">
        <v>26</v>
      </c>
      <c r="J32" s="98">
        <v>12</v>
      </c>
      <c r="K32" s="98">
        <v>6</v>
      </c>
      <c r="L32" s="99">
        <v>135</v>
      </c>
      <c r="M32" s="101">
        <v>137</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0</v>
      </c>
      <c r="AD32" s="98">
        <v>41</v>
      </c>
      <c r="AE32" s="98">
        <v>26</v>
      </c>
      <c r="AF32" s="98">
        <v>12</v>
      </c>
      <c r="AG32" s="98">
        <v>6</v>
      </c>
      <c r="AH32" s="99">
        <v>135</v>
      </c>
      <c r="AI32" s="101">
        <v>137</v>
      </c>
    </row>
    <row r="33" spans="2:35" ht="19.8" customHeight="1" x14ac:dyDescent="0.2">
      <c r="B33" s="18" t="s">
        <v>32</v>
      </c>
      <c r="C33" s="97">
        <v>0</v>
      </c>
      <c r="D33" s="98">
        <v>0</v>
      </c>
      <c r="E33" s="99">
        <v>0</v>
      </c>
      <c r="F33" s="100">
        <v>0</v>
      </c>
      <c r="G33" s="98">
        <v>47</v>
      </c>
      <c r="H33" s="98">
        <v>34</v>
      </c>
      <c r="I33" s="98">
        <v>36</v>
      </c>
      <c r="J33" s="98">
        <v>26</v>
      </c>
      <c r="K33" s="98">
        <v>10</v>
      </c>
      <c r="L33" s="99">
        <v>153</v>
      </c>
      <c r="M33" s="101">
        <v>153</v>
      </c>
      <c r="N33" s="102">
        <v>0</v>
      </c>
      <c r="O33" s="98">
        <v>0</v>
      </c>
      <c r="P33" s="99">
        <v>0</v>
      </c>
      <c r="Q33" s="100">
        <v>0</v>
      </c>
      <c r="R33" s="98">
        <v>1</v>
      </c>
      <c r="S33" s="98">
        <v>2</v>
      </c>
      <c r="T33" s="98">
        <v>0</v>
      </c>
      <c r="U33" s="98">
        <v>1</v>
      </c>
      <c r="V33" s="98">
        <v>0</v>
      </c>
      <c r="W33" s="99">
        <v>4</v>
      </c>
      <c r="X33" s="101">
        <v>4</v>
      </c>
      <c r="Y33" s="102">
        <v>0</v>
      </c>
      <c r="Z33" s="98">
        <v>0</v>
      </c>
      <c r="AA33" s="99">
        <v>0</v>
      </c>
      <c r="AB33" s="100">
        <v>0</v>
      </c>
      <c r="AC33" s="98">
        <v>48</v>
      </c>
      <c r="AD33" s="98">
        <v>36</v>
      </c>
      <c r="AE33" s="98">
        <v>36</v>
      </c>
      <c r="AF33" s="98">
        <v>27</v>
      </c>
      <c r="AG33" s="98">
        <v>10</v>
      </c>
      <c r="AH33" s="99">
        <v>157</v>
      </c>
      <c r="AI33" s="101">
        <v>157</v>
      </c>
    </row>
    <row r="34" spans="2:35" ht="19.8" customHeight="1" x14ac:dyDescent="0.2">
      <c r="B34" s="18" t="s">
        <v>33</v>
      </c>
      <c r="C34" s="97">
        <v>0</v>
      </c>
      <c r="D34" s="98">
        <v>2</v>
      </c>
      <c r="E34" s="99">
        <v>2</v>
      </c>
      <c r="F34" s="100">
        <v>0</v>
      </c>
      <c r="G34" s="98">
        <v>30</v>
      </c>
      <c r="H34" s="98">
        <v>17</v>
      </c>
      <c r="I34" s="98">
        <v>20</v>
      </c>
      <c r="J34" s="98">
        <v>6</v>
      </c>
      <c r="K34" s="98">
        <v>7</v>
      </c>
      <c r="L34" s="99">
        <v>80</v>
      </c>
      <c r="M34" s="101">
        <v>82</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0</v>
      </c>
      <c r="AD34" s="98">
        <v>17</v>
      </c>
      <c r="AE34" s="98">
        <v>20</v>
      </c>
      <c r="AF34" s="98">
        <v>6</v>
      </c>
      <c r="AG34" s="98">
        <v>7</v>
      </c>
      <c r="AH34" s="99">
        <v>80</v>
      </c>
      <c r="AI34" s="101">
        <v>82</v>
      </c>
    </row>
    <row r="35" spans="2:35" ht="19.8" customHeight="1" x14ac:dyDescent="0.2">
      <c r="B35" s="18" t="s">
        <v>34</v>
      </c>
      <c r="C35" s="97">
        <v>1</v>
      </c>
      <c r="D35" s="98">
        <v>2</v>
      </c>
      <c r="E35" s="99">
        <v>3</v>
      </c>
      <c r="F35" s="100">
        <v>0</v>
      </c>
      <c r="G35" s="98">
        <v>32</v>
      </c>
      <c r="H35" s="98">
        <v>26</v>
      </c>
      <c r="I35" s="98">
        <v>14</v>
      </c>
      <c r="J35" s="98">
        <v>9</v>
      </c>
      <c r="K35" s="98">
        <v>4</v>
      </c>
      <c r="L35" s="99">
        <v>85</v>
      </c>
      <c r="M35" s="101">
        <v>88</v>
      </c>
      <c r="N35" s="102">
        <v>0</v>
      </c>
      <c r="O35" s="98">
        <v>0</v>
      </c>
      <c r="P35" s="99">
        <v>0</v>
      </c>
      <c r="Q35" s="100">
        <v>0</v>
      </c>
      <c r="R35" s="98">
        <v>0</v>
      </c>
      <c r="S35" s="98">
        <v>1</v>
      </c>
      <c r="T35" s="98">
        <v>1</v>
      </c>
      <c r="U35" s="98">
        <v>1</v>
      </c>
      <c r="V35" s="98">
        <v>0</v>
      </c>
      <c r="W35" s="99">
        <v>3</v>
      </c>
      <c r="X35" s="101">
        <v>3</v>
      </c>
      <c r="Y35" s="102">
        <v>1</v>
      </c>
      <c r="Z35" s="98">
        <v>2</v>
      </c>
      <c r="AA35" s="99">
        <v>3</v>
      </c>
      <c r="AB35" s="100">
        <v>0</v>
      </c>
      <c r="AC35" s="98">
        <v>32</v>
      </c>
      <c r="AD35" s="98">
        <v>27</v>
      </c>
      <c r="AE35" s="98">
        <v>15</v>
      </c>
      <c r="AF35" s="98">
        <v>10</v>
      </c>
      <c r="AG35" s="98">
        <v>4</v>
      </c>
      <c r="AH35" s="99">
        <v>88</v>
      </c>
      <c r="AI35" s="101">
        <v>91</v>
      </c>
    </row>
    <row r="36" spans="2:35" ht="19.8" customHeight="1" x14ac:dyDescent="0.2">
      <c r="B36" s="18" t="s">
        <v>35</v>
      </c>
      <c r="C36" s="97">
        <v>2</v>
      </c>
      <c r="D36" s="98">
        <v>4</v>
      </c>
      <c r="E36" s="99">
        <v>6</v>
      </c>
      <c r="F36" s="100">
        <v>0</v>
      </c>
      <c r="G36" s="98">
        <v>36</v>
      </c>
      <c r="H36" s="98">
        <v>42</v>
      </c>
      <c r="I36" s="98">
        <v>34</v>
      </c>
      <c r="J36" s="98">
        <v>25</v>
      </c>
      <c r="K36" s="98">
        <v>9</v>
      </c>
      <c r="L36" s="99">
        <v>146</v>
      </c>
      <c r="M36" s="101">
        <v>152</v>
      </c>
      <c r="N36" s="102">
        <v>0</v>
      </c>
      <c r="O36" s="98">
        <v>0</v>
      </c>
      <c r="P36" s="99">
        <v>0</v>
      </c>
      <c r="Q36" s="100">
        <v>0</v>
      </c>
      <c r="R36" s="98">
        <v>0</v>
      </c>
      <c r="S36" s="98">
        <v>0</v>
      </c>
      <c r="T36" s="98">
        <v>0</v>
      </c>
      <c r="U36" s="98">
        <v>0</v>
      </c>
      <c r="V36" s="98">
        <v>0</v>
      </c>
      <c r="W36" s="99">
        <v>0</v>
      </c>
      <c r="X36" s="101">
        <v>0</v>
      </c>
      <c r="Y36" s="102">
        <v>2</v>
      </c>
      <c r="Z36" s="98">
        <v>4</v>
      </c>
      <c r="AA36" s="99">
        <v>6</v>
      </c>
      <c r="AB36" s="100">
        <v>0</v>
      </c>
      <c r="AC36" s="98">
        <v>36</v>
      </c>
      <c r="AD36" s="98">
        <v>42</v>
      </c>
      <c r="AE36" s="98">
        <v>34</v>
      </c>
      <c r="AF36" s="98">
        <v>25</v>
      </c>
      <c r="AG36" s="98">
        <v>9</v>
      </c>
      <c r="AH36" s="99">
        <v>146</v>
      </c>
      <c r="AI36" s="101">
        <v>152</v>
      </c>
    </row>
    <row r="37" spans="2:35" ht="19.8" customHeight="1" x14ac:dyDescent="0.2">
      <c r="B37" s="18" t="s">
        <v>36</v>
      </c>
      <c r="C37" s="97">
        <v>0</v>
      </c>
      <c r="D37" s="98">
        <v>1</v>
      </c>
      <c r="E37" s="99">
        <v>1</v>
      </c>
      <c r="F37" s="100">
        <v>0</v>
      </c>
      <c r="G37" s="98">
        <v>71</v>
      </c>
      <c r="H37" s="98">
        <v>60</v>
      </c>
      <c r="I37" s="98">
        <v>52</v>
      </c>
      <c r="J37" s="98">
        <v>22</v>
      </c>
      <c r="K37" s="98">
        <v>11</v>
      </c>
      <c r="L37" s="99">
        <v>216</v>
      </c>
      <c r="M37" s="101">
        <v>217</v>
      </c>
      <c r="N37" s="102">
        <v>0</v>
      </c>
      <c r="O37" s="98">
        <v>0</v>
      </c>
      <c r="P37" s="99">
        <v>0</v>
      </c>
      <c r="Q37" s="100">
        <v>0</v>
      </c>
      <c r="R37" s="98">
        <v>0</v>
      </c>
      <c r="S37" s="98">
        <v>2</v>
      </c>
      <c r="T37" s="98">
        <v>1</v>
      </c>
      <c r="U37" s="98">
        <v>0</v>
      </c>
      <c r="V37" s="98">
        <v>0</v>
      </c>
      <c r="W37" s="99">
        <v>3</v>
      </c>
      <c r="X37" s="101">
        <v>3</v>
      </c>
      <c r="Y37" s="102">
        <v>0</v>
      </c>
      <c r="Z37" s="98">
        <v>1</v>
      </c>
      <c r="AA37" s="99">
        <v>1</v>
      </c>
      <c r="AB37" s="100">
        <v>0</v>
      </c>
      <c r="AC37" s="98">
        <v>71</v>
      </c>
      <c r="AD37" s="98">
        <v>62</v>
      </c>
      <c r="AE37" s="98">
        <v>53</v>
      </c>
      <c r="AF37" s="98">
        <v>22</v>
      </c>
      <c r="AG37" s="98">
        <v>11</v>
      </c>
      <c r="AH37" s="99">
        <v>219</v>
      </c>
      <c r="AI37" s="101">
        <v>220</v>
      </c>
    </row>
    <row r="38" spans="2:35" ht="19.8" customHeight="1" thickBot="1" x14ac:dyDescent="0.25">
      <c r="B38" s="19" t="s">
        <v>37</v>
      </c>
      <c r="C38" s="103">
        <v>0</v>
      </c>
      <c r="D38" s="104">
        <v>0</v>
      </c>
      <c r="E38" s="105">
        <v>0</v>
      </c>
      <c r="F38" s="106">
        <v>0</v>
      </c>
      <c r="G38" s="104">
        <v>20</v>
      </c>
      <c r="H38" s="104">
        <v>9</v>
      </c>
      <c r="I38" s="104">
        <v>11</v>
      </c>
      <c r="J38" s="104">
        <v>0</v>
      </c>
      <c r="K38" s="104">
        <v>3</v>
      </c>
      <c r="L38" s="105">
        <v>43</v>
      </c>
      <c r="M38" s="107">
        <v>43</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20</v>
      </c>
      <c r="AD38" s="104">
        <v>9</v>
      </c>
      <c r="AE38" s="104">
        <v>11</v>
      </c>
      <c r="AF38" s="104">
        <v>0</v>
      </c>
      <c r="AG38" s="104">
        <v>3</v>
      </c>
      <c r="AH38" s="105">
        <v>43</v>
      </c>
      <c r="AI38" s="107">
        <v>43</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8.44140625" style="256" customWidth="1"/>
    <col min="8" max="8" width="8.7773437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6640625" style="256" customWidth="1"/>
    <col min="51" max="60" width="9" style="256"/>
    <col min="61" max="61" width="7.21875" style="256" customWidth="1"/>
    <col min="62" max="71" width="9" style="256"/>
    <col min="72" max="72" width="7.21875" style="256" customWidth="1"/>
    <col min="73" max="82" width="9" style="256"/>
    <col min="83" max="83" width="7.33203125" style="256" customWidth="1"/>
    <col min="84" max="93" width="9" style="256"/>
    <col min="94" max="94" width="7.44140625" style="256" customWidth="1"/>
    <col min="95" max="16384" width="9" style="256"/>
  </cols>
  <sheetData>
    <row r="1" spans="1:101" ht="24" customHeight="1" x14ac:dyDescent="0.2">
      <c r="B1" s="291" t="s">
        <v>124</v>
      </c>
      <c r="I1" s="528">
        <f>第１表!F2</f>
        <v>4</v>
      </c>
      <c r="J1" s="528"/>
      <c r="K1" s="248">
        <f>第１表!G2</f>
        <v>8</v>
      </c>
      <c r="L1" s="529">
        <f>IF(K1&lt;3,K1+12-2,K1-2)</f>
        <v>6</v>
      </c>
      <c r="M1" s="529"/>
    </row>
    <row r="2" spans="1:101" s="292" customFormat="1" ht="24" customHeight="1" thickBot="1" x14ac:dyDescent="0.25">
      <c r="A2" s="44"/>
      <c r="B2" s="291" t="s">
        <v>133</v>
      </c>
    </row>
    <row r="3" spans="1:101" ht="23.25" customHeight="1" thickBot="1" x14ac:dyDescent="0.25">
      <c r="B3" s="542"/>
      <c r="C3" s="533" t="s">
        <v>114</v>
      </c>
      <c r="D3" s="534"/>
      <c r="E3" s="534"/>
      <c r="F3" s="534"/>
      <c r="G3" s="534"/>
      <c r="H3" s="534"/>
      <c r="I3" s="534"/>
      <c r="J3" s="534"/>
      <c r="K3" s="534"/>
      <c r="L3" s="534"/>
      <c r="M3" s="535"/>
      <c r="N3" s="533" t="s">
        <v>115</v>
      </c>
      <c r="O3" s="534"/>
      <c r="P3" s="534"/>
      <c r="Q3" s="534"/>
      <c r="R3" s="534"/>
      <c r="S3" s="534"/>
      <c r="T3" s="534"/>
      <c r="U3" s="534"/>
      <c r="V3" s="534"/>
      <c r="W3" s="534"/>
      <c r="X3" s="535"/>
      <c r="Y3" s="533" t="s">
        <v>142</v>
      </c>
      <c r="Z3" s="534"/>
      <c r="AA3" s="534"/>
      <c r="AB3" s="534"/>
      <c r="AC3" s="534"/>
      <c r="AD3" s="534"/>
      <c r="AE3" s="534"/>
      <c r="AF3" s="534"/>
      <c r="AG3" s="534"/>
      <c r="AH3" s="534"/>
      <c r="AI3" s="535"/>
      <c r="AJ3" s="533" t="s">
        <v>90</v>
      </c>
      <c r="AK3" s="534"/>
      <c r="AL3" s="534"/>
      <c r="AM3" s="534"/>
      <c r="AN3" s="534"/>
      <c r="AO3" s="534"/>
      <c r="AP3" s="534"/>
      <c r="AQ3" s="534"/>
      <c r="AR3" s="534"/>
      <c r="AS3" s="534"/>
      <c r="AT3" s="535"/>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64" t="s">
        <v>61</v>
      </c>
      <c r="AV4" s="562"/>
      <c r="AW4" s="563"/>
      <c r="AX4" s="561" t="s">
        <v>62</v>
      </c>
      <c r="AY4" s="562"/>
      <c r="AZ4" s="562"/>
      <c r="BA4" s="562"/>
      <c r="BB4" s="562"/>
      <c r="BC4" s="562"/>
      <c r="BD4" s="563"/>
      <c r="BE4" s="559" t="s">
        <v>52</v>
      </c>
      <c r="BF4" s="564" t="s">
        <v>61</v>
      </c>
      <c r="BG4" s="562"/>
      <c r="BH4" s="563"/>
      <c r="BI4" s="561" t="s">
        <v>62</v>
      </c>
      <c r="BJ4" s="562"/>
      <c r="BK4" s="562"/>
      <c r="BL4" s="562"/>
      <c r="BM4" s="562"/>
      <c r="BN4" s="562"/>
      <c r="BO4" s="563"/>
      <c r="BP4" s="559" t="s">
        <v>52</v>
      </c>
      <c r="BQ4" s="564" t="s">
        <v>61</v>
      </c>
      <c r="BR4" s="562"/>
      <c r="BS4" s="563"/>
      <c r="BT4" s="561" t="s">
        <v>62</v>
      </c>
      <c r="BU4" s="562"/>
      <c r="BV4" s="562"/>
      <c r="BW4" s="562"/>
      <c r="BX4" s="562"/>
      <c r="BY4" s="562"/>
      <c r="BZ4" s="563"/>
      <c r="CA4" s="559" t="s">
        <v>52</v>
      </c>
      <c r="CB4" s="564" t="s">
        <v>61</v>
      </c>
      <c r="CC4" s="562"/>
      <c r="CD4" s="563"/>
      <c r="CE4" s="561" t="s">
        <v>62</v>
      </c>
      <c r="CF4" s="562"/>
      <c r="CG4" s="562"/>
      <c r="CH4" s="562"/>
      <c r="CI4" s="562"/>
      <c r="CJ4" s="562"/>
      <c r="CK4" s="563"/>
      <c r="CL4" s="559" t="s">
        <v>52</v>
      </c>
      <c r="CM4" s="564" t="s">
        <v>61</v>
      </c>
      <c r="CN4" s="562"/>
      <c r="CO4" s="563"/>
      <c r="CP4" s="561" t="s">
        <v>62</v>
      </c>
      <c r="CQ4" s="562"/>
      <c r="CR4" s="562"/>
      <c r="CS4" s="562"/>
      <c r="CT4" s="562"/>
      <c r="CU4" s="562"/>
      <c r="CV4" s="563"/>
      <c r="CW4" s="559" t="s">
        <v>52</v>
      </c>
    </row>
    <row r="5" spans="1:101" ht="34.5" customHeight="1" thickBot="1" x14ac:dyDescent="0.25">
      <c r="B5" s="544"/>
      <c r="C5" s="264" t="s">
        <v>43</v>
      </c>
      <c r="D5" s="266" t="s">
        <v>44</v>
      </c>
      <c r="E5" s="267" t="s">
        <v>45</v>
      </c>
      <c r="F5" s="268" t="s">
        <v>83</v>
      </c>
      <c r="G5" s="260" t="s">
        <v>47</v>
      </c>
      <c r="H5" s="260" t="s">
        <v>48</v>
      </c>
      <c r="I5" s="260" t="s">
        <v>49</v>
      </c>
      <c r="J5" s="260" t="s">
        <v>50</v>
      </c>
      <c r="K5" s="260" t="s">
        <v>51</v>
      </c>
      <c r="L5" s="269" t="s">
        <v>45</v>
      </c>
      <c r="M5" s="540"/>
      <c r="N5" s="264" t="s">
        <v>43</v>
      </c>
      <c r="O5" s="260" t="s">
        <v>44</v>
      </c>
      <c r="P5" s="266" t="s">
        <v>45</v>
      </c>
      <c r="Q5" s="268" t="s">
        <v>83</v>
      </c>
      <c r="R5" s="260" t="s">
        <v>47</v>
      </c>
      <c r="S5" s="260" t="s">
        <v>48</v>
      </c>
      <c r="T5" s="260" t="s">
        <v>49</v>
      </c>
      <c r="U5" s="260" t="s">
        <v>50</v>
      </c>
      <c r="V5" s="260" t="s">
        <v>51</v>
      </c>
      <c r="W5" s="266" t="s">
        <v>45</v>
      </c>
      <c r="X5" s="540"/>
      <c r="Y5" s="264" t="s">
        <v>43</v>
      </c>
      <c r="Z5" s="260" t="s">
        <v>44</v>
      </c>
      <c r="AA5" s="266" t="s">
        <v>45</v>
      </c>
      <c r="AB5" s="268" t="s">
        <v>83</v>
      </c>
      <c r="AC5" s="260" t="s">
        <v>47</v>
      </c>
      <c r="AD5" s="260" t="s">
        <v>48</v>
      </c>
      <c r="AE5" s="260" t="s">
        <v>49</v>
      </c>
      <c r="AF5" s="260" t="s">
        <v>50</v>
      </c>
      <c r="AG5" s="260" t="s">
        <v>51</v>
      </c>
      <c r="AH5" s="266" t="s">
        <v>45</v>
      </c>
      <c r="AI5" s="540"/>
      <c r="AJ5" s="341" t="s">
        <v>43</v>
      </c>
      <c r="AK5" s="260" t="s">
        <v>44</v>
      </c>
      <c r="AL5" s="266" t="s">
        <v>45</v>
      </c>
      <c r="AM5" s="268" t="s">
        <v>83</v>
      </c>
      <c r="AN5" s="260" t="s">
        <v>47</v>
      </c>
      <c r="AO5" s="260" t="s">
        <v>48</v>
      </c>
      <c r="AP5" s="260" t="s">
        <v>49</v>
      </c>
      <c r="AQ5" s="260" t="s">
        <v>50</v>
      </c>
      <c r="AR5" s="260" t="s">
        <v>51</v>
      </c>
      <c r="AS5" s="266" t="s">
        <v>45</v>
      </c>
      <c r="AT5" s="540"/>
      <c r="AU5" s="341" t="s">
        <v>43</v>
      </c>
      <c r="AV5" s="260" t="s">
        <v>44</v>
      </c>
      <c r="AW5" s="266" t="s">
        <v>45</v>
      </c>
      <c r="AX5" s="268" t="s">
        <v>83</v>
      </c>
      <c r="AY5" s="260" t="s">
        <v>47</v>
      </c>
      <c r="AZ5" s="260" t="s">
        <v>48</v>
      </c>
      <c r="BA5" s="260" t="s">
        <v>49</v>
      </c>
      <c r="BB5" s="260" t="s">
        <v>50</v>
      </c>
      <c r="BC5" s="260" t="s">
        <v>51</v>
      </c>
      <c r="BD5" s="266" t="s">
        <v>45</v>
      </c>
      <c r="BE5" s="560"/>
      <c r="BF5" s="341" t="s">
        <v>43</v>
      </c>
      <c r="BG5" s="260" t="s">
        <v>44</v>
      </c>
      <c r="BH5" s="266" t="s">
        <v>45</v>
      </c>
      <c r="BI5" s="268" t="s">
        <v>83</v>
      </c>
      <c r="BJ5" s="260" t="s">
        <v>47</v>
      </c>
      <c r="BK5" s="260" t="s">
        <v>48</v>
      </c>
      <c r="BL5" s="260" t="s">
        <v>49</v>
      </c>
      <c r="BM5" s="260" t="s">
        <v>50</v>
      </c>
      <c r="BN5" s="260" t="s">
        <v>51</v>
      </c>
      <c r="BO5" s="266" t="s">
        <v>45</v>
      </c>
      <c r="BP5" s="560"/>
      <c r="BQ5" s="341" t="s">
        <v>43</v>
      </c>
      <c r="BR5" s="260" t="s">
        <v>44</v>
      </c>
      <c r="BS5" s="266" t="s">
        <v>45</v>
      </c>
      <c r="BT5" s="268" t="s">
        <v>83</v>
      </c>
      <c r="BU5" s="260" t="s">
        <v>47</v>
      </c>
      <c r="BV5" s="260" t="s">
        <v>48</v>
      </c>
      <c r="BW5" s="260" t="s">
        <v>49</v>
      </c>
      <c r="BX5" s="260" t="s">
        <v>50</v>
      </c>
      <c r="BY5" s="260" t="s">
        <v>51</v>
      </c>
      <c r="BZ5" s="266" t="s">
        <v>45</v>
      </c>
      <c r="CA5" s="560"/>
      <c r="CB5" s="341" t="s">
        <v>43</v>
      </c>
      <c r="CC5" s="260" t="s">
        <v>44</v>
      </c>
      <c r="CD5" s="266" t="s">
        <v>45</v>
      </c>
      <c r="CE5" s="268" t="s">
        <v>83</v>
      </c>
      <c r="CF5" s="260" t="s">
        <v>47</v>
      </c>
      <c r="CG5" s="260" t="s">
        <v>48</v>
      </c>
      <c r="CH5" s="260" t="s">
        <v>49</v>
      </c>
      <c r="CI5" s="260" t="s">
        <v>50</v>
      </c>
      <c r="CJ5" s="260" t="s">
        <v>51</v>
      </c>
      <c r="CK5" s="266" t="s">
        <v>45</v>
      </c>
      <c r="CL5" s="560"/>
      <c r="CM5" s="341" t="s">
        <v>43</v>
      </c>
      <c r="CN5" s="260" t="s">
        <v>44</v>
      </c>
      <c r="CO5" s="266" t="s">
        <v>45</v>
      </c>
      <c r="CP5" s="268" t="s">
        <v>83</v>
      </c>
      <c r="CQ5" s="260" t="s">
        <v>47</v>
      </c>
      <c r="CR5" s="260" t="s">
        <v>48</v>
      </c>
      <c r="CS5" s="260" t="s">
        <v>49</v>
      </c>
      <c r="CT5" s="260" t="s">
        <v>50</v>
      </c>
      <c r="CU5" s="260" t="s">
        <v>51</v>
      </c>
      <c r="CV5" s="266" t="s">
        <v>45</v>
      </c>
      <c r="CW5" s="560"/>
    </row>
    <row r="6" spans="1:101" ht="19.8" customHeight="1" x14ac:dyDescent="0.2">
      <c r="B6" s="261" t="s">
        <v>4</v>
      </c>
      <c r="C6" s="270">
        <v>0</v>
      </c>
      <c r="D6" s="271">
        <v>0</v>
      </c>
      <c r="E6" s="272">
        <v>0</v>
      </c>
      <c r="F6" s="273">
        <v>0</v>
      </c>
      <c r="G6" s="274">
        <v>328</v>
      </c>
      <c r="H6" s="274">
        <v>379</v>
      </c>
      <c r="I6" s="274">
        <v>333</v>
      </c>
      <c r="J6" s="274">
        <v>393</v>
      </c>
      <c r="K6" s="274">
        <v>332</v>
      </c>
      <c r="L6" s="275">
        <v>1765</v>
      </c>
      <c r="M6" s="276">
        <v>1765</v>
      </c>
      <c r="N6" s="270">
        <v>0</v>
      </c>
      <c r="O6" s="274">
        <v>0</v>
      </c>
      <c r="P6" s="271">
        <v>0</v>
      </c>
      <c r="Q6" s="273">
        <v>0</v>
      </c>
      <c r="R6" s="274">
        <v>196</v>
      </c>
      <c r="S6" s="274">
        <v>579</v>
      </c>
      <c r="T6" s="274">
        <v>498</v>
      </c>
      <c r="U6" s="274">
        <v>475</v>
      </c>
      <c r="V6" s="274">
        <v>396</v>
      </c>
      <c r="W6" s="271">
        <v>2144</v>
      </c>
      <c r="X6" s="276">
        <v>2144</v>
      </c>
      <c r="Y6" s="270">
        <v>0</v>
      </c>
      <c r="Z6" s="274">
        <v>0</v>
      </c>
      <c r="AA6" s="271">
        <v>0</v>
      </c>
      <c r="AB6" s="273">
        <v>0</v>
      </c>
      <c r="AC6" s="274">
        <v>13346</v>
      </c>
      <c r="AD6" s="274">
        <v>12025</v>
      </c>
      <c r="AE6" s="274">
        <v>5836</v>
      </c>
      <c r="AF6" s="274">
        <v>3030</v>
      </c>
      <c r="AG6" s="274">
        <v>1397</v>
      </c>
      <c r="AH6" s="271">
        <v>35634</v>
      </c>
      <c r="AI6" s="276">
        <v>35634</v>
      </c>
      <c r="AJ6" s="270">
        <v>10</v>
      </c>
      <c r="AK6" s="274">
        <v>7</v>
      </c>
      <c r="AL6" s="271">
        <v>17</v>
      </c>
      <c r="AM6" s="273">
        <v>0</v>
      </c>
      <c r="AN6" s="274">
        <v>835</v>
      </c>
      <c r="AO6" s="274">
        <v>940</v>
      </c>
      <c r="AP6" s="274">
        <v>1070</v>
      </c>
      <c r="AQ6" s="274">
        <v>568</v>
      </c>
      <c r="AR6" s="274">
        <v>470</v>
      </c>
      <c r="AS6" s="271">
        <v>3883</v>
      </c>
      <c r="AT6" s="276">
        <v>3900</v>
      </c>
      <c r="AU6" s="270">
        <v>183</v>
      </c>
      <c r="AV6" s="274">
        <v>275</v>
      </c>
      <c r="AW6" s="271">
        <v>458</v>
      </c>
      <c r="AX6" s="273">
        <v>0</v>
      </c>
      <c r="AY6" s="274">
        <v>1435</v>
      </c>
      <c r="AZ6" s="274">
        <v>1585</v>
      </c>
      <c r="BA6" s="274">
        <v>1316</v>
      </c>
      <c r="BB6" s="274">
        <v>985</v>
      </c>
      <c r="BC6" s="274">
        <v>494</v>
      </c>
      <c r="BD6" s="271">
        <v>5815</v>
      </c>
      <c r="BE6" s="276">
        <v>6273</v>
      </c>
      <c r="BF6" s="270">
        <v>0</v>
      </c>
      <c r="BG6" s="274">
        <v>40</v>
      </c>
      <c r="BH6" s="271">
        <v>40</v>
      </c>
      <c r="BI6" s="273">
        <v>0</v>
      </c>
      <c r="BJ6" s="274">
        <v>2662</v>
      </c>
      <c r="BK6" s="274">
        <v>3231</v>
      </c>
      <c r="BL6" s="274">
        <v>3408</v>
      </c>
      <c r="BM6" s="274">
        <v>2265</v>
      </c>
      <c r="BN6" s="274">
        <v>1534</v>
      </c>
      <c r="BO6" s="275">
        <v>13100</v>
      </c>
      <c r="BP6" s="276">
        <v>13140</v>
      </c>
      <c r="BQ6" s="270">
        <v>0</v>
      </c>
      <c r="BR6" s="274">
        <v>0</v>
      </c>
      <c r="BS6" s="271">
        <v>0</v>
      </c>
      <c r="BT6" s="273">
        <v>0</v>
      </c>
      <c r="BU6" s="274">
        <v>34</v>
      </c>
      <c r="BV6" s="274">
        <v>54</v>
      </c>
      <c r="BW6" s="274">
        <v>61</v>
      </c>
      <c r="BX6" s="274">
        <v>71</v>
      </c>
      <c r="BY6" s="274">
        <v>53</v>
      </c>
      <c r="BZ6" s="271">
        <v>273</v>
      </c>
      <c r="CA6" s="276">
        <v>273</v>
      </c>
      <c r="CB6" s="270">
        <v>0</v>
      </c>
      <c r="CC6" s="274">
        <v>0</v>
      </c>
      <c r="CD6" s="271">
        <v>0</v>
      </c>
      <c r="CE6" s="273">
        <v>0</v>
      </c>
      <c r="CF6" s="274">
        <v>13</v>
      </c>
      <c r="CG6" s="274">
        <v>32</v>
      </c>
      <c r="CH6" s="274">
        <v>253</v>
      </c>
      <c r="CI6" s="274">
        <v>332</v>
      </c>
      <c r="CJ6" s="274">
        <v>204</v>
      </c>
      <c r="CK6" s="271">
        <v>834</v>
      </c>
      <c r="CL6" s="276">
        <v>834</v>
      </c>
      <c r="CM6" s="270">
        <v>0</v>
      </c>
      <c r="CN6" s="274">
        <v>0</v>
      </c>
      <c r="CO6" s="271">
        <v>0</v>
      </c>
      <c r="CP6" s="273">
        <v>0</v>
      </c>
      <c r="CQ6" s="274">
        <v>194</v>
      </c>
      <c r="CR6" s="274">
        <v>275</v>
      </c>
      <c r="CS6" s="274">
        <v>280</v>
      </c>
      <c r="CT6" s="274">
        <v>337</v>
      </c>
      <c r="CU6" s="274">
        <v>417</v>
      </c>
      <c r="CV6" s="271">
        <v>1503</v>
      </c>
      <c r="CW6" s="276">
        <v>1503</v>
      </c>
    </row>
    <row r="7" spans="1:101" ht="19.8" customHeight="1" x14ac:dyDescent="0.2">
      <c r="B7" s="262" t="s">
        <v>5</v>
      </c>
      <c r="C7" s="277">
        <v>0</v>
      </c>
      <c r="D7" s="278">
        <v>0</v>
      </c>
      <c r="E7" s="279">
        <v>0</v>
      </c>
      <c r="F7" s="280">
        <v>0</v>
      </c>
      <c r="G7" s="281">
        <v>136</v>
      </c>
      <c r="H7" s="281">
        <v>194</v>
      </c>
      <c r="I7" s="281">
        <v>180</v>
      </c>
      <c r="J7" s="281">
        <v>184</v>
      </c>
      <c r="K7" s="281">
        <v>165</v>
      </c>
      <c r="L7" s="282">
        <v>859</v>
      </c>
      <c r="M7" s="283">
        <v>859</v>
      </c>
      <c r="N7" s="277">
        <v>0</v>
      </c>
      <c r="O7" s="281">
        <v>0</v>
      </c>
      <c r="P7" s="278">
        <v>0</v>
      </c>
      <c r="Q7" s="280">
        <v>0</v>
      </c>
      <c r="R7" s="281">
        <v>107</v>
      </c>
      <c r="S7" s="281">
        <v>448</v>
      </c>
      <c r="T7" s="281">
        <v>357</v>
      </c>
      <c r="U7" s="281">
        <v>339</v>
      </c>
      <c r="V7" s="281">
        <v>303</v>
      </c>
      <c r="W7" s="278">
        <v>1554</v>
      </c>
      <c r="X7" s="283">
        <v>1554</v>
      </c>
      <c r="Y7" s="277">
        <v>0</v>
      </c>
      <c r="Z7" s="281">
        <v>0</v>
      </c>
      <c r="AA7" s="278">
        <v>0</v>
      </c>
      <c r="AB7" s="280">
        <v>0</v>
      </c>
      <c r="AC7" s="281">
        <v>4563</v>
      </c>
      <c r="AD7" s="281">
        <v>5670</v>
      </c>
      <c r="AE7" s="281">
        <v>2651</v>
      </c>
      <c r="AF7" s="281">
        <v>1346</v>
      </c>
      <c r="AG7" s="281">
        <v>630</v>
      </c>
      <c r="AH7" s="278">
        <v>14860</v>
      </c>
      <c r="AI7" s="283">
        <v>14860</v>
      </c>
      <c r="AJ7" s="277">
        <v>3</v>
      </c>
      <c r="AK7" s="281">
        <v>1</v>
      </c>
      <c r="AL7" s="278">
        <v>4</v>
      </c>
      <c r="AM7" s="280">
        <v>0</v>
      </c>
      <c r="AN7" s="281">
        <v>384</v>
      </c>
      <c r="AO7" s="281">
        <v>472</v>
      </c>
      <c r="AP7" s="281">
        <v>545</v>
      </c>
      <c r="AQ7" s="281">
        <v>321</v>
      </c>
      <c r="AR7" s="281">
        <v>282</v>
      </c>
      <c r="AS7" s="278">
        <v>2004</v>
      </c>
      <c r="AT7" s="283">
        <v>2008</v>
      </c>
      <c r="AU7" s="277">
        <v>80</v>
      </c>
      <c r="AV7" s="281">
        <v>111</v>
      </c>
      <c r="AW7" s="278">
        <v>191</v>
      </c>
      <c r="AX7" s="280">
        <v>0</v>
      </c>
      <c r="AY7" s="281">
        <v>507</v>
      </c>
      <c r="AZ7" s="281">
        <v>662</v>
      </c>
      <c r="BA7" s="281">
        <v>557</v>
      </c>
      <c r="BB7" s="281">
        <v>432</v>
      </c>
      <c r="BC7" s="281">
        <v>238</v>
      </c>
      <c r="BD7" s="278">
        <v>2396</v>
      </c>
      <c r="BE7" s="283">
        <v>2587</v>
      </c>
      <c r="BF7" s="277">
        <v>0</v>
      </c>
      <c r="BG7" s="281">
        <v>11</v>
      </c>
      <c r="BH7" s="278">
        <v>11</v>
      </c>
      <c r="BI7" s="280">
        <v>0</v>
      </c>
      <c r="BJ7" s="281">
        <v>1163</v>
      </c>
      <c r="BK7" s="281">
        <v>1457</v>
      </c>
      <c r="BL7" s="281">
        <v>1420</v>
      </c>
      <c r="BM7" s="281">
        <v>946</v>
      </c>
      <c r="BN7" s="281">
        <v>678</v>
      </c>
      <c r="BO7" s="282">
        <v>5664</v>
      </c>
      <c r="BP7" s="283">
        <v>5675</v>
      </c>
      <c r="BQ7" s="277">
        <v>0</v>
      </c>
      <c r="BR7" s="281">
        <v>0</v>
      </c>
      <c r="BS7" s="278">
        <v>0</v>
      </c>
      <c r="BT7" s="280">
        <v>0</v>
      </c>
      <c r="BU7" s="281">
        <v>1</v>
      </c>
      <c r="BV7" s="281">
        <v>1</v>
      </c>
      <c r="BW7" s="281">
        <v>3</v>
      </c>
      <c r="BX7" s="281">
        <v>2</v>
      </c>
      <c r="BY7" s="281">
        <v>5</v>
      </c>
      <c r="BZ7" s="278">
        <v>12</v>
      </c>
      <c r="CA7" s="283">
        <v>12</v>
      </c>
      <c r="CB7" s="277">
        <v>0</v>
      </c>
      <c r="CC7" s="281">
        <v>0</v>
      </c>
      <c r="CD7" s="278">
        <v>0</v>
      </c>
      <c r="CE7" s="280">
        <v>0</v>
      </c>
      <c r="CF7" s="281">
        <v>5</v>
      </c>
      <c r="CG7" s="281">
        <v>9</v>
      </c>
      <c r="CH7" s="281">
        <v>34</v>
      </c>
      <c r="CI7" s="281">
        <v>38</v>
      </c>
      <c r="CJ7" s="281">
        <v>24</v>
      </c>
      <c r="CK7" s="278">
        <v>110</v>
      </c>
      <c r="CL7" s="283">
        <v>110</v>
      </c>
      <c r="CM7" s="277">
        <v>0</v>
      </c>
      <c r="CN7" s="281">
        <v>0</v>
      </c>
      <c r="CO7" s="278">
        <v>0</v>
      </c>
      <c r="CP7" s="280">
        <v>0</v>
      </c>
      <c r="CQ7" s="281">
        <v>33</v>
      </c>
      <c r="CR7" s="281">
        <v>63</v>
      </c>
      <c r="CS7" s="281">
        <v>72</v>
      </c>
      <c r="CT7" s="281">
        <v>99</v>
      </c>
      <c r="CU7" s="281">
        <v>171</v>
      </c>
      <c r="CV7" s="278">
        <v>438</v>
      </c>
      <c r="CW7" s="283">
        <v>438</v>
      </c>
    </row>
    <row r="8" spans="1:101" ht="19.8" customHeight="1" x14ac:dyDescent="0.2">
      <c r="B8" s="262" t="s">
        <v>6</v>
      </c>
      <c r="C8" s="277">
        <v>0</v>
      </c>
      <c r="D8" s="278">
        <v>0</v>
      </c>
      <c r="E8" s="279">
        <v>0</v>
      </c>
      <c r="F8" s="280">
        <v>0</v>
      </c>
      <c r="G8" s="281">
        <v>78</v>
      </c>
      <c r="H8" s="281">
        <v>77</v>
      </c>
      <c r="I8" s="281">
        <v>68</v>
      </c>
      <c r="J8" s="281">
        <v>105</v>
      </c>
      <c r="K8" s="281">
        <v>99</v>
      </c>
      <c r="L8" s="282">
        <v>427</v>
      </c>
      <c r="M8" s="283">
        <v>427</v>
      </c>
      <c r="N8" s="277">
        <v>0</v>
      </c>
      <c r="O8" s="281">
        <v>0</v>
      </c>
      <c r="P8" s="278">
        <v>0</v>
      </c>
      <c r="Q8" s="280">
        <v>0</v>
      </c>
      <c r="R8" s="281">
        <v>66</v>
      </c>
      <c r="S8" s="281">
        <v>98</v>
      </c>
      <c r="T8" s="281">
        <v>109</v>
      </c>
      <c r="U8" s="281">
        <v>106</v>
      </c>
      <c r="V8" s="281">
        <v>77</v>
      </c>
      <c r="W8" s="278">
        <v>456</v>
      </c>
      <c r="X8" s="283">
        <v>456</v>
      </c>
      <c r="Y8" s="277">
        <v>0</v>
      </c>
      <c r="Z8" s="281">
        <v>0</v>
      </c>
      <c r="AA8" s="278">
        <v>0</v>
      </c>
      <c r="AB8" s="280">
        <v>0</v>
      </c>
      <c r="AC8" s="281">
        <v>1997</v>
      </c>
      <c r="AD8" s="281">
        <v>1292</v>
      </c>
      <c r="AE8" s="281">
        <v>731</v>
      </c>
      <c r="AF8" s="281">
        <v>446</v>
      </c>
      <c r="AG8" s="281">
        <v>221</v>
      </c>
      <c r="AH8" s="278">
        <v>4687</v>
      </c>
      <c r="AI8" s="283">
        <v>4687</v>
      </c>
      <c r="AJ8" s="277">
        <v>3</v>
      </c>
      <c r="AK8" s="281">
        <v>1</v>
      </c>
      <c r="AL8" s="278">
        <v>4</v>
      </c>
      <c r="AM8" s="280">
        <v>0</v>
      </c>
      <c r="AN8" s="281">
        <v>190</v>
      </c>
      <c r="AO8" s="281">
        <v>196</v>
      </c>
      <c r="AP8" s="281">
        <v>226</v>
      </c>
      <c r="AQ8" s="281">
        <v>137</v>
      </c>
      <c r="AR8" s="281">
        <v>79</v>
      </c>
      <c r="AS8" s="278">
        <v>828</v>
      </c>
      <c r="AT8" s="283">
        <v>832</v>
      </c>
      <c r="AU8" s="277">
        <v>22</v>
      </c>
      <c r="AV8" s="281">
        <v>37</v>
      </c>
      <c r="AW8" s="278">
        <v>59</v>
      </c>
      <c r="AX8" s="280">
        <v>0</v>
      </c>
      <c r="AY8" s="281">
        <v>228</v>
      </c>
      <c r="AZ8" s="281">
        <v>244</v>
      </c>
      <c r="BA8" s="281">
        <v>181</v>
      </c>
      <c r="BB8" s="281">
        <v>135</v>
      </c>
      <c r="BC8" s="281">
        <v>69</v>
      </c>
      <c r="BD8" s="278">
        <v>857</v>
      </c>
      <c r="BE8" s="283">
        <v>916</v>
      </c>
      <c r="BF8" s="277">
        <v>0</v>
      </c>
      <c r="BG8" s="281">
        <v>7</v>
      </c>
      <c r="BH8" s="278">
        <v>7</v>
      </c>
      <c r="BI8" s="280">
        <v>0</v>
      </c>
      <c r="BJ8" s="281">
        <v>486</v>
      </c>
      <c r="BK8" s="281">
        <v>545</v>
      </c>
      <c r="BL8" s="281">
        <v>567</v>
      </c>
      <c r="BM8" s="281">
        <v>378</v>
      </c>
      <c r="BN8" s="281">
        <v>246</v>
      </c>
      <c r="BO8" s="282">
        <v>2222</v>
      </c>
      <c r="BP8" s="283">
        <v>2229</v>
      </c>
      <c r="BQ8" s="277">
        <v>0</v>
      </c>
      <c r="BR8" s="281">
        <v>0</v>
      </c>
      <c r="BS8" s="278">
        <v>0</v>
      </c>
      <c r="BT8" s="280">
        <v>0</v>
      </c>
      <c r="BU8" s="281">
        <v>0</v>
      </c>
      <c r="BV8" s="281">
        <v>0</v>
      </c>
      <c r="BW8" s="281">
        <v>0</v>
      </c>
      <c r="BX8" s="281">
        <v>0</v>
      </c>
      <c r="BY8" s="281">
        <v>0</v>
      </c>
      <c r="BZ8" s="278">
        <v>0</v>
      </c>
      <c r="CA8" s="283">
        <v>0</v>
      </c>
      <c r="CB8" s="277">
        <v>0</v>
      </c>
      <c r="CC8" s="281">
        <v>0</v>
      </c>
      <c r="CD8" s="278">
        <v>0</v>
      </c>
      <c r="CE8" s="280">
        <v>0</v>
      </c>
      <c r="CF8" s="281">
        <v>4</v>
      </c>
      <c r="CG8" s="281">
        <v>7</v>
      </c>
      <c r="CH8" s="281">
        <v>70</v>
      </c>
      <c r="CI8" s="281">
        <v>95</v>
      </c>
      <c r="CJ8" s="281">
        <v>67</v>
      </c>
      <c r="CK8" s="278">
        <v>243</v>
      </c>
      <c r="CL8" s="283">
        <v>243</v>
      </c>
      <c r="CM8" s="277">
        <v>0</v>
      </c>
      <c r="CN8" s="281">
        <v>0</v>
      </c>
      <c r="CO8" s="278">
        <v>0</v>
      </c>
      <c r="CP8" s="280">
        <v>0</v>
      </c>
      <c r="CQ8" s="281">
        <v>56</v>
      </c>
      <c r="CR8" s="281">
        <v>84</v>
      </c>
      <c r="CS8" s="281">
        <v>72</v>
      </c>
      <c r="CT8" s="281">
        <v>93</v>
      </c>
      <c r="CU8" s="281">
        <v>84</v>
      </c>
      <c r="CV8" s="278">
        <v>389</v>
      </c>
      <c r="CW8" s="283">
        <v>389</v>
      </c>
    </row>
    <row r="9" spans="1:101" ht="19.8" customHeight="1" x14ac:dyDescent="0.2">
      <c r="B9" s="262" t="s">
        <v>14</v>
      </c>
      <c r="C9" s="277">
        <v>0</v>
      </c>
      <c r="D9" s="278">
        <v>0</v>
      </c>
      <c r="E9" s="279">
        <v>0</v>
      </c>
      <c r="F9" s="280">
        <v>0</v>
      </c>
      <c r="G9" s="281">
        <v>18</v>
      </c>
      <c r="H9" s="281">
        <v>13</v>
      </c>
      <c r="I9" s="281">
        <v>20</v>
      </c>
      <c r="J9" s="281">
        <v>18</v>
      </c>
      <c r="K9" s="281">
        <v>13</v>
      </c>
      <c r="L9" s="282">
        <v>82</v>
      </c>
      <c r="M9" s="283">
        <v>82</v>
      </c>
      <c r="N9" s="277">
        <v>0</v>
      </c>
      <c r="O9" s="281">
        <v>0</v>
      </c>
      <c r="P9" s="278">
        <v>0</v>
      </c>
      <c r="Q9" s="280">
        <v>0</v>
      </c>
      <c r="R9" s="281">
        <v>2</v>
      </c>
      <c r="S9" s="281">
        <v>2</v>
      </c>
      <c r="T9" s="281">
        <v>3</v>
      </c>
      <c r="U9" s="281">
        <v>3</v>
      </c>
      <c r="V9" s="281">
        <v>2</v>
      </c>
      <c r="W9" s="278">
        <v>12</v>
      </c>
      <c r="X9" s="283">
        <v>12</v>
      </c>
      <c r="Y9" s="277">
        <v>0</v>
      </c>
      <c r="Z9" s="281">
        <v>0</v>
      </c>
      <c r="AA9" s="278">
        <v>0</v>
      </c>
      <c r="AB9" s="280">
        <v>0</v>
      </c>
      <c r="AC9" s="281">
        <v>1052</v>
      </c>
      <c r="AD9" s="281">
        <v>1080</v>
      </c>
      <c r="AE9" s="281">
        <v>530</v>
      </c>
      <c r="AF9" s="281">
        <v>279</v>
      </c>
      <c r="AG9" s="281">
        <v>115</v>
      </c>
      <c r="AH9" s="278">
        <v>3056</v>
      </c>
      <c r="AI9" s="283">
        <v>3056</v>
      </c>
      <c r="AJ9" s="277">
        <v>1</v>
      </c>
      <c r="AK9" s="281">
        <v>0</v>
      </c>
      <c r="AL9" s="278">
        <v>1</v>
      </c>
      <c r="AM9" s="280">
        <v>0</v>
      </c>
      <c r="AN9" s="281">
        <v>21</v>
      </c>
      <c r="AO9" s="281">
        <v>22</v>
      </c>
      <c r="AP9" s="281">
        <v>31</v>
      </c>
      <c r="AQ9" s="281">
        <v>14</v>
      </c>
      <c r="AR9" s="281">
        <v>22</v>
      </c>
      <c r="AS9" s="278">
        <v>110</v>
      </c>
      <c r="AT9" s="283">
        <v>111</v>
      </c>
      <c r="AU9" s="277">
        <v>15</v>
      </c>
      <c r="AV9" s="281">
        <v>25</v>
      </c>
      <c r="AW9" s="278">
        <v>40</v>
      </c>
      <c r="AX9" s="280">
        <v>0</v>
      </c>
      <c r="AY9" s="281">
        <v>120</v>
      </c>
      <c r="AZ9" s="281">
        <v>129</v>
      </c>
      <c r="BA9" s="281">
        <v>110</v>
      </c>
      <c r="BB9" s="281">
        <v>75</v>
      </c>
      <c r="BC9" s="281">
        <v>24</v>
      </c>
      <c r="BD9" s="278">
        <v>458</v>
      </c>
      <c r="BE9" s="283">
        <v>498</v>
      </c>
      <c r="BF9" s="277">
        <v>0</v>
      </c>
      <c r="BG9" s="281">
        <v>2</v>
      </c>
      <c r="BH9" s="278">
        <v>2</v>
      </c>
      <c r="BI9" s="280">
        <v>0</v>
      </c>
      <c r="BJ9" s="281">
        <v>250</v>
      </c>
      <c r="BK9" s="281">
        <v>289</v>
      </c>
      <c r="BL9" s="281">
        <v>333</v>
      </c>
      <c r="BM9" s="281">
        <v>213</v>
      </c>
      <c r="BN9" s="281">
        <v>145</v>
      </c>
      <c r="BO9" s="282">
        <v>1230</v>
      </c>
      <c r="BP9" s="283">
        <v>1232</v>
      </c>
      <c r="BQ9" s="277">
        <v>0</v>
      </c>
      <c r="BR9" s="281">
        <v>0</v>
      </c>
      <c r="BS9" s="278">
        <v>0</v>
      </c>
      <c r="BT9" s="280">
        <v>0</v>
      </c>
      <c r="BU9" s="281">
        <v>0</v>
      </c>
      <c r="BV9" s="281">
        <v>0</v>
      </c>
      <c r="BW9" s="281">
        <v>0</v>
      </c>
      <c r="BX9" s="281">
        <v>0</v>
      </c>
      <c r="BY9" s="281">
        <v>0</v>
      </c>
      <c r="BZ9" s="278">
        <v>0</v>
      </c>
      <c r="CA9" s="283">
        <v>0</v>
      </c>
      <c r="CB9" s="277">
        <v>0</v>
      </c>
      <c r="CC9" s="281">
        <v>0</v>
      </c>
      <c r="CD9" s="278">
        <v>0</v>
      </c>
      <c r="CE9" s="280">
        <v>0</v>
      </c>
      <c r="CF9" s="281">
        <v>0</v>
      </c>
      <c r="CG9" s="281">
        <v>2</v>
      </c>
      <c r="CH9" s="281">
        <v>17</v>
      </c>
      <c r="CI9" s="281">
        <v>33</v>
      </c>
      <c r="CJ9" s="281">
        <v>7</v>
      </c>
      <c r="CK9" s="278">
        <v>59</v>
      </c>
      <c r="CL9" s="283">
        <v>59</v>
      </c>
      <c r="CM9" s="277">
        <v>0</v>
      </c>
      <c r="CN9" s="281">
        <v>0</v>
      </c>
      <c r="CO9" s="278">
        <v>0</v>
      </c>
      <c r="CP9" s="280">
        <v>0</v>
      </c>
      <c r="CQ9" s="281">
        <v>9</v>
      </c>
      <c r="CR9" s="281">
        <v>14</v>
      </c>
      <c r="CS9" s="281">
        <v>12</v>
      </c>
      <c r="CT9" s="281">
        <v>15</v>
      </c>
      <c r="CU9" s="281">
        <v>14</v>
      </c>
      <c r="CV9" s="278">
        <v>64</v>
      </c>
      <c r="CW9" s="283">
        <v>64</v>
      </c>
    </row>
    <row r="10" spans="1:101" ht="19.8" customHeight="1" x14ac:dyDescent="0.2">
      <c r="B10" s="262" t="s">
        <v>7</v>
      </c>
      <c r="C10" s="277">
        <v>0</v>
      </c>
      <c r="D10" s="278">
        <v>0</v>
      </c>
      <c r="E10" s="279">
        <v>0</v>
      </c>
      <c r="F10" s="280">
        <v>0</v>
      </c>
      <c r="G10" s="281">
        <v>3</v>
      </c>
      <c r="H10" s="281">
        <v>9</v>
      </c>
      <c r="I10" s="281">
        <v>7</v>
      </c>
      <c r="J10" s="281">
        <v>8</v>
      </c>
      <c r="K10" s="281">
        <v>6</v>
      </c>
      <c r="L10" s="282">
        <v>33</v>
      </c>
      <c r="M10" s="283">
        <v>33</v>
      </c>
      <c r="N10" s="277">
        <v>0</v>
      </c>
      <c r="O10" s="281">
        <v>0</v>
      </c>
      <c r="P10" s="278">
        <v>0</v>
      </c>
      <c r="Q10" s="280">
        <v>0</v>
      </c>
      <c r="R10" s="281">
        <v>0</v>
      </c>
      <c r="S10" s="281">
        <v>0</v>
      </c>
      <c r="T10" s="281">
        <v>0</v>
      </c>
      <c r="U10" s="281">
        <v>0</v>
      </c>
      <c r="V10" s="281">
        <v>0</v>
      </c>
      <c r="W10" s="278">
        <v>0</v>
      </c>
      <c r="X10" s="283">
        <v>0</v>
      </c>
      <c r="Y10" s="277">
        <v>0</v>
      </c>
      <c r="Z10" s="281">
        <v>0</v>
      </c>
      <c r="AA10" s="278">
        <v>0</v>
      </c>
      <c r="AB10" s="280">
        <v>0</v>
      </c>
      <c r="AC10" s="281">
        <v>1060</v>
      </c>
      <c r="AD10" s="281">
        <v>640</v>
      </c>
      <c r="AE10" s="281">
        <v>293</v>
      </c>
      <c r="AF10" s="281">
        <v>143</v>
      </c>
      <c r="AG10" s="281">
        <v>63</v>
      </c>
      <c r="AH10" s="278">
        <v>2199</v>
      </c>
      <c r="AI10" s="283">
        <v>2199</v>
      </c>
      <c r="AJ10" s="277">
        <v>0</v>
      </c>
      <c r="AK10" s="281">
        <v>0</v>
      </c>
      <c r="AL10" s="278">
        <v>0</v>
      </c>
      <c r="AM10" s="280">
        <v>0</v>
      </c>
      <c r="AN10" s="281">
        <v>90</v>
      </c>
      <c r="AO10" s="281">
        <v>102</v>
      </c>
      <c r="AP10" s="281">
        <v>103</v>
      </c>
      <c r="AQ10" s="281">
        <v>32</v>
      </c>
      <c r="AR10" s="281">
        <v>17</v>
      </c>
      <c r="AS10" s="278">
        <v>344</v>
      </c>
      <c r="AT10" s="283">
        <v>344</v>
      </c>
      <c r="AU10" s="277">
        <v>8</v>
      </c>
      <c r="AV10" s="281">
        <v>11</v>
      </c>
      <c r="AW10" s="278">
        <v>19</v>
      </c>
      <c r="AX10" s="280">
        <v>0</v>
      </c>
      <c r="AY10" s="281">
        <v>61</v>
      </c>
      <c r="AZ10" s="281">
        <v>44</v>
      </c>
      <c r="BA10" s="281">
        <v>33</v>
      </c>
      <c r="BB10" s="281">
        <v>20</v>
      </c>
      <c r="BC10" s="281">
        <v>4</v>
      </c>
      <c r="BD10" s="278">
        <v>162</v>
      </c>
      <c r="BE10" s="283">
        <v>181</v>
      </c>
      <c r="BF10" s="277">
        <v>0</v>
      </c>
      <c r="BG10" s="281">
        <v>0</v>
      </c>
      <c r="BH10" s="278">
        <v>0</v>
      </c>
      <c r="BI10" s="280">
        <v>0</v>
      </c>
      <c r="BJ10" s="281">
        <v>118</v>
      </c>
      <c r="BK10" s="281">
        <v>144</v>
      </c>
      <c r="BL10" s="281">
        <v>187</v>
      </c>
      <c r="BM10" s="281">
        <v>133</v>
      </c>
      <c r="BN10" s="281">
        <v>73</v>
      </c>
      <c r="BO10" s="282">
        <v>655</v>
      </c>
      <c r="BP10" s="283">
        <v>655</v>
      </c>
      <c r="BQ10" s="277">
        <v>0</v>
      </c>
      <c r="BR10" s="281">
        <v>0</v>
      </c>
      <c r="BS10" s="278">
        <v>0</v>
      </c>
      <c r="BT10" s="280">
        <v>0</v>
      </c>
      <c r="BU10" s="281">
        <v>0</v>
      </c>
      <c r="BV10" s="281">
        <v>0</v>
      </c>
      <c r="BW10" s="281">
        <v>0</v>
      </c>
      <c r="BX10" s="281">
        <v>0</v>
      </c>
      <c r="BY10" s="281">
        <v>0</v>
      </c>
      <c r="BZ10" s="278">
        <v>0</v>
      </c>
      <c r="CA10" s="283">
        <v>0</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6</v>
      </c>
      <c r="CR10" s="281">
        <v>14</v>
      </c>
      <c r="CS10" s="281">
        <v>12</v>
      </c>
      <c r="CT10" s="281">
        <v>8</v>
      </c>
      <c r="CU10" s="281">
        <v>20</v>
      </c>
      <c r="CV10" s="278">
        <v>60</v>
      </c>
      <c r="CW10" s="283">
        <v>60</v>
      </c>
    </row>
    <row r="11" spans="1:101" ht="19.8" customHeight="1" x14ac:dyDescent="0.2">
      <c r="B11" s="262" t="s">
        <v>8</v>
      </c>
      <c r="C11" s="277">
        <v>0</v>
      </c>
      <c r="D11" s="278">
        <v>0</v>
      </c>
      <c r="E11" s="279">
        <v>0</v>
      </c>
      <c r="F11" s="280">
        <v>0</v>
      </c>
      <c r="G11" s="281">
        <v>3</v>
      </c>
      <c r="H11" s="281">
        <v>9</v>
      </c>
      <c r="I11" s="281">
        <v>4</v>
      </c>
      <c r="J11" s="281">
        <v>6</v>
      </c>
      <c r="K11" s="281">
        <v>2</v>
      </c>
      <c r="L11" s="282">
        <v>24</v>
      </c>
      <c r="M11" s="283">
        <v>24</v>
      </c>
      <c r="N11" s="277">
        <v>0</v>
      </c>
      <c r="O11" s="281">
        <v>0</v>
      </c>
      <c r="P11" s="278">
        <v>0</v>
      </c>
      <c r="Q11" s="280">
        <v>0</v>
      </c>
      <c r="R11" s="281">
        <v>0</v>
      </c>
      <c r="S11" s="281">
        <v>0</v>
      </c>
      <c r="T11" s="281">
        <v>0</v>
      </c>
      <c r="U11" s="281">
        <v>1</v>
      </c>
      <c r="V11" s="281">
        <v>0</v>
      </c>
      <c r="W11" s="278">
        <v>1</v>
      </c>
      <c r="X11" s="283">
        <v>1</v>
      </c>
      <c r="Y11" s="277">
        <v>0</v>
      </c>
      <c r="Z11" s="281">
        <v>0</v>
      </c>
      <c r="AA11" s="278">
        <v>0</v>
      </c>
      <c r="AB11" s="280">
        <v>0</v>
      </c>
      <c r="AC11" s="281">
        <v>606</v>
      </c>
      <c r="AD11" s="281">
        <v>509</v>
      </c>
      <c r="AE11" s="281">
        <v>232</v>
      </c>
      <c r="AF11" s="281">
        <v>97</v>
      </c>
      <c r="AG11" s="281">
        <v>62</v>
      </c>
      <c r="AH11" s="278">
        <v>1506</v>
      </c>
      <c r="AI11" s="283">
        <v>1506</v>
      </c>
      <c r="AJ11" s="277">
        <v>0</v>
      </c>
      <c r="AK11" s="281">
        <v>0</v>
      </c>
      <c r="AL11" s="278">
        <v>0</v>
      </c>
      <c r="AM11" s="280">
        <v>0</v>
      </c>
      <c r="AN11" s="281">
        <v>9</v>
      </c>
      <c r="AO11" s="281">
        <v>13</v>
      </c>
      <c r="AP11" s="281">
        <v>12</v>
      </c>
      <c r="AQ11" s="281">
        <v>5</v>
      </c>
      <c r="AR11" s="281">
        <v>5</v>
      </c>
      <c r="AS11" s="278">
        <v>44</v>
      </c>
      <c r="AT11" s="283">
        <v>44</v>
      </c>
      <c r="AU11" s="277">
        <v>7</v>
      </c>
      <c r="AV11" s="281">
        <v>11</v>
      </c>
      <c r="AW11" s="278">
        <v>18</v>
      </c>
      <c r="AX11" s="280">
        <v>0</v>
      </c>
      <c r="AY11" s="281">
        <v>84</v>
      </c>
      <c r="AZ11" s="281">
        <v>55</v>
      </c>
      <c r="BA11" s="281">
        <v>45</v>
      </c>
      <c r="BB11" s="281">
        <v>29</v>
      </c>
      <c r="BC11" s="281">
        <v>9</v>
      </c>
      <c r="BD11" s="278">
        <v>222</v>
      </c>
      <c r="BE11" s="283">
        <v>240</v>
      </c>
      <c r="BF11" s="277">
        <v>0</v>
      </c>
      <c r="BG11" s="281">
        <v>0</v>
      </c>
      <c r="BH11" s="278">
        <v>0</v>
      </c>
      <c r="BI11" s="280">
        <v>0</v>
      </c>
      <c r="BJ11" s="281">
        <v>62</v>
      </c>
      <c r="BK11" s="281">
        <v>75</v>
      </c>
      <c r="BL11" s="281">
        <v>76</v>
      </c>
      <c r="BM11" s="281">
        <v>62</v>
      </c>
      <c r="BN11" s="281">
        <v>38</v>
      </c>
      <c r="BO11" s="282">
        <v>313</v>
      </c>
      <c r="BP11" s="283">
        <v>313</v>
      </c>
      <c r="BQ11" s="277">
        <v>0</v>
      </c>
      <c r="BR11" s="281">
        <v>0</v>
      </c>
      <c r="BS11" s="278">
        <v>0</v>
      </c>
      <c r="BT11" s="280">
        <v>0</v>
      </c>
      <c r="BU11" s="281">
        <v>2</v>
      </c>
      <c r="BV11" s="281">
        <v>7</v>
      </c>
      <c r="BW11" s="281">
        <v>14</v>
      </c>
      <c r="BX11" s="281">
        <v>15</v>
      </c>
      <c r="BY11" s="281">
        <v>5</v>
      </c>
      <c r="BZ11" s="278">
        <v>43</v>
      </c>
      <c r="CA11" s="283">
        <v>43</v>
      </c>
      <c r="CB11" s="277">
        <v>0</v>
      </c>
      <c r="CC11" s="281">
        <v>0</v>
      </c>
      <c r="CD11" s="278">
        <v>0</v>
      </c>
      <c r="CE11" s="280">
        <v>0</v>
      </c>
      <c r="CF11" s="281">
        <v>0</v>
      </c>
      <c r="CG11" s="281">
        <v>2</v>
      </c>
      <c r="CH11" s="281">
        <v>17</v>
      </c>
      <c r="CI11" s="281">
        <v>16</v>
      </c>
      <c r="CJ11" s="281">
        <v>12</v>
      </c>
      <c r="CK11" s="278">
        <v>47</v>
      </c>
      <c r="CL11" s="283">
        <v>47</v>
      </c>
      <c r="CM11" s="277">
        <v>0</v>
      </c>
      <c r="CN11" s="281">
        <v>0</v>
      </c>
      <c r="CO11" s="278">
        <v>0</v>
      </c>
      <c r="CP11" s="280">
        <v>0</v>
      </c>
      <c r="CQ11" s="281">
        <v>14</v>
      </c>
      <c r="CR11" s="281">
        <v>13</v>
      </c>
      <c r="CS11" s="281">
        <v>13</v>
      </c>
      <c r="CT11" s="281">
        <v>10</v>
      </c>
      <c r="CU11" s="281">
        <v>6</v>
      </c>
      <c r="CV11" s="278">
        <v>56</v>
      </c>
      <c r="CW11" s="283">
        <v>56</v>
      </c>
    </row>
    <row r="12" spans="1:101" ht="19.8" customHeight="1" x14ac:dyDescent="0.2">
      <c r="B12" s="262" t="s">
        <v>9</v>
      </c>
      <c r="C12" s="277">
        <v>0</v>
      </c>
      <c r="D12" s="278">
        <v>0</v>
      </c>
      <c r="E12" s="279">
        <v>0</v>
      </c>
      <c r="F12" s="280">
        <v>0</v>
      </c>
      <c r="G12" s="281">
        <v>1</v>
      </c>
      <c r="H12" s="281">
        <v>6</v>
      </c>
      <c r="I12" s="281">
        <v>2</v>
      </c>
      <c r="J12" s="281">
        <v>9</v>
      </c>
      <c r="K12" s="281">
        <v>6</v>
      </c>
      <c r="L12" s="282">
        <v>24</v>
      </c>
      <c r="M12" s="283">
        <v>24</v>
      </c>
      <c r="N12" s="277">
        <v>0</v>
      </c>
      <c r="O12" s="281">
        <v>0</v>
      </c>
      <c r="P12" s="278">
        <v>0</v>
      </c>
      <c r="Q12" s="280">
        <v>0</v>
      </c>
      <c r="R12" s="281">
        <v>0</v>
      </c>
      <c r="S12" s="281">
        <v>0</v>
      </c>
      <c r="T12" s="281">
        <v>0</v>
      </c>
      <c r="U12" s="281">
        <v>0</v>
      </c>
      <c r="V12" s="281">
        <v>0</v>
      </c>
      <c r="W12" s="278">
        <v>0</v>
      </c>
      <c r="X12" s="283">
        <v>0</v>
      </c>
      <c r="Y12" s="277">
        <v>0</v>
      </c>
      <c r="Z12" s="281">
        <v>0</v>
      </c>
      <c r="AA12" s="278">
        <v>0</v>
      </c>
      <c r="AB12" s="280">
        <v>0</v>
      </c>
      <c r="AC12" s="281">
        <v>421</v>
      </c>
      <c r="AD12" s="281">
        <v>280</v>
      </c>
      <c r="AE12" s="281">
        <v>170</v>
      </c>
      <c r="AF12" s="281">
        <v>84</v>
      </c>
      <c r="AG12" s="281">
        <v>30</v>
      </c>
      <c r="AH12" s="278">
        <v>985</v>
      </c>
      <c r="AI12" s="283">
        <v>985</v>
      </c>
      <c r="AJ12" s="277">
        <v>0</v>
      </c>
      <c r="AK12" s="281">
        <v>0</v>
      </c>
      <c r="AL12" s="278">
        <v>0</v>
      </c>
      <c r="AM12" s="280">
        <v>0</v>
      </c>
      <c r="AN12" s="281">
        <v>10</v>
      </c>
      <c r="AO12" s="281">
        <v>7</v>
      </c>
      <c r="AP12" s="281">
        <v>8</v>
      </c>
      <c r="AQ12" s="281">
        <v>5</v>
      </c>
      <c r="AR12" s="281">
        <v>3</v>
      </c>
      <c r="AS12" s="278">
        <v>33</v>
      </c>
      <c r="AT12" s="283">
        <v>33</v>
      </c>
      <c r="AU12" s="277">
        <v>5</v>
      </c>
      <c r="AV12" s="281">
        <v>5</v>
      </c>
      <c r="AW12" s="278">
        <v>10</v>
      </c>
      <c r="AX12" s="280">
        <v>0</v>
      </c>
      <c r="AY12" s="281">
        <v>36</v>
      </c>
      <c r="AZ12" s="281">
        <v>39</v>
      </c>
      <c r="BA12" s="281">
        <v>22</v>
      </c>
      <c r="BB12" s="281">
        <v>22</v>
      </c>
      <c r="BC12" s="281">
        <v>6</v>
      </c>
      <c r="BD12" s="278">
        <v>125</v>
      </c>
      <c r="BE12" s="283">
        <v>135</v>
      </c>
      <c r="BF12" s="277">
        <v>0</v>
      </c>
      <c r="BG12" s="281">
        <v>1</v>
      </c>
      <c r="BH12" s="278">
        <v>1</v>
      </c>
      <c r="BI12" s="280">
        <v>0</v>
      </c>
      <c r="BJ12" s="281">
        <v>31</v>
      </c>
      <c r="BK12" s="281">
        <v>45</v>
      </c>
      <c r="BL12" s="281">
        <v>95</v>
      </c>
      <c r="BM12" s="281">
        <v>49</v>
      </c>
      <c r="BN12" s="281">
        <v>23</v>
      </c>
      <c r="BO12" s="282">
        <v>243</v>
      </c>
      <c r="BP12" s="283">
        <v>244</v>
      </c>
      <c r="BQ12" s="277">
        <v>0</v>
      </c>
      <c r="BR12" s="281">
        <v>0</v>
      </c>
      <c r="BS12" s="278">
        <v>0</v>
      </c>
      <c r="BT12" s="280">
        <v>0</v>
      </c>
      <c r="BU12" s="281">
        <v>4</v>
      </c>
      <c r="BV12" s="281">
        <v>7</v>
      </c>
      <c r="BW12" s="281">
        <v>4</v>
      </c>
      <c r="BX12" s="281">
        <v>6</v>
      </c>
      <c r="BY12" s="281">
        <v>4</v>
      </c>
      <c r="BZ12" s="278">
        <v>25</v>
      </c>
      <c r="CA12" s="283">
        <v>25</v>
      </c>
      <c r="CB12" s="277">
        <v>0</v>
      </c>
      <c r="CC12" s="281">
        <v>0</v>
      </c>
      <c r="CD12" s="278">
        <v>0</v>
      </c>
      <c r="CE12" s="280">
        <v>0</v>
      </c>
      <c r="CF12" s="281">
        <v>0</v>
      </c>
      <c r="CG12" s="281">
        <v>0</v>
      </c>
      <c r="CH12" s="281">
        <v>0</v>
      </c>
      <c r="CI12" s="281">
        <v>1</v>
      </c>
      <c r="CJ12" s="281">
        <v>0</v>
      </c>
      <c r="CK12" s="278">
        <v>1</v>
      </c>
      <c r="CL12" s="283">
        <v>1</v>
      </c>
      <c r="CM12" s="277">
        <v>0</v>
      </c>
      <c r="CN12" s="281">
        <v>0</v>
      </c>
      <c r="CO12" s="278">
        <v>0</v>
      </c>
      <c r="CP12" s="280">
        <v>0</v>
      </c>
      <c r="CQ12" s="281">
        <v>6</v>
      </c>
      <c r="CR12" s="281">
        <v>1</v>
      </c>
      <c r="CS12" s="281">
        <v>14</v>
      </c>
      <c r="CT12" s="281">
        <v>13</v>
      </c>
      <c r="CU12" s="281">
        <v>9</v>
      </c>
      <c r="CV12" s="278">
        <v>43</v>
      </c>
      <c r="CW12" s="283">
        <v>43</v>
      </c>
    </row>
    <row r="13" spans="1:101" ht="19.8" customHeight="1" x14ac:dyDescent="0.2">
      <c r="B13" s="262" t="s">
        <v>10</v>
      </c>
      <c r="C13" s="277">
        <v>0</v>
      </c>
      <c r="D13" s="278">
        <v>0</v>
      </c>
      <c r="E13" s="279">
        <v>0</v>
      </c>
      <c r="F13" s="280">
        <v>0</v>
      </c>
      <c r="G13" s="281">
        <v>27</v>
      </c>
      <c r="H13" s="281">
        <v>12</v>
      </c>
      <c r="I13" s="281">
        <v>11</v>
      </c>
      <c r="J13" s="281">
        <v>17</v>
      </c>
      <c r="K13" s="281">
        <v>13</v>
      </c>
      <c r="L13" s="282">
        <v>80</v>
      </c>
      <c r="M13" s="283">
        <v>80</v>
      </c>
      <c r="N13" s="277">
        <v>0</v>
      </c>
      <c r="O13" s="281">
        <v>0</v>
      </c>
      <c r="P13" s="278">
        <v>0</v>
      </c>
      <c r="Q13" s="280">
        <v>0</v>
      </c>
      <c r="R13" s="281">
        <v>11</v>
      </c>
      <c r="S13" s="281">
        <v>13</v>
      </c>
      <c r="T13" s="281">
        <v>13</v>
      </c>
      <c r="U13" s="281">
        <v>13</v>
      </c>
      <c r="V13" s="281">
        <v>9</v>
      </c>
      <c r="W13" s="278">
        <v>59</v>
      </c>
      <c r="X13" s="283">
        <v>59</v>
      </c>
      <c r="Y13" s="277">
        <v>0</v>
      </c>
      <c r="Z13" s="281">
        <v>0</v>
      </c>
      <c r="AA13" s="278">
        <v>0</v>
      </c>
      <c r="AB13" s="280">
        <v>0</v>
      </c>
      <c r="AC13" s="281">
        <v>581</v>
      </c>
      <c r="AD13" s="281">
        <v>274</v>
      </c>
      <c r="AE13" s="281">
        <v>128</v>
      </c>
      <c r="AF13" s="281">
        <v>55</v>
      </c>
      <c r="AG13" s="281">
        <v>33</v>
      </c>
      <c r="AH13" s="278">
        <v>1071</v>
      </c>
      <c r="AI13" s="283">
        <v>1071</v>
      </c>
      <c r="AJ13" s="277">
        <v>0</v>
      </c>
      <c r="AK13" s="281">
        <v>1</v>
      </c>
      <c r="AL13" s="278">
        <v>1</v>
      </c>
      <c r="AM13" s="280">
        <v>0</v>
      </c>
      <c r="AN13" s="281">
        <v>16</v>
      </c>
      <c r="AO13" s="281">
        <v>15</v>
      </c>
      <c r="AP13" s="281">
        <v>20</v>
      </c>
      <c r="AQ13" s="281">
        <v>8</v>
      </c>
      <c r="AR13" s="281">
        <v>10</v>
      </c>
      <c r="AS13" s="278">
        <v>69</v>
      </c>
      <c r="AT13" s="283">
        <v>70</v>
      </c>
      <c r="AU13" s="277">
        <v>11</v>
      </c>
      <c r="AV13" s="281">
        <v>23</v>
      </c>
      <c r="AW13" s="278">
        <v>34</v>
      </c>
      <c r="AX13" s="280">
        <v>0</v>
      </c>
      <c r="AY13" s="281">
        <v>89</v>
      </c>
      <c r="AZ13" s="281">
        <v>73</v>
      </c>
      <c r="BA13" s="281">
        <v>81</v>
      </c>
      <c r="BB13" s="281">
        <v>58</v>
      </c>
      <c r="BC13" s="281">
        <v>37</v>
      </c>
      <c r="BD13" s="278">
        <v>338</v>
      </c>
      <c r="BE13" s="283">
        <v>372</v>
      </c>
      <c r="BF13" s="277">
        <v>0</v>
      </c>
      <c r="BG13" s="281">
        <v>5</v>
      </c>
      <c r="BH13" s="278">
        <v>5</v>
      </c>
      <c r="BI13" s="280">
        <v>0</v>
      </c>
      <c r="BJ13" s="281">
        <v>116</v>
      </c>
      <c r="BK13" s="281">
        <v>131</v>
      </c>
      <c r="BL13" s="281">
        <v>89</v>
      </c>
      <c r="BM13" s="281">
        <v>81</v>
      </c>
      <c r="BN13" s="281">
        <v>86</v>
      </c>
      <c r="BO13" s="282">
        <v>503</v>
      </c>
      <c r="BP13" s="283">
        <v>508</v>
      </c>
      <c r="BQ13" s="277">
        <v>0</v>
      </c>
      <c r="BR13" s="281">
        <v>0</v>
      </c>
      <c r="BS13" s="278">
        <v>0</v>
      </c>
      <c r="BT13" s="280">
        <v>0</v>
      </c>
      <c r="BU13" s="281">
        <v>26</v>
      </c>
      <c r="BV13" s="281">
        <v>31</v>
      </c>
      <c r="BW13" s="281">
        <v>33</v>
      </c>
      <c r="BX13" s="281">
        <v>28</v>
      </c>
      <c r="BY13" s="281">
        <v>31</v>
      </c>
      <c r="BZ13" s="278">
        <v>149</v>
      </c>
      <c r="CA13" s="283">
        <v>149</v>
      </c>
      <c r="CB13" s="277">
        <v>0</v>
      </c>
      <c r="CC13" s="281">
        <v>0</v>
      </c>
      <c r="CD13" s="278">
        <v>0</v>
      </c>
      <c r="CE13" s="280">
        <v>0</v>
      </c>
      <c r="CF13" s="281">
        <v>0</v>
      </c>
      <c r="CG13" s="281">
        <v>0</v>
      </c>
      <c r="CH13" s="281">
        <v>5</v>
      </c>
      <c r="CI13" s="281">
        <v>19</v>
      </c>
      <c r="CJ13" s="281">
        <v>19</v>
      </c>
      <c r="CK13" s="278">
        <v>43</v>
      </c>
      <c r="CL13" s="283">
        <v>43</v>
      </c>
      <c r="CM13" s="277">
        <v>0</v>
      </c>
      <c r="CN13" s="281">
        <v>0</v>
      </c>
      <c r="CO13" s="278">
        <v>0</v>
      </c>
      <c r="CP13" s="280">
        <v>0</v>
      </c>
      <c r="CQ13" s="281">
        <v>25</v>
      </c>
      <c r="CR13" s="281">
        <v>34</v>
      </c>
      <c r="CS13" s="281">
        <v>34</v>
      </c>
      <c r="CT13" s="281">
        <v>30</v>
      </c>
      <c r="CU13" s="281">
        <v>34</v>
      </c>
      <c r="CV13" s="278">
        <v>157</v>
      </c>
      <c r="CW13" s="283">
        <v>157</v>
      </c>
    </row>
    <row r="14" spans="1:101" ht="19.8" customHeight="1" x14ac:dyDescent="0.2">
      <c r="B14" s="262" t="s">
        <v>11</v>
      </c>
      <c r="C14" s="277">
        <v>0</v>
      </c>
      <c r="D14" s="278">
        <v>0</v>
      </c>
      <c r="E14" s="279">
        <v>0</v>
      </c>
      <c r="F14" s="280">
        <v>0</v>
      </c>
      <c r="G14" s="281">
        <v>13</v>
      </c>
      <c r="H14" s="281">
        <v>6</v>
      </c>
      <c r="I14" s="281">
        <v>6</v>
      </c>
      <c r="J14" s="281">
        <v>6</v>
      </c>
      <c r="K14" s="281">
        <v>6</v>
      </c>
      <c r="L14" s="282">
        <v>37</v>
      </c>
      <c r="M14" s="283">
        <v>37</v>
      </c>
      <c r="N14" s="277">
        <v>0</v>
      </c>
      <c r="O14" s="281">
        <v>0</v>
      </c>
      <c r="P14" s="278">
        <v>0</v>
      </c>
      <c r="Q14" s="280">
        <v>0</v>
      </c>
      <c r="R14" s="281">
        <v>9</v>
      </c>
      <c r="S14" s="281">
        <v>12</v>
      </c>
      <c r="T14" s="281">
        <v>9</v>
      </c>
      <c r="U14" s="281">
        <v>10</v>
      </c>
      <c r="V14" s="281">
        <v>5</v>
      </c>
      <c r="W14" s="278">
        <v>45</v>
      </c>
      <c r="X14" s="283">
        <v>45</v>
      </c>
      <c r="Y14" s="277">
        <v>0</v>
      </c>
      <c r="Z14" s="281">
        <v>0</v>
      </c>
      <c r="AA14" s="278">
        <v>0</v>
      </c>
      <c r="AB14" s="280">
        <v>0</v>
      </c>
      <c r="AC14" s="281">
        <v>544</v>
      </c>
      <c r="AD14" s="281">
        <v>261</v>
      </c>
      <c r="AE14" s="281">
        <v>149</v>
      </c>
      <c r="AF14" s="281">
        <v>80</v>
      </c>
      <c r="AG14" s="281">
        <v>27</v>
      </c>
      <c r="AH14" s="278">
        <v>1061</v>
      </c>
      <c r="AI14" s="283">
        <v>1061</v>
      </c>
      <c r="AJ14" s="277">
        <v>0</v>
      </c>
      <c r="AK14" s="281">
        <v>1</v>
      </c>
      <c r="AL14" s="278">
        <v>1</v>
      </c>
      <c r="AM14" s="280">
        <v>0</v>
      </c>
      <c r="AN14" s="281">
        <v>20</v>
      </c>
      <c r="AO14" s="281">
        <v>15</v>
      </c>
      <c r="AP14" s="281">
        <v>10</v>
      </c>
      <c r="AQ14" s="281">
        <v>1</v>
      </c>
      <c r="AR14" s="281">
        <v>1</v>
      </c>
      <c r="AS14" s="278">
        <v>47</v>
      </c>
      <c r="AT14" s="283">
        <v>48</v>
      </c>
      <c r="AU14" s="277">
        <v>2</v>
      </c>
      <c r="AV14" s="281">
        <v>3</v>
      </c>
      <c r="AW14" s="278">
        <v>5</v>
      </c>
      <c r="AX14" s="280">
        <v>0</v>
      </c>
      <c r="AY14" s="281">
        <v>42</v>
      </c>
      <c r="AZ14" s="281">
        <v>46</v>
      </c>
      <c r="BA14" s="281">
        <v>32</v>
      </c>
      <c r="BB14" s="281">
        <v>21</v>
      </c>
      <c r="BC14" s="281">
        <v>6</v>
      </c>
      <c r="BD14" s="278">
        <v>147</v>
      </c>
      <c r="BE14" s="283">
        <v>152</v>
      </c>
      <c r="BF14" s="277">
        <v>0</v>
      </c>
      <c r="BG14" s="281">
        <v>6</v>
      </c>
      <c r="BH14" s="278">
        <v>6</v>
      </c>
      <c r="BI14" s="280">
        <v>0</v>
      </c>
      <c r="BJ14" s="281">
        <v>57</v>
      </c>
      <c r="BK14" s="281">
        <v>70</v>
      </c>
      <c r="BL14" s="281">
        <v>63</v>
      </c>
      <c r="BM14" s="281">
        <v>49</v>
      </c>
      <c r="BN14" s="281">
        <v>28</v>
      </c>
      <c r="BO14" s="282">
        <v>267</v>
      </c>
      <c r="BP14" s="283">
        <v>273</v>
      </c>
      <c r="BQ14" s="277">
        <v>0</v>
      </c>
      <c r="BR14" s="281">
        <v>0</v>
      </c>
      <c r="BS14" s="278">
        <v>0</v>
      </c>
      <c r="BT14" s="280">
        <v>0</v>
      </c>
      <c r="BU14" s="281">
        <v>0</v>
      </c>
      <c r="BV14" s="281">
        <v>0</v>
      </c>
      <c r="BW14" s="281">
        <v>0</v>
      </c>
      <c r="BX14" s="281">
        <v>0</v>
      </c>
      <c r="BY14" s="281">
        <v>0</v>
      </c>
      <c r="BZ14" s="278">
        <v>0</v>
      </c>
      <c r="CA14" s="283">
        <v>0</v>
      </c>
      <c r="CB14" s="277">
        <v>0</v>
      </c>
      <c r="CC14" s="281">
        <v>0</v>
      </c>
      <c r="CD14" s="278">
        <v>0</v>
      </c>
      <c r="CE14" s="280">
        <v>0</v>
      </c>
      <c r="CF14" s="281">
        <v>0</v>
      </c>
      <c r="CG14" s="281">
        <v>1</v>
      </c>
      <c r="CH14" s="281">
        <v>0</v>
      </c>
      <c r="CI14" s="281">
        <v>0</v>
      </c>
      <c r="CJ14" s="281">
        <v>0</v>
      </c>
      <c r="CK14" s="278">
        <v>1</v>
      </c>
      <c r="CL14" s="283">
        <v>1</v>
      </c>
      <c r="CM14" s="277">
        <v>0</v>
      </c>
      <c r="CN14" s="281">
        <v>0</v>
      </c>
      <c r="CO14" s="278">
        <v>0</v>
      </c>
      <c r="CP14" s="280">
        <v>0</v>
      </c>
      <c r="CQ14" s="281">
        <v>5</v>
      </c>
      <c r="CR14" s="281">
        <v>5</v>
      </c>
      <c r="CS14" s="281">
        <v>2</v>
      </c>
      <c r="CT14" s="281">
        <v>8</v>
      </c>
      <c r="CU14" s="281">
        <v>3</v>
      </c>
      <c r="CV14" s="278">
        <v>23</v>
      </c>
      <c r="CW14" s="283">
        <v>23</v>
      </c>
    </row>
    <row r="15" spans="1:101" ht="19.8" customHeight="1" x14ac:dyDescent="0.2">
      <c r="B15" s="262" t="s">
        <v>12</v>
      </c>
      <c r="C15" s="277">
        <v>0</v>
      </c>
      <c r="D15" s="278">
        <v>0</v>
      </c>
      <c r="E15" s="279">
        <v>0</v>
      </c>
      <c r="F15" s="280">
        <v>0</v>
      </c>
      <c r="G15" s="281">
        <v>9</v>
      </c>
      <c r="H15" s="281">
        <v>3</v>
      </c>
      <c r="I15" s="281">
        <v>5</v>
      </c>
      <c r="J15" s="281">
        <v>6</v>
      </c>
      <c r="K15" s="281">
        <v>3</v>
      </c>
      <c r="L15" s="282">
        <v>26</v>
      </c>
      <c r="M15" s="283">
        <v>26</v>
      </c>
      <c r="N15" s="277">
        <v>0</v>
      </c>
      <c r="O15" s="281">
        <v>0</v>
      </c>
      <c r="P15" s="278">
        <v>0</v>
      </c>
      <c r="Q15" s="280">
        <v>0</v>
      </c>
      <c r="R15" s="281">
        <v>0</v>
      </c>
      <c r="S15" s="281">
        <v>0</v>
      </c>
      <c r="T15" s="281">
        <v>0</v>
      </c>
      <c r="U15" s="281">
        <v>0</v>
      </c>
      <c r="V15" s="281">
        <v>0</v>
      </c>
      <c r="W15" s="278">
        <v>0</v>
      </c>
      <c r="X15" s="283">
        <v>0</v>
      </c>
      <c r="Y15" s="277">
        <v>0</v>
      </c>
      <c r="Z15" s="281">
        <v>0</v>
      </c>
      <c r="AA15" s="278">
        <v>0</v>
      </c>
      <c r="AB15" s="280">
        <v>0</v>
      </c>
      <c r="AC15" s="281">
        <v>402</v>
      </c>
      <c r="AD15" s="281">
        <v>234</v>
      </c>
      <c r="AE15" s="281">
        <v>161</v>
      </c>
      <c r="AF15" s="281">
        <v>90</v>
      </c>
      <c r="AG15" s="281">
        <v>37</v>
      </c>
      <c r="AH15" s="278">
        <v>924</v>
      </c>
      <c r="AI15" s="283">
        <v>924</v>
      </c>
      <c r="AJ15" s="277">
        <v>0</v>
      </c>
      <c r="AK15" s="281">
        <v>0</v>
      </c>
      <c r="AL15" s="278">
        <v>0</v>
      </c>
      <c r="AM15" s="280">
        <v>0</v>
      </c>
      <c r="AN15" s="281">
        <v>6</v>
      </c>
      <c r="AO15" s="281">
        <v>5</v>
      </c>
      <c r="AP15" s="281">
        <v>1</v>
      </c>
      <c r="AQ15" s="281">
        <v>0</v>
      </c>
      <c r="AR15" s="281">
        <v>1</v>
      </c>
      <c r="AS15" s="278">
        <v>13</v>
      </c>
      <c r="AT15" s="283">
        <v>13</v>
      </c>
      <c r="AU15" s="277">
        <v>0</v>
      </c>
      <c r="AV15" s="281">
        <v>0</v>
      </c>
      <c r="AW15" s="278">
        <v>0</v>
      </c>
      <c r="AX15" s="280">
        <v>0</v>
      </c>
      <c r="AY15" s="281">
        <v>23</v>
      </c>
      <c r="AZ15" s="281">
        <v>28</v>
      </c>
      <c r="BA15" s="281">
        <v>47</v>
      </c>
      <c r="BB15" s="281">
        <v>46</v>
      </c>
      <c r="BC15" s="281">
        <v>27</v>
      </c>
      <c r="BD15" s="278">
        <v>171</v>
      </c>
      <c r="BE15" s="283">
        <v>171</v>
      </c>
      <c r="BF15" s="277">
        <v>0</v>
      </c>
      <c r="BG15" s="281">
        <v>0</v>
      </c>
      <c r="BH15" s="278">
        <v>0</v>
      </c>
      <c r="BI15" s="280">
        <v>0</v>
      </c>
      <c r="BJ15" s="281">
        <v>45</v>
      </c>
      <c r="BK15" s="281">
        <v>44</v>
      </c>
      <c r="BL15" s="281">
        <v>48</v>
      </c>
      <c r="BM15" s="281">
        <v>37</v>
      </c>
      <c r="BN15" s="281">
        <v>29</v>
      </c>
      <c r="BO15" s="282">
        <v>203</v>
      </c>
      <c r="BP15" s="283">
        <v>203</v>
      </c>
      <c r="BQ15" s="277">
        <v>0</v>
      </c>
      <c r="BR15" s="281">
        <v>0</v>
      </c>
      <c r="BS15" s="278">
        <v>0</v>
      </c>
      <c r="BT15" s="280">
        <v>0</v>
      </c>
      <c r="BU15" s="281">
        <v>1</v>
      </c>
      <c r="BV15" s="281">
        <v>8</v>
      </c>
      <c r="BW15" s="281">
        <v>4</v>
      </c>
      <c r="BX15" s="281">
        <v>11</v>
      </c>
      <c r="BY15" s="281">
        <v>3</v>
      </c>
      <c r="BZ15" s="278">
        <v>27</v>
      </c>
      <c r="CA15" s="283">
        <v>27</v>
      </c>
      <c r="CB15" s="277">
        <v>0</v>
      </c>
      <c r="CC15" s="281">
        <v>0</v>
      </c>
      <c r="CD15" s="278">
        <v>0</v>
      </c>
      <c r="CE15" s="280">
        <v>0</v>
      </c>
      <c r="CF15" s="281">
        <v>1</v>
      </c>
      <c r="CG15" s="281">
        <v>1</v>
      </c>
      <c r="CH15" s="281">
        <v>13</v>
      </c>
      <c r="CI15" s="281">
        <v>10</v>
      </c>
      <c r="CJ15" s="281">
        <v>4</v>
      </c>
      <c r="CK15" s="278">
        <v>29</v>
      </c>
      <c r="CL15" s="283">
        <v>29</v>
      </c>
      <c r="CM15" s="277">
        <v>0</v>
      </c>
      <c r="CN15" s="281">
        <v>0</v>
      </c>
      <c r="CO15" s="278">
        <v>0</v>
      </c>
      <c r="CP15" s="280">
        <v>0</v>
      </c>
      <c r="CQ15" s="281">
        <v>11</v>
      </c>
      <c r="CR15" s="281">
        <v>10</v>
      </c>
      <c r="CS15" s="281">
        <v>18</v>
      </c>
      <c r="CT15" s="281">
        <v>22</v>
      </c>
      <c r="CU15" s="281">
        <v>15</v>
      </c>
      <c r="CV15" s="278">
        <v>76</v>
      </c>
      <c r="CW15" s="283">
        <v>76</v>
      </c>
    </row>
    <row r="16" spans="1:101" ht="19.8" customHeight="1" x14ac:dyDescent="0.2">
      <c r="B16" s="262" t="s">
        <v>13</v>
      </c>
      <c r="C16" s="277">
        <v>0</v>
      </c>
      <c r="D16" s="278">
        <v>0</v>
      </c>
      <c r="E16" s="279">
        <v>0</v>
      </c>
      <c r="F16" s="280">
        <v>0</v>
      </c>
      <c r="G16" s="281">
        <v>1</v>
      </c>
      <c r="H16" s="281">
        <v>1</v>
      </c>
      <c r="I16" s="281">
        <v>1</v>
      </c>
      <c r="J16" s="281">
        <v>0</v>
      </c>
      <c r="K16" s="281">
        <v>0</v>
      </c>
      <c r="L16" s="282">
        <v>3</v>
      </c>
      <c r="M16" s="283">
        <v>3</v>
      </c>
      <c r="N16" s="277">
        <v>0</v>
      </c>
      <c r="O16" s="281">
        <v>0</v>
      </c>
      <c r="P16" s="278">
        <v>0</v>
      </c>
      <c r="Q16" s="280">
        <v>0</v>
      </c>
      <c r="R16" s="281">
        <v>0</v>
      </c>
      <c r="S16" s="281">
        <v>0</v>
      </c>
      <c r="T16" s="281">
        <v>0</v>
      </c>
      <c r="U16" s="281">
        <v>0</v>
      </c>
      <c r="V16" s="281">
        <v>0</v>
      </c>
      <c r="W16" s="278">
        <v>0</v>
      </c>
      <c r="X16" s="283">
        <v>0</v>
      </c>
      <c r="Y16" s="277">
        <v>0</v>
      </c>
      <c r="Z16" s="281">
        <v>0</v>
      </c>
      <c r="AA16" s="278">
        <v>0</v>
      </c>
      <c r="AB16" s="280">
        <v>0</v>
      </c>
      <c r="AC16" s="281">
        <v>130</v>
      </c>
      <c r="AD16" s="281">
        <v>131</v>
      </c>
      <c r="AE16" s="281">
        <v>50</v>
      </c>
      <c r="AF16" s="281">
        <v>37</v>
      </c>
      <c r="AG16" s="281">
        <v>12</v>
      </c>
      <c r="AH16" s="278">
        <v>360</v>
      </c>
      <c r="AI16" s="283">
        <v>360</v>
      </c>
      <c r="AJ16" s="277">
        <v>0</v>
      </c>
      <c r="AK16" s="281">
        <v>0</v>
      </c>
      <c r="AL16" s="278">
        <v>0</v>
      </c>
      <c r="AM16" s="280">
        <v>0</v>
      </c>
      <c r="AN16" s="281">
        <v>2</v>
      </c>
      <c r="AO16" s="281">
        <v>2</v>
      </c>
      <c r="AP16" s="281">
        <v>4</v>
      </c>
      <c r="AQ16" s="281">
        <v>4</v>
      </c>
      <c r="AR16" s="281">
        <v>2</v>
      </c>
      <c r="AS16" s="278">
        <v>14</v>
      </c>
      <c r="AT16" s="283">
        <v>14</v>
      </c>
      <c r="AU16" s="277">
        <v>1</v>
      </c>
      <c r="AV16" s="281">
        <v>2</v>
      </c>
      <c r="AW16" s="278">
        <v>3</v>
      </c>
      <c r="AX16" s="280">
        <v>0</v>
      </c>
      <c r="AY16" s="281">
        <v>16</v>
      </c>
      <c r="AZ16" s="281">
        <v>10</v>
      </c>
      <c r="BA16" s="281">
        <v>5</v>
      </c>
      <c r="BB16" s="281">
        <v>3</v>
      </c>
      <c r="BC16" s="281">
        <v>1</v>
      </c>
      <c r="BD16" s="278">
        <v>35</v>
      </c>
      <c r="BE16" s="283">
        <v>38</v>
      </c>
      <c r="BF16" s="277">
        <v>0</v>
      </c>
      <c r="BG16" s="281">
        <v>0</v>
      </c>
      <c r="BH16" s="278">
        <v>0</v>
      </c>
      <c r="BI16" s="280">
        <v>0</v>
      </c>
      <c r="BJ16" s="281">
        <v>9</v>
      </c>
      <c r="BK16" s="281">
        <v>16</v>
      </c>
      <c r="BL16" s="281">
        <v>23</v>
      </c>
      <c r="BM16" s="281">
        <v>18</v>
      </c>
      <c r="BN16" s="281">
        <v>9</v>
      </c>
      <c r="BO16" s="282">
        <v>75</v>
      </c>
      <c r="BP16" s="283">
        <v>75</v>
      </c>
      <c r="BQ16" s="277">
        <v>0</v>
      </c>
      <c r="BR16" s="281">
        <v>0</v>
      </c>
      <c r="BS16" s="278">
        <v>0</v>
      </c>
      <c r="BT16" s="280">
        <v>0</v>
      </c>
      <c r="BU16" s="281">
        <v>0</v>
      </c>
      <c r="BV16" s="281">
        <v>0</v>
      </c>
      <c r="BW16" s="281">
        <v>3</v>
      </c>
      <c r="BX16" s="281">
        <v>9</v>
      </c>
      <c r="BY16" s="281">
        <v>5</v>
      </c>
      <c r="BZ16" s="278">
        <v>17</v>
      </c>
      <c r="CA16" s="283">
        <v>17</v>
      </c>
      <c r="CB16" s="277">
        <v>0</v>
      </c>
      <c r="CC16" s="281">
        <v>0</v>
      </c>
      <c r="CD16" s="278">
        <v>0</v>
      </c>
      <c r="CE16" s="280">
        <v>0</v>
      </c>
      <c r="CF16" s="281">
        <v>0</v>
      </c>
      <c r="CG16" s="281">
        <v>0</v>
      </c>
      <c r="CH16" s="281">
        <v>0</v>
      </c>
      <c r="CI16" s="281">
        <v>0</v>
      </c>
      <c r="CJ16" s="281">
        <v>0</v>
      </c>
      <c r="CK16" s="278">
        <v>0</v>
      </c>
      <c r="CL16" s="283">
        <v>0</v>
      </c>
      <c r="CM16" s="277">
        <v>0</v>
      </c>
      <c r="CN16" s="281">
        <v>0</v>
      </c>
      <c r="CO16" s="278">
        <v>0</v>
      </c>
      <c r="CP16" s="280">
        <v>0</v>
      </c>
      <c r="CQ16" s="281">
        <v>0</v>
      </c>
      <c r="CR16" s="281">
        <v>0</v>
      </c>
      <c r="CS16" s="281">
        <v>0</v>
      </c>
      <c r="CT16" s="281">
        <v>0</v>
      </c>
      <c r="CU16" s="281">
        <v>0</v>
      </c>
      <c r="CV16" s="278">
        <v>0</v>
      </c>
      <c r="CW16" s="283">
        <v>0</v>
      </c>
    </row>
    <row r="17" spans="2:101" ht="19.8" customHeight="1" x14ac:dyDescent="0.2">
      <c r="B17" s="262" t="s">
        <v>15</v>
      </c>
      <c r="C17" s="277">
        <v>0</v>
      </c>
      <c r="D17" s="278">
        <v>0</v>
      </c>
      <c r="E17" s="279">
        <v>0</v>
      </c>
      <c r="F17" s="280">
        <v>0</v>
      </c>
      <c r="G17" s="281">
        <v>2</v>
      </c>
      <c r="H17" s="281">
        <v>3</v>
      </c>
      <c r="I17" s="281">
        <v>1</v>
      </c>
      <c r="J17" s="281">
        <v>6</v>
      </c>
      <c r="K17" s="281">
        <v>6</v>
      </c>
      <c r="L17" s="282">
        <v>18</v>
      </c>
      <c r="M17" s="283">
        <v>18</v>
      </c>
      <c r="N17" s="277">
        <v>0</v>
      </c>
      <c r="O17" s="281">
        <v>0</v>
      </c>
      <c r="P17" s="278">
        <v>0</v>
      </c>
      <c r="Q17" s="280">
        <v>0</v>
      </c>
      <c r="R17" s="281">
        <v>0</v>
      </c>
      <c r="S17" s="281">
        <v>0</v>
      </c>
      <c r="T17" s="281">
        <v>0</v>
      </c>
      <c r="U17" s="281">
        <v>0</v>
      </c>
      <c r="V17" s="281">
        <v>0</v>
      </c>
      <c r="W17" s="278">
        <v>0</v>
      </c>
      <c r="X17" s="283">
        <v>0</v>
      </c>
      <c r="Y17" s="277">
        <v>0</v>
      </c>
      <c r="Z17" s="281">
        <v>0</v>
      </c>
      <c r="AA17" s="278">
        <v>0</v>
      </c>
      <c r="AB17" s="280">
        <v>0</v>
      </c>
      <c r="AC17" s="281">
        <v>147</v>
      </c>
      <c r="AD17" s="281">
        <v>163</v>
      </c>
      <c r="AE17" s="281">
        <v>76</v>
      </c>
      <c r="AF17" s="281">
        <v>32</v>
      </c>
      <c r="AG17" s="281">
        <v>13</v>
      </c>
      <c r="AH17" s="278">
        <v>431</v>
      </c>
      <c r="AI17" s="283">
        <v>431</v>
      </c>
      <c r="AJ17" s="277">
        <v>0</v>
      </c>
      <c r="AK17" s="281">
        <v>0</v>
      </c>
      <c r="AL17" s="278">
        <v>0</v>
      </c>
      <c r="AM17" s="280">
        <v>0</v>
      </c>
      <c r="AN17" s="281">
        <v>5</v>
      </c>
      <c r="AO17" s="281">
        <v>9</v>
      </c>
      <c r="AP17" s="281">
        <v>8</v>
      </c>
      <c r="AQ17" s="281">
        <v>2</v>
      </c>
      <c r="AR17" s="281">
        <v>2</v>
      </c>
      <c r="AS17" s="278">
        <v>26</v>
      </c>
      <c r="AT17" s="283">
        <v>26</v>
      </c>
      <c r="AU17" s="277">
        <v>4</v>
      </c>
      <c r="AV17" s="281">
        <v>12</v>
      </c>
      <c r="AW17" s="278">
        <v>16</v>
      </c>
      <c r="AX17" s="280">
        <v>0</v>
      </c>
      <c r="AY17" s="281">
        <v>20</v>
      </c>
      <c r="AZ17" s="281">
        <v>20</v>
      </c>
      <c r="BA17" s="281">
        <v>12</v>
      </c>
      <c r="BB17" s="281">
        <v>15</v>
      </c>
      <c r="BC17" s="281">
        <v>4</v>
      </c>
      <c r="BD17" s="278">
        <v>71</v>
      </c>
      <c r="BE17" s="283">
        <v>87</v>
      </c>
      <c r="BF17" s="277">
        <v>0</v>
      </c>
      <c r="BG17" s="281">
        <v>3</v>
      </c>
      <c r="BH17" s="278">
        <v>3</v>
      </c>
      <c r="BI17" s="280">
        <v>0</v>
      </c>
      <c r="BJ17" s="281">
        <v>41</v>
      </c>
      <c r="BK17" s="281">
        <v>29</v>
      </c>
      <c r="BL17" s="281">
        <v>40</v>
      </c>
      <c r="BM17" s="281">
        <v>31</v>
      </c>
      <c r="BN17" s="281">
        <v>14</v>
      </c>
      <c r="BO17" s="282">
        <v>155</v>
      </c>
      <c r="BP17" s="283">
        <v>158</v>
      </c>
      <c r="BQ17" s="277">
        <v>0</v>
      </c>
      <c r="BR17" s="281">
        <v>0</v>
      </c>
      <c r="BS17" s="278">
        <v>0</v>
      </c>
      <c r="BT17" s="280">
        <v>0</v>
      </c>
      <c r="BU17" s="281">
        <v>0</v>
      </c>
      <c r="BV17" s="281">
        <v>0</v>
      </c>
      <c r="BW17" s="281">
        <v>0</v>
      </c>
      <c r="BX17" s="281">
        <v>0</v>
      </c>
      <c r="BY17" s="281">
        <v>0</v>
      </c>
      <c r="BZ17" s="278">
        <v>0</v>
      </c>
      <c r="CA17" s="283">
        <v>0</v>
      </c>
      <c r="CB17" s="277">
        <v>0</v>
      </c>
      <c r="CC17" s="281">
        <v>0</v>
      </c>
      <c r="CD17" s="278">
        <v>0</v>
      </c>
      <c r="CE17" s="280">
        <v>0</v>
      </c>
      <c r="CF17" s="281">
        <v>0</v>
      </c>
      <c r="CG17" s="281">
        <v>0</v>
      </c>
      <c r="CH17" s="281">
        <v>12</v>
      </c>
      <c r="CI17" s="281">
        <v>12</v>
      </c>
      <c r="CJ17" s="281">
        <v>6</v>
      </c>
      <c r="CK17" s="278">
        <v>30</v>
      </c>
      <c r="CL17" s="283">
        <v>30</v>
      </c>
      <c r="CM17" s="277">
        <v>0</v>
      </c>
      <c r="CN17" s="281">
        <v>0</v>
      </c>
      <c r="CO17" s="278">
        <v>0</v>
      </c>
      <c r="CP17" s="280">
        <v>0</v>
      </c>
      <c r="CQ17" s="281">
        <v>0</v>
      </c>
      <c r="CR17" s="281">
        <v>0</v>
      </c>
      <c r="CS17" s="281">
        <v>0</v>
      </c>
      <c r="CT17" s="281">
        <v>0</v>
      </c>
      <c r="CU17" s="281">
        <v>0</v>
      </c>
      <c r="CV17" s="278">
        <v>0</v>
      </c>
      <c r="CW17" s="283">
        <v>0</v>
      </c>
    </row>
    <row r="18" spans="2:101" ht="19.8" customHeight="1" x14ac:dyDescent="0.2">
      <c r="B18" s="262" t="s">
        <v>16</v>
      </c>
      <c r="C18" s="277">
        <v>0</v>
      </c>
      <c r="D18" s="278">
        <v>0</v>
      </c>
      <c r="E18" s="279">
        <v>0</v>
      </c>
      <c r="F18" s="280">
        <v>0</v>
      </c>
      <c r="G18" s="281">
        <v>7</v>
      </c>
      <c r="H18" s="281">
        <v>11</v>
      </c>
      <c r="I18" s="281">
        <v>10</v>
      </c>
      <c r="J18" s="281">
        <v>9</v>
      </c>
      <c r="K18" s="281">
        <v>4</v>
      </c>
      <c r="L18" s="282">
        <v>41</v>
      </c>
      <c r="M18" s="283">
        <v>41</v>
      </c>
      <c r="N18" s="277">
        <v>0</v>
      </c>
      <c r="O18" s="281">
        <v>0</v>
      </c>
      <c r="P18" s="278">
        <v>0</v>
      </c>
      <c r="Q18" s="280">
        <v>0</v>
      </c>
      <c r="R18" s="281">
        <v>0</v>
      </c>
      <c r="S18" s="281">
        <v>1</v>
      </c>
      <c r="T18" s="281">
        <v>4</v>
      </c>
      <c r="U18" s="281">
        <v>2</v>
      </c>
      <c r="V18" s="281">
        <v>0</v>
      </c>
      <c r="W18" s="278">
        <v>7</v>
      </c>
      <c r="X18" s="283">
        <v>7</v>
      </c>
      <c r="Y18" s="277">
        <v>0</v>
      </c>
      <c r="Z18" s="281">
        <v>0</v>
      </c>
      <c r="AA18" s="278">
        <v>0</v>
      </c>
      <c r="AB18" s="280">
        <v>0</v>
      </c>
      <c r="AC18" s="281">
        <v>170</v>
      </c>
      <c r="AD18" s="281">
        <v>178</v>
      </c>
      <c r="AE18" s="281">
        <v>90</v>
      </c>
      <c r="AF18" s="281">
        <v>44</v>
      </c>
      <c r="AG18" s="281">
        <v>16</v>
      </c>
      <c r="AH18" s="278">
        <v>498</v>
      </c>
      <c r="AI18" s="283">
        <v>498</v>
      </c>
      <c r="AJ18" s="277">
        <v>0</v>
      </c>
      <c r="AK18" s="281">
        <v>0</v>
      </c>
      <c r="AL18" s="278">
        <v>0</v>
      </c>
      <c r="AM18" s="280">
        <v>0</v>
      </c>
      <c r="AN18" s="281">
        <v>7</v>
      </c>
      <c r="AO18" s="281">
        <v>6</v>
      </c>
      <c r="AP18" s="281">
        <v>11</v>
      </c>
      <c r="AQ18" s="281">
        <v>2</v>
      </c>
      <c r="AR18" s="281">
        <v>5</v>
      </c>
      <c r="AS18" s="278">
        <v>31</v>
      </c>
      <c r="AT18" s="283">
        <v>31</v>
      </c>
      <c r="AU18" s="277">
        <v>1</v>
      </c>
      <c r="AV18" s="281">
        <v>1</v>
      </c>
      <c r="AW18" s="278">
        <v>2</v>
      </c>
      <c r="AX18" s="280">
        <v>0</v>
      </c>
      <c r="AY18" s="281">
        <v>9</v>
      </c>
      <c r="AZ18" s="281">
        <v>24</v>
      </c>
      <c r="BA18" s="281">
        <v>12</v>
      </c>
      <c r="BB18" s="281">
        <v>17</v>
      </c>
      <c r="BC18" s="281">
        <v>12</v>
      </c>
      <c r="BD18" s="278">
        <v>74</v>
      </c>
      <c r="BE18" s="283">
        <v>76</v>
      </c>
      <c r="BF18" s="277">
        <v>0</v>
      </c>
      <c r="BG18" s="281">
        <v>0</v>
      </c>
      <c r="BH18" s="278">
        <v>0</v>
      </c>
      <c r="BI18" s="280">
        <v>0</v>
      </c>
      <c r="BJ18" s="281">
        <v>17</v>
      </c>
      <c r="BK18" s="281">
        <v>44</v>
      </c>
      <c r="BL18" s="281">
        <v>60</v>
      </c>
      <c r="BM18" s="281">
        <v>36</v>
      </c>
      <c r="BN18" s="281">
        <v>28</v>
      </c>
      <c r="BO18" s="282">
        <v>185</v>
      </c>
      <c r="BP18" s="283">
        <v>185</v>
      </c>
      <c r="BQ18" s="277">
        <v>0</v>
      </c>
      <c r="BR18" s="281">
        <v>0</v>
      </c>
      <c r="BS18" s="278">
        <v>0</v>
      </c>
      <c r="BT18" s="280">
        <v>0</v>
      </c>
      <c r="BU18" s="281">
        <v>0</v>
      </c>
      <c r="BV18" s="281">
        <v>0</v>
      </c>
      <c r="BW18" s="281">
        <v>0</v>
      </c>
      <c r="BX18" s="281">
        <v>0</v>
      </c>
      <c r="BY18" s="281">
        <v>0</v>
      </c>
      <c r="BZ18" s="278">
        <v>0</v>
      </c>
      <c r="CA18" s="283">
        <v>0</v>
      </c>
      <c r="CB18" s="277">
        <v>0</v>
      </c>
      <c r="CC18" s="281">
        <v>0</v>
      </c>
      <c r="CD18" s="278">
        <v>0</v>
      </c>
      <c r="CE18" s="280">
        <v>0</v>
      </c>
      <c r="CF18" s="281">
        <v>1</v>
      </c>
      <c r="CG18" s="281">
        <v>2</v>
      </c>
      <c r="CH18" s="281">
        <v>9</v>
      </c>
      <c r="CI18" s="281">
        <v>11</v>
      </c>
      <c r="CJ18" s="281">
        <v>8</v>
      </c>
      <c r="CK18" s="278">
        <v>31</v>
      </c>
      <c r="CL18" s="283">
        <v>31</v>
      </c>
      <c r="CM18" s="277">
        <v>0</v>
      </c>
      <c r="CN18" s="281">
        <v>0</v>
      </c>
      <c r="CO18" s="278">
        <v>0</v>
      </c>
      <c r="CP18" s="280">
        <v>0</v>
      </c>
      <c r="CQ18" s="281">
        <v>3</v>
      </c>
      <c r="CR18" s="281">
        <v>5</v>
      </c>
      <c r="CS18" s="281">
        <v>6</v>
      </c>
      <c r="CT18" s="281">
        <v>1</v>
      </c>
      <c r="CU18" s="281">
        <v>4</v>
      </c>
      <c r="CV18" s="278">
        <v>19</v>
      </c>
      <c r="CW18" s="283">
        <v>19</v>
      </c>
    </row>
    <row r="19" spans="2:101" ht="19.8" customHeight="1" x14ac:dyDescent="0.2">
      <c r="B19" s="262" t="s">
        <v>17</v>
      </c>
      <c r="C19" s="277">
        <v>0</v>
      </c>
      <c r="D19" s="278">
        <v>0</v>
      </c>
      <c r="E19" s="279">
        <v>0</v>
      </c>
      <c r="F19" s="280">
        <v>0</v>
      </c>
      <c r="G19" s="281">
        <v>3</v>
      </c>
      <c r="H19" s="281">
        <v>4</v>
      </c>
      <c r="I19" s="281">
        <v>1</v>
      </c>
      <c r="J19" s="281">
        <v>5</v>
      </c>
      <c r="K19" s="281">
        <v>0</v>
      </c>
      <c r="L19" s="282">
        <v>13</v>
      </c>
      <c r="M19" s="283">
        <v>13</v>
      </c>
      <c r="N19" s="277">
        <v>0</v>
      </c>
      <c r="O19" s="281">
        <v>0</v>
      </c>
      <c r="P19" s="278">
        <v>0</v>
      </c>
      <c r="Q19" s="280">
        <v>0</v>
      </c>
      <c r="R19" s="281">
        <v>0</v>
      </c>
      <c r="S19" s="281">
        <v>0</v>
      </c>
      <c r="T19" s="281">
        <v>0</v>
      </c>
      <c r="U19" s="281">
        <v>0</v>
      </c>
      <c r="V19" s="281">
        <v>0</v>
      </c>
      <c r="W19" s="278">
        <v>0</v>
      </c>
      <c r="X19" s="283">
        <v>0</v>
      </c>
      <c r="Y19" s="277">
        <v>0</v>
      </c>
      <c r="Z19" s="281">
        <v>0</v>
      </c>
      <c r="AA19" s="278">
        <v>0</v>
      </c>
      <c r="AB19" s="280">
        <v>0</v>
      </c>
      <c r="AC19" s="281">
        <v>249</v>
      </c>
      <c r="AD19" s="281">
        <v>304</v>
      </c>
      <c r="AE19" s="281">
        <v>135</v>
      </c>
      <c r="AF19" s="281">
        <v>85</v>
      </c>
      <c r="AG19" s="281">
        <v>55</v>
      </c>
      <c r="AH19" s="278">
        <v>828</v>
      </c>
      <c r="AI19" s="283">
        <v>828</v>
      </c>
      <c r="AJ19" s="277">
        <v>2</v>
      </c>
      <c r="AK19" s="281">
        <v>2</v>
      </c>
      <c r="AL19" s="278">
        <v>4</v>
      </c>
      <c r="AM19" s="280">
        <v>0</v>
      </c>
      <c r="AN19" s="281">
        <v>20</v>
      </c>
      <c r="AO19" s="281">
        <v>19</v>
      </c>
      <c r="AP19" s="281">
        <v>24</v>
      </c>
      <c r="AQ19" s="281">
        <v>13</v>
      </c>
      <c r="AR19" s="281">
        <v>8</v>
      </c>
      <c r="AS19" s="278">
        <v>84</v>
      </c>
      <c r="AT19" s="283">
        <v>88</v>
      </c>
      <c r="AU19" s="277">
        <v>1</v>
      </c>
      <c r="AV19" s="281">
        <v>3</v>
      </c>
      <c r="AW19" s="278">
        <v>4</v>
      </c>
      <c r="AX19" s="280">
        <v>0</v>
      </c>
      <c r="AY19" s="281">
        <v>12</v>
      </c>
      <c r="AZ19" s="281">
        <v>33</v>
      </c>
      <c r="BA19" s="281">
        <v>35</v>
      </c>
      <c r="BB19" s="281">
        <v>25</v>
      </c>
      <c r="BC19" s="281">
        <v>13</v>
      </c>
      <c r="BD19" s="278">
        <v>118</v>
      </c>
      <c r="BE19" s="283">
        <v>122</v>
      </c>
      <c r="BF19" s="277">
        <v>0</v>
      </c>
      <c r="BG19" s="281">
        <v>0</v>
      </c>
      <c r="BH19" s="278">
        <v>0</v>
      </c>
      <c r="BI19" s="280">
        <v>0</v>
      </c>
      <c r="BJ19" s="281">
        <v>45</v>
      </c>
      <c r="BK19" s="281">
        <v>68</v>
      </c>
      <c r="BL19" s="281">
        <v>54</v>
      </c>
      <c r="BM19" s="281">
        <v>34</v>
      </c>
      <c r="BN19" s="281">
        <v>21</v>
      </c>
      <c r="BO19" s="282">
        <v>222</v>
      </c>
      <c r="BP19" s="283">
        <v>222</v>
      </c>
      <c r="BQ19" s="277">
        <v>0</v>
      </c>
      <c r="BR19" s="281">
        <v>0</v>
      </c>
      <c r="BS19" s="278">
        <v>0</v>
      </c>
      <c r="BT19" s="280">
        <v>0</v>
      </c>
      <c r="BU19" s="281">
        <v>0</v>
      </c>
      <c r="BV19" s="281">
        <v>0</v>
      </c>
      <c r="BW19" s="281">
        <v>0</v>
      </c>
      <c r="BX19" s="281">
        <v>0</v>
      </c>
      <c r="BY19" s="281">
        <v>0</v>
      </c>
      <c r="BZ19" s="278">
        <v>0</v>
      </c>
      <c r="CA19" s="283">
        <v>0</v>
      </c>
      <c r="CB19" s="277">
        <v>0</v>
      </c>
      <c r="CC19" s="281">
        <v>0</v>
      </c>
      <c r="CD19" s="278">
        <v>0</v>
      </c>
      <c r="CE19" s="280">
        <v>0</v>
      </c>
      <c r="CF19" s="281">
        <v>1</v>
      </c>
      <c r="CG19" s="281">
        <v>2</v>
      </c>
      <c r="CH19" s="281">
        <v>33</v>
      </c>
      <c r="CI19" s="281">
        <v>30</v>
      </c>
      <c r="CJ19" s="281">
        <v>38</v>
      </c>
      <c r="CK19" s="278">
        <v>104</v>
      </c>
      <c r="CL19" s="283">
        <v>104</v>
      </c>
      <c r="CM19" s="277">
        <v>0</v>
      </c>
      <c r="CN19" s="281">
        <v>0</v>
      </c>
      <c r="CO19" s="278">
        <v>0</v>
      </c>
      <c r="CP19" s="280">
        <v>0</v>
      </c>
      <c r="CQ19" s="281">
        <v>4</v>
      </c>
      <c r="CR19" s="281">
        <v>0</v>
      </c>
      <c r="CS19" s="281">
        <v>2</v>
      </c>
      <c r="CT19" s="281">
        <v>5</v>
      </c>
      <c r="CU19" s="281">
        <v>9</v>
      </c>
      <c r="CV19" s="278">
        <v>20</v>
      </c>
      <c r="CW19" s="283">
        <v>20</v>
      </c>
    </row>
    <row r="20" spans="2:101" ht="19.8" customHeight="1" x14ac:dyDescent="0.2">
      <c r="B20" s="262" t="s">
        <v>18</v>
      </c>
      <c r="C20" s="277">
        <v>0</v>
      </c>
      <c r="D20" s="278">
        <v>0</v>
      </c>
      <c r="E20" s="279">
        <v>0</v>
      </c>
      <c r="F20" s="280">
        <v>0</v>
      </c>
      <c r="G20" s="281">
        <v>1</v>
      </c>
      <c r="H20" s="281">
        <v>1</v>
      </c>
      <c r="I20" s="281">
        <v>3</v>
      </c>
      <c r="J20" s="281">
        <v>0</v>
      </c>
      <c r="K20" s="281">
        <v>2</v>
      </c>
      <c r="L20" s="282">
        <v>7</v>
      </c>
      <c r="M20" s="283">
        <v>7</v>
      </c>
      <c r="N20" s="277">
        <v>0</v>
      </c>
      <c r="O20" s="281">
        <v>0</v>
      </c>
      <c r="P20" s="278">
        <v>0</v>
      </c>
      <c r="Q20" s="280">
        <v>0</v>
      </c>
      <c r="R20" s="281">
        <v>0</v>
      </c>
      <c r="S20" s="281">
        <v>0</v>
      </c>
      <c r="T20" s="281">
        <v>0</v>
      </c>
      <c r="U20" s="281">
        <v>0</v>
      </c>
      <c r="V20" s="281">
        <v>0</v>
      </c>
      <c r="W20" s="278">
        <v>0</v>
      </c>
      <c r="X20" s="283">
        <v>0</v>
      </c>
      <c r="Y20" s="277">
        <v>0</v>
      </c>
      <c r="Z20" s="281">
        <v>0</v>
      </c>
      <c r="AA20" s="278">
        <v>0</v>
      </c>
      <c r="AB20" s="280">
        <v>0</v>
      </c>
      <c r="AC20" s="281">
        <v>260</v>
      </c>
      <c r="AD20" s="281">
        <v>205</v>
      </c>
      <c r="AE20" s="281">
        <v>84</v>
      </c>
      <c r="AF20" s="281">
        <v>42</v>
      </c>
      <c r="AG20" s="281">
        <v>9</v>
      </c>
      <c r="AH20" s="278">
        <v>600</v>
      </c>
      <c r="AI20" s="283">
        <v>600</v>
      </c>
      <c r="AJ20" s="277">
        <v>0</v>
      </c>
      <c r="AK20" s="281">
        <v>0</v>
      </c>
      <c r="AL20" s="278">
        <v>0</v>
      </c>
      <c r="AM20" s="280">
        <v>0</v>
      </c>
      <c r="AN20" s="281">
        <v>13</v>
      </c>
      <c r="AO20" s="281">
        <v>6</v>
      </c>
      <c r="AP20" s="281">
        <v>17</v>
      </c>
      <c r="AQ20" s="281">
        <v>12</v>
      </c>
      <c r="AR20" s="281">
        <v>17</v>
      </c>
      <c r="AS20" s="278">
        <v>65</v>
      </c>
      <c r="AT20" s="283">
        <v>65</v>
      </c>
      <c r="AU20" s="277">
        <v>9</v>
      </c>
      <c r="AV20" s="281">
        <v>10</v>
      </c>
      <c r="AW20" s="278">
        <v>19</v>
      </c>
      <c r="AX20" s="280">
        <v>0</v>
      </c>
      <c r="AY20" s="281">
        <v>49</v>
      </c>
      <c r="AZ20" s="281">
        <v>50</v>
      </c>
      <c r="BA20" s="281">
        <v>33</v>
      </c>
      <c r="BB20" s="281">
        <v>22</v>
      </c>
      <c r="BC20" s="281">
        <v>11</v>
      </c>
      <c r="BD20" s="278">
        <v>165</v>
      </c>
      <c r="BE20" s="283">
        <v>184</v>
      </c>
      <c r="BF20" s="277">
        <v>0</v>
      </c>
      <c r="BG20" s="281">
        <v>2</v>
      </c>
      <c r="BH20" s="278">
        <v>2</v>
      </c>
      <c r="BI20" s="280">
        <v>0</v>
      </c>
      <c r="BJ20" s="281">
        <v>48</v>
      </c>
      <c r="BK20" s="281">
        <v>83</v>
      </c>
      <c r="BL20" s="281">
        <v>96</v>
      </c>
      <c r="BM20" s="281">
        <v>51</v>
      </c>
      <c r="BN20" s="281">
        <v>31</v>
      </c>
      <c r="BO20" s="282">
        <v>309</v>
      </c>
      <c r="BP20" s="283">
        <v>311</v>
      </c>
      <c r="BQ20" s="277">
        <v>0</v>
      </c>
      <c r="BR20" s="281">
        <v>0</v>
      </c>
      <c r="BS20" s="278">
        <v>0</v>
      </c>
      <c r="BT20" s="280">
        <v>0</v>
      </c>
      <c r="BU20" s="281">
        <v>0</v>
      </c>
      <c r="BV20" s="281">
        <v>0</v>
      </c>
      <c r="BW20" s="281">
        <v>0</v>
      </c>
      <c r="BX20" s="281">
        <v>0</v>
      </c>
      <c r="BY20" s="281">
        <v>0</v>
      </c>
      <c r="BZ20" s="278">
        <v>0</v>
      </c>
      <c r="CA20" s="283">
        <v>0</v>
      </c>
      <c r="CB20" s="277">
        <v>0</v>
      </c>
      <c r="CC20" s="281">
        <v>0</v>
      </c>
      <c r="CD20" s="278">
        <v>0</v>
      </c>
      <c r="CE20" s="280">
        <v>0</v>
      </c>
      <c r="CF20" s="281">
        <v>0</v>
      </c>
      <c r="CG20" s="281">
        <v>2</v>
      </c>
      <c r="CH20" s="281">
        <v>7</v>
      </c>
      <c r="CI20" s="281">
        <v>18</v>
      </c>
      <c r="CJ20" s="281">
        <v>2</v>
      </c>
      <c r="CK20" s="278">
        <v>29</v>
      </c>
      <c r="CL20" s="283">
        <v>29</v>
      </c>
      <c r="CM20" s="277">
        <v>0</v>
      </c>
      <c r="CN20" s="281">
        <v>0</v>
      </c>
      <c r="CO20" s="278">
        <v>0</v>
      </c>
      <c r="CP20" s="280">
        <v>0</v>
      </c>
      <c r="CQ20" s="281">
        <v>9</v>
      </c>
      <c r="CR20" s="281">
        <v>7</v>
      </c>
      <c r="CS20" s="281">
        <v>11</v>
      </c>
      <c r="CT20" s="281">
        <v>20</v>
      </c>
      <c r="CU20" s="281">
        <v>27</v>
      </c>
      <c r="CV20" s="278">
        <v>74</v>
      </c>
      <c r="CW20" s="283">
        <v>74</v>
      </c>
    </row>
    <row r="21" spans="2:101" ht="19.8" customHeight="1" x14ac:dyDescent="0.2">
      <c r="B21" s="262" t="s">
        <v>19</v>
      </c>
      <c r="C21" s="277">
        <v>0</v>
      </c>
      <c r="D21" s="278">
        <v>0</v>
      </c>
      <c r="E21" s="279">
        <v>0</v>
      </c>
      <c r="F21" s="280">
        <v>0</v>
      </c>
      <c r="G21" s="281">
        <v>15</v>
      </c>
      <c r="H21" s="281">
        <v>8</v>
      </c>
      <c r="I21" s="281">
        <v>3</v>
      </c>
      <c r="J21" s="281">
        <v>3</v>
      </c>
      <c r="K21" s="281">
        <v>5</v>
      </c>
      <c r="L21" s="282">
        <v>34</v>
      </c>
      <c r="M21" s="283">
        <v>34</v>
      </c>
      <c r="N21" s="277">
        <v>0</v>
      </c>
      <c r="O21" s="281">
        <v>0</v>
      </c>
      <c r="P21" s="278">
        <v>0</v>
      </c>
      <c r="Q21" s="280">
        <v>0</v>
      </c>
      <c r="R21" s="281">
        <v>1</v>
      </c>
      <c r="S21" s="281">
        <v>5</v>
      </c>
      <c r="T21" s="281">
        <v>3</v>
      </c>
      <c r="U21" s="281">
        <v>1</v>
      </c>
      <c r="V21" s="281">
        <v>0</v>
      </c>
      <c r="W21" s="278">
        <v>10</v>
      </c>
      <c r="X21" s="283">
        <v>10</v>
      </c>
      <c r="Y21" s="277">
        <v>0</v>
      </c>
      <c r="Z21" s="281">
        <v>0</v>
      </c>
      <c r="AA21" s="278">
        <v>0</v>
      </c>
      <c r="AB21" s="280">
        <v>0</v>
      </c>
      <c r="AC21" s="281">
        <v>144</v>
      </c>
      <c r="AD21" s="281">
        <v>111</v>
      </c>
      <c r="AE21" s="281">
        <v>49</v>
      </c>
      <c r="AF21" s="281">
        <v>27</v>
      </c>
      <c r="AG21" s="281">
        <v>12</v>
      </c>
      <c r="AH21" s="278">
        <v>343</v>
      </c>
      <c r="AI21" s="283">
        <v>343</v>
      </c>
      <c r="AJ21" s="277">
        <v>0</v>
      </c>
      <c r="AK21" s="281">
        <v>0</v>
      </c>
      <c r="AL21" s="278">
        <v>0</v>
      </c>
      <c r="AM21" s="280">
        <v>0</v>
      </c>
      <c r="AN21" s="281">
        <v>13</v>
      </c>
      <c r="AO21" s="281">
        <v>25</v>
      </c>
      <c r="AP21" s="281">
        <v>16</v>
      </c>
      <c r="AQ21" s="281">
        <v>1</v>
      </c>
      <c r="AR21" s="281">
        <v>5</v>
      </c>
      <c r="AS21" s="278">
        <v>60</v>
      </c>
      <c r="AT21" s="283">
        <v>60</v>
      </c>
      <c r="AU21" s="277">
        <v>1</v>
      </c>
      <c r="AV21" s="281">
        <v>1</v>
      </c>
      <c r="AW21" s="278">
        <v>2</v>
      </c>
      <c r="AX21" s="280">
        <v>0</v>
      </c>
      <c r="AY21" s="281">
        <v>19</v>
      </c>
      <c r="AZ21" s="281">
        <v>34</v>
      </c>
      <c r="BA21" s="281">
        <v>26</v>
      </c>
      <c r="BB21" s="281">
        <v>19</v>
      </c>
      <c r="BC21" s="281">
        <v>14</v>
      </c>
      <c r="BD21" s="278">
        <v>112</v>
      </c>
      <c r="BE21" s="283">
        <v>114</v>
      </c>
      <c r="BF21" s="277">
        <v>0</v>
      </c>
      <c r="BG21" s="281">
        <v>0</v>
      </c>
      <c r="BH21" s="278">
        <v>0</v>
      </c>
      <c r="BI21" s="280">
        <v>0</v>
      </c>
      <c r="BJ21" s="281">
        <v>7</v>
      </c>
      <c r="BK21" s="281">
        <v>18</v>
      </c>
      <c r="BL21" s="281">
        <v>29</v>
      </c>
      <c r="BM21" s="281">
        <v>14</v>
      </c>
      <c r="BN21" s="281">
        <v>15</v>
      </c>
      <c r="BO21" s="282">
        <v>83</v>
      </c>
      <c r="BP21" s="283">
        <v>83</v>
      </c>
      <c r="BQ21" s="277">
        <v>0</v>
      </c>
      <c r="BR21" s="281">
        <v>0</v>
      </c>
      <c r="BS21" s="278">
        <v>0</v>
      </c>
      <c r="BT21" s="280">
        <v>0</v>
      </c>
      <c r="BU21" s="281">
        <v>0</v>
      </c>
      <c r="BV21" s="281">
        <v>0</v>
      </c>
      <c r="BW21" s="281">
        <v>0</v>
      </c>
      <c r="BX21" s="281">
        <v>0</v>
      </c>
      <c r="BY21" s="281">
        <v>0</v>
      </c>
      <c r="BZ21" s="278">
        <v>0</v>
      </c>
      <c r="CA21" s="283">
        <v>0</v>
      </c>
      <c r="CB21" s="277">
        <v>0</v>
      </c>
      <c r="CC21" s="281">
        <v>0</v>
      </c>
      <c r="CD21" s="278">
        <v>0</v>
      </c>
      <c r="CE21" s="280">
        <v>0</v>
      </c>
      <c r="CF21" s="281">
        <v>0</v>
      </c>
      <c r="CG21" s="281">
        <v>0</v>
      </c>
      <c r="CH21" s="281">
        <v>0</v>
      </c>
      <c r="CI21" s="281">
        <v>0</v>
      </c>
      <c r="CJ21" s="281">
        <v>0</v>
      </c>
      <c r="CK21" s="278">
        <v>0</v>
      </c>
      <c r="CL21" s="283">
        <v>0</v>
      </c>
      <c r="CM21" s="277">
        <v>0</v>
      </c>
      <c r="CN21" s="281">
        <v>0</v>
      </c>
      <c r="CO21" s="278">
        <v>0</v>
      </c>
      <c r="CP21" s="280">
        <v>0</v>
      </c>
      <c r="CQ21" s="281">
        <v>2</v>
      </c>
      <c r="CR21" s="281">
        <v>2</v>
      </c>
      <c r="CS21" s="281">
        <v>0</v>
      </c>
      <c r="CT21" s="281">
        <v>5</v>
      </c>
      <c r="CU21" s="281">
        <v>11</v>
      </c>
      <c r="CV21" s="278">
        <v>20</v>
      </c>
      <c r="CW21" s="283">
        <v>20</v>
      </c>
    </row>
    <row r="22" spans="2:101" ht="19.8" customHeight="1" x14ac:dyDescent="0.2">
      <c r="B22" s="262" t="s">
        <v>20</v>
      </c>
      <c r="C22" s="277">
        <v>0</v>
      </c>
      <c r="D22" s="278">
        <v>0</v>
      </c>
      <c r="E22" s="279">
        <v>0</v>
      </c>
      <c r="F22" s="280">
        <v>0</v>
      </c>
      <c r="G22" s="281">
        <v>1</v>
      </c>
      <c r="H22" s="281">
        <v>0</v>
      </c>
      <c r="I22" s="281">
        <v>0</v>
      </c>
      <c r="J22" s="281">
        <v>0</v>
      </c>
      <c r="K22" s="281">
        <v>0</v>
      </c>
      <c r="L22" s="282">
        <v>1</v>
      </c>
      <c r="M22" s="283">
        <v>1</v>
      </c>
      <c r="N22" s="277">
        <v>0</v>
      </c>
      <c r="O22" s="281">
        <v>0</v>
      </c>
      <c r="P22" s="278">
        <v>0</v>
      </c>
      <c r="Q22" s="280">
        <v>0</v>
      </c>
      <c r="R22" s="281">
        <v>0</v>
      </c>
      <c r="S22" s="281">
        <v>0</v>
      </c>
      <c r="T22" s="281">
        <v>0</v>
      </c>
      <c r="U22" s="281">
        <v>0</v>
      </c>
      <c r="V22" s="281">
        <v>0</v>
      </c>
      <c r="W22" s="278">
        <v>0</v>
      </c>
      <c r="X22" s="283">
        <v>0</v>
      </c>
      <c r="Y22" s="277">
        <v>0</v>
      </c>
      <c r="Z22" s="281">
        <v>0</v>
      </c>
      <c r="AA22" s="278">
        <v>0</v>
      </c>
      <c r="AB22" s="280">
        <v>0</v>
      </c>
      <c r="AC22" s="281">
        <v>183</v>
      </c>
      <c r="AD22" s="281">
        <v>80</v>
      </c>
      <c r="AE22" s="281">
        <v>46</v>
      </c>
      <c r="AF22" s="281">
        <v>21</v>
      </c>
      <c r="AG22" s="281">
        <v>5</v>
      </c>
      <c r="AH22" s="278">
        <v>335</v>
      </c>
      <c r="AI22" s="283">
        <v>335</v>
      </c>
      <c r="AJ22" s="277">
        <v>0</v>
      </c>
      <c r="AK22" s="281">
        <v>0</v>
      </c>
      <c r="AL22" s="278">
        <v>0</v>
      </c>
      <c r="AM22" s="280">
        <v>0</v>
      </c>
      <c r="AN22" s="281">
        <v>1</v>
      </c>
      <c r="AO22" s="281">
        <v>4</v>
      </c>
      <c r="AP22" s="281">
        <v>4</v>
      </c>
      <c r="AQ22" s="281">
        <v>1</v>
      </c>
      <c r="AR22" s="281">
        <v>1</v>
      </c>
      <c r="AS22" s="278">
        <v>11</v>
      </c>
      <c r="AT22" s="283">
        <v>11</v>
      </c>
      <c r="AU22" s="277">
        <v>1</v>
      </c>
      <c r="AV22" s="281">
        <v>1</v>
      </c>
      <c r="AW22" s="278">
        <v>2</v>
      </c>
      <c r="AX22" s="280">
        <v>0</v>
      </c>
      <c r="AY22" s="281">
        <v>16</v>
      </c>
      <c r="AZ22" s="281">
        <v>10</v>
      </c>
      <c r="BA22" s="281">
        <v>7</v>
      </c>
      <c r="BB22" s="281">
        <v>3</v>
      </c>
      <c r="BC22" s="281">
        <v>1</v>
      </c>
      <c r="BD22" s="278">
        <v>37</v>
      </c>
      <c r="BE22" s="283">
        <v>39</v>
      </c>
      <c r="BF22" s="277">
        <v>0</v>
      </c>
      <c r="BG22" s="281">
        <v>0</v>
      </c>
      <c r="BH22" s="278">
        <v>0</v>
      </c>
      <c r="BI22" s="280">
        <v>0</v>
      </c>
      <c r="BJ22" s="281">
        <v>26</v>
      </c>
      <c r="BK22" s="281">
        <v>25</v>
      </c>
      <c r="BL22" s="281">
        <v>38</v>
      </c>
      <c r="BM22" s="281">
        <v>23</v>
      </c>
      <c r="BN22" s="281">
        <v>9</v>
      </c>
      <c r="BO22" s="282">
        <v>121</v>
      </c>
      <c r="BP22" s="283">
        <v>121</v>
      </c>
      <c r="BQ22" s="277">
        <v>0</v>
      </c>
      <c r="BR22" s="281">
        <v>0</v>
      </c>
      <c r="BS22" s="278">
        <v>0</v>
      </c>
      <c r="BT22" s="280">
        <v>0</v>
      </c>
      <c r="BU22" s="281">
        <v>0</v>
      </c>
      <c r="BV22" s="281">
        <v>0</v>
      </c>
      <c r="BW22" s="281">
        <v>0</v>
      </c>
      <c r="BX22" s="281">
        <v>0</v>
      </c>
      <c r="BY22" s="281">
        <v>0</v>
      </c>
      <c r="BZ22" s="278">
        <v>0</v>
      </c>
      <c r="CA22" s="283">
        <v>0</v>
      </c>
      <c r="CB22" s="277">
        <v>0</v>
      </c>
      <c r="CC22" s="281">
        <v>0</v>
      </c>
      <c r="CD22" s="278">
        <v>0</v>
      </c>
      <c r="CE22" s="280">
        <v>0</v>
      </c>
      <c r="CF22" s="281">
        <v>0</v>
      </c>
      <c r="CG22" s="281">
        <v>0</v>
      </c>
      <c r="CH22" s="281">
        <v>0</v>
      </c>
      <c r="CI22" s="281">
        <v>0</v>
      </c>
      <c r="CJ22" s="281">
        <v>0</v>
      </c>
      <c r="CK22" s="278">
        <v>0</v>
      </c>
      <c r="CL22" s="283">
        <v>0</v>
      </c>
      <c r="CM22" s="277">
        <v>0</v>
      </c>
      <c r="CN22" s="281">
        <v>0</v>
      </c>
      <c r="CO22" s="278">
        <v>0</v>
      </c>
      <c r="CP22" s="280">
        <v>0</v>
      </c>
      <c r="CQ22" s="281">
        <v>0</v>
      </c>
      <c r="CR22" s="281">
        <v>0</v>
      </c>
      <c r="CS22" s="281">
        <v>0</v>
      </c>
      <c r="CT22" s="281">
        <v>0</v>
      </c>
      <c r="CU22" s="281">
        <v>0</v>
      </c>
      <c r="CV22" s="278">
        <v>0</v>
      </c>
      <c r="CW22" s="283">
        <v>0</v>
      </c>
    </row>
    <row r="23" spans="2:101" ht="19.8" customHeight="1" x14ac:dyDescent="0.2">
      <c r="B23" s="262" t="s">
        <v>21</v>
      </c>
      <c r="C23" s="277">
        <v>0</v>
      </c>
      <c r="D23" s="278">
        <v>0</v>
      </c>
      <c r="E23" s="279">
        <v>0</v>
      </c>
      <c r="F23" s="280">
        <v>0</v>
      </c>
      <c r="G23" s="281">
        <v>1</v>
      </c>
      <c r="H23" s="281">
        <v>6</v>
      </c>
      <c r="I23" s="281">
        <v>1</v>
      </c>
      <c r="J23" s="281">
        <v>2</v>
      </c>
      <c r="K23" s="281">
        <v>0</v>
      </c>
      <c r="L23" s="282">
        <v>10</v>
      </c>
      <c r="M23" s="283">
        <v>10</v>
      </c>
      <c r="N23" s="277">
        <v>0</v>
      </c>
      <c r="O23" s="281">
        <v>0</v>
      </c>
      <c r="P23" s="278">
        <v>0</v>
      </c>
      <c r="Q23" s="280">
        <v>0</v>
      </c>
      <c r="R23" s="281">
        <v>0</v>
      </c>
      <c r="S23" s="281">
        <v>0</v>
      </c>
      <c r="T23" s="281">
        <v>0</v>
      </c>
      <c r="U23" s="281">
        <v>0</v>
      </c>
      <c r="V23" s="281">
        <v>0</v>
      </c>
      <c r="W23" s="278">
        <v>0</v>
      </c>
      <c r="X23" s="283">
        <v>0</v>
      </c>
      <c r="Y23" s="277">
        <v>0</v>
      </c>
      <c r="Z23" s="281">
        <v>0</v>
      </c>
      <c r="AA23" s="278">
        <v>0</v>
      </c>
      <c r="AB23" s="280">
        <v>0</v>
      </c>
      <c r="AC23" s="281">
        <v>184</v>
      </c>
      <c r="AD23" s="281">
        <v>193</v>
      </c>
      <c r="AE23" s="281">
        <v>65</v>
      </c>
      <c r="AF23" s="281">
        <v>30</v>
      </c>
      <c r="AG23" s="281">
        <v>12</v>
      </c>
      <c r="AH23" s="278">
        <v>484</v>
      </c>
      <c r="AI23" s="283">
        <v>484</v>
      </c>
      <c r="AJ23" s="277">
        <v>0</v>
      </c>
      <c r="AK23" s="281">
        <v>1</v>
      </c>
      <c r="AL23" s="278">
        <v>1</v>
      </c>
      <c r="AM23" s="280">
        <v>0</v>
      </c>
      <c r="AN23" s="281">
        <v>0</v>
      </c>
      <c r="AO23" s="281">
        <v>0</v>
      </c>
      <c r="AP23" s="281">
        <v>0</v>
      </c>
      <c r="AQ23" s="281">
        <v>0</v>
      </c>
      <c r="AR23" s="281">
        <v>0</v>
      </c>
      <c r="AS23" s="278">
        <v>0</v>
      </c>
      <c r="AT23" s="283">
        <v>1</v>
      </c>
      <c r="AU23" s="277">
        <v>1</v>
      </c>
      <c r="AV23" s="281">
        <v>1</v>
      </c>
      <c r="AW23" s="278">
        <v>2</v>
      </c>
      <c r="AX23" s="280">
        <v>0</v>
      </c>
      <c r="AY23" s="281">
        <v>7</v>
      </c>
      <c r="AZ23" s="281">
        <v>6</v>
      </c>
      <c r="BA23" s="281">
        <v>20</v>
      </c>
      <c r="BB23" s="281">
        <v>13</v>
      </c>
      <c r="BC23" s="281">
        <v>4</v>
      </c>
      <c r="BD23" s="278">
        <v>50</v>
      </c>
      <c r="BE23" s="283">
        <v>52</v>
      </c>
      <c r="BF23" s="277">
        <v>0</v>
      </c>
      <c r="BG23" s="281">
        <v>0</v>
      </c>
      <c r="BH23" s="278">
        <v>0</v>
      </c>
      <c r="BI23" s="280">
        <v>0</v>
      </c>
      <c r="BJ23" s="281">
        <v>19</v>
      </c>
      <c r="BK23" s="281">
        <v>33</v>
      </c>
      <c r="BL23" s="281">
        <v>29</v>
      </c>
      <c r="BM23" s="281">
        <v>14</v>
      </c>
      <c r="BN23" s="281">
        <v>11</v>
      </c>
      <c r="BO23" s="282">
        <v>106</v>
      </c>
      <c r="BP23" s="283">
        <v>106</v>
      </c>
      <c r="BQ23" s="277">
        <v>0</v>
      </c>
      <c r="BR23" s="281">
        <v>0</v>
      </c>
      <c r="BS23" s="278">
        <v>0</v>
      </c>
      <c r="BT23" s="280">
        <v>0</v>
      </c>
      <c r="BU23" s="281">
        <v>0</v>
      </c>
      <c r="BV23" s="281">
        <v>0</v>
      </c>
      <c r="BW23" s="281">
        <v>0</v>
      </c>
      <c r="BX23" s="281">
        <v>0</v>
      </c>
      <c r="BY23" s="281">
        <v>0</v>
      </c>
      <c r="BZ23" s="278">
        <v>0</v>
      </c>
      <c r="CA23" s="283">
        <v>0</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2</v>
      </c>
      <c r="CR23" s="281">
        <v>4</v>
      </c>
      <c r="CS23" s="281">
        <v>2</v>
      </c>
      <c r="CT23" s="281">
        <v>2</v>
      </c>
      <c r="CU23" s="281">
        <v>6</v>
      </c>
      <c r="CV23" s="278">
        <v>16</v>
      </c>
      <c r="CW23" s="283">
        <v>16</v>
      </c>
    </row>
    <row r="24" spans="2:101" ht="19.8" customHeight="1" x14ac:dyDescent="0.2">
      <c r="B24" s="262" t="s">
        <v>22</v>
      </c>
      <c r="C24" s="277">
        <v>0</v>
      </c>
      <c r="D24" s="278">
        <v>0</v>
      </c>
      <c r="E24" s="279">
        <v>0</v>
      </c>
      <c r="F24" s="280">
        <v>0</v>
      </c>
      <c r="G24" s="281">
        <v>3</v>
      </c>
      <c r="H24" s="281">
        <v>6</v>
      </c>
      <c r="I24" s="281">
        <v>5</v>
      </c>
      <c r="J24" s="281">
        <v>1</v>
      </c>
      <c r="K24" s="281">
        <v>0</v>
      </c>
      <c r="L24" s="282">
        <v>15</v>
      </c>
      <c r="M24" s="283">
        <v>15</v>
      </c>
      <c r="N24" s="277">
        <v>0</v>
      </c>
      <c r="O24" s="281">
        <v>0</v>
      </c>
      <c r="P24" s="278">
        <v>0</v>
      </c>
      <c r="Q24" s="280">
        <v>0</v>
      </c>
      <c r="R24" s="281">
        <v>0</v>
      </c>
      <c r="S24" s="281">
        <v>0</v>
      </c>
      <c r="T24" s="281">
        <v>0</v>
      </c>
      <c r="U24" s="281">
        <v>0</v>
      </c>
      <c r="V24" s="281">
        <v>0</v>
      </c>
      <c r="W24" s="278">
        <v>0</v>
      </c>
      <c r="X24" s="283">
        <v>0</v>
      </c>
      <c r="Y24" s="277">
        <v>0</v>
      </c>
      <c r="Z24" s="281">
        <v>0</v>
      </c>
      <c r="AA24" s="278">
        <v>0</v>
      </c>
      <c r="AB24" s="280">
        <v>0</v>
      </c>
      <c r="AC24" s="281">
        <v>140</v>
      </c>
      <c r="AD24" s="281">
        <v>95</v>
      </c>
      <c r="AE24" s="281">
        <v>35</v>
      </c>
      <c r="AF24" s="281">
        <v>18</v>
      </c>
      <c r="AG24" s="281">
        <v>5</v>
      </c>
      <c r="AH24" s="278">
        <v>293</v>
      </c>
      <c r="AI24" s="283">
        <v>293</v>
      </c>
      <c r="AJ24" s="277">
        <v>0</v>
      </c>
      <c r="AK24" s="281">
        <v>0</v>
      </c>
      <c r="AL24" s="278">
        <v>0</v>
      </c>
      <c r="AM24" s="280">
        <v>0</v>
      </c>
      <c r="AN24" s="281">
        <v>8</v>
      </c>
      <c r="AO24" s="281">
        <v>4</v>
      </c>
      <c r="AP24" s="281">
        <v>5</v>
      </c>
      <c r="AQ24" s="281">
        <v>2</v>
      </c>
      <c r="AR24" s="281">
        <v>2</v>
      </c>
      <c r="AS24" s="278">
        <v>21</v>
      </c>
      <c r="AT24" s="283">
        <v>21</v>
      </c>
      <c r="AU24" s="277">
        <v>4</v>
      </c>
      <c r="AV24" s="281">
        <v>3</v>
      </c>
      <c r="AW24" s="278">
        <v>7</v>
      </c>
      <c r="AX24" s="280">
        <v>0</v>
      </c>
      <c r="AY24" s="281">
        <v>18</v>
      </c>
      <c r="AZ24" s="281">
        <v>18</v>
      </c>
      <c r="BA24" s="281">
        <v>15</v>
      </c>
      <c r="BB24" s="281">
        <v>7</v>
      </c>
      <c r="BC24" s="281">
        <v>3</v>
      </c>
      <c r="BD24" s="278">
        <v>61</v>
      </c>
      <c r="BE24" s="283">
        <v>68</v>
      </c>
      <c r="BF24" s="277">
        <v>0</v>
      </c>
      <c r="BG24" s="281">
        <v>0</v>
      </c>
      <c r="BH24" s="278">
        <v>0</v>
      </c>
      <c r="BI24" s="280">
        <v>0</v>
      </c>
      <c r="BJ24" s="281">
        <v>12</v>
      </c>
      <c r="BK24" s="281">
        <v>18</v>
      </c>
      <c r="BL24" s="281">
        <v>12</v>
      </c>
      <c r="BM24" s="281">
        <v>8</v>
      </c>
      <c r="BN24" s="281">
        <v>2</v>
      </c>
      <c r="BO24" s="282">
        <v>52</v>
      </c>
      <c r="BP24" s="283">
        <v>52</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4</v>
      </c>
      <c r="CI24" s="281">
        <v>20</v>
      </c>
      <c r="CJ24" s="281">
        <v>7</v>
      </c>
      <c r="CK24" s="278">
        <v>31</v>
      </c>
      <c r="CL24" s="283">
        <v>31</v>
      </c>
      <c r="CM24" s="277">
        <v>0</v>
      </c>
      <c r="CN24" s="281">
        <v>0</v>
      </c>
      <c r="CO24" s="278">
        <v>0</v>
      </c>
      <c r="CP24" s="280">
        <v>0</v>
      </c>
      <c r="CQ24" s="281">
        <v>0</v>
      </c>
      <c r="CR24" s="281">
        <v>0</v>
      </c>
      <c r="CS24" s="281">
        <v>0</v>
      </c>
      <c r="CT24" s="281">
        <v>0</v>
      </c>
      <c r="CU24" s="281">
        <v>0</v>
      </c>
      <c r="CV24" s="278">
        <v>0</v>
      </c>
      <c r="CW24" s="283">
        <v>0</v>
      </c>
    </row>
    <row r="25" spans="2:101" ht="19.8" customHeight="1" x14ac:dyDescent="0.2">
      <c r="B25" s="262" t="s">
        <v>23</v>
      </c>
      <c r="C25" s="277">
        <v>0</v>
      </c>
      <c r="D25" s="278">
        <v>0</v>
      </c>
      <c r="E25" s="279">
        <v>0</v>
      </c>
      <c r="F25" s="280">
        <v>0</v>
      </c>
      <c r="G25" s="281">
        <v>0</v>
      </c>
      <c r="H25" s="281">
        <v>1</v>
      </c>
      <c r="I25" s="281">
        <v>0</v>
      </c>
      <c r="J25" s="281">
        <v>0</v>
      </c>
      <c r="K25" s="281">
        <v>1</v>
      </c>
      <c r="L25" s="282">
        <v>2</v>
      </c>
      <c r="M25" s="283">
        <v>2</v>
      </c>
      <c r="N25" s="277">
        <v>0</v>
      </c>
      <c r="O25" s="281">
        <v>0</v>
      </c>
      <c r="P25" s="278">
        <v>0</v>
      </c>
      <c r="Q25" s="280">
        <v>0</v>
      </c>
      <c r="R25" s="281">
        <v>0</v>
      </c>
      <c r="S25" s="281">
        <v>0</v>
      </c>
      <c r="T25" s="281">
        <v>0</v>
      </c>
      <c r="U25" s="281">
        <v>0</v>
      </c>
      <c r="V25" s="281">
        <v>0</v>
      </c>
      <c r="W25" s="278">
        <v>0</v>
      </c>
      <c r="X25" s="283">
        <v>0</v>
      </c>
      <c r="Y25" s="277">
        <v>0</v>
      </c>
      <c r="Z25" s="281">
        <v>0</v>
      </c>
      <c r="AA25" s="278">
        <v>0</v>
      </c>
      <c r="AB25" s="280">
        <v>0</v>
      </c>
      <c r="AC25" s="281">
        <v>54</v>
      </c>
      <c r="AD25" s="281">
        <v>42</v>
      </c>
      <c r="AE25" s="281">
        <v>16</v>
      </c>
      <c r="AF25" s="281">
        <v>10</v>
      </c>
      <c r="AG25" s="281">
        <v>2</v>
      </c>
      <c r="AH25" s="278">
        <v>124</v>
      </c>
      <c r="AI25" s="283">
        <v>124</v>
      </c>
      <c r="AJ25" s="277">
        <v>0</v>
      </c>
      <c r="AK25" s="281">
        <v>0</v>
      </c>
      <c r="AL25" s="278">
        <v>0</v>
      </c>
      <c r="AM25" s="280">
        <v>0</v>
      </c>
      <c r="AN25" s="281">
        <v>0</v>
      </c>
      <c r="AO25" s="281">
        <v>1</v>
      </c>
      <c r="AP25" s="281">
        <v>0</v>
      </c>
      <c r="AQ25" s="281">
        <v>1</v>
      </c>
      <c r="AR25" s="281">
        <v>0</v>
      </c>
      <c r="AS25" s="278">
        <v>2</v>
      </c>
      <c r="AT25" s="283">
        <v>2</v>
      </c>
      <c r="AU25" s="277">
        <v>0</v>
      </c>
      <c r="AV25" s="281">
        <v>0</v>
      </c>
      <c r="AW25" s="278">
        <v>0</v>
      </c>
      <c r="AX25" s="280">
        <v>0</v>
      </c>
      <c r="AY25" s="281">
        <v>6</v>
      </c>
      <c r="AZ25" s="281">
        <v>2</v>
      </c>
      <c r="BA25" s="281">
        <v>4</v>
      </c>
      <c r="BB25" s="281">
        <v>1</v>
      </c>
      <c r="BC25" s="281">
        <v>0</v>
      </c>
      <c r="BD25" s="278">
        <v>13</v>
      </c>
      <c r="BE25" s="283">
        <v>13</v>
      </c>
      <c r="BF25" s="277">
        <v>0</v>
      </c>
      <c r="BG25" s="281">
        <v>1</v>
      </c>
      <c r="BH25" s="278">
        <v>1</v>
      </c>
      <c r="BI25" s="280">
        <v>0</v>
      </c>
      <c r="BJ25" s="281">
        <v>26</v>
      </c>
      <c r="BK25" s="281">
        <v>17</v>
      </c>
      <c r="BL25" s="281">
        <v>19</v>
      </c>
      <c r="BM25" s="281">
        <v>16</v>
      </c>
      <c r="BN25" s="281">
        <v>7</v>
      </c>
      <c r="BO25" s="282">
        <v>85</v>
      </c>
      <c r="BP25" s="283">
        <v>86</v>
      </c>
      <c r="BQ25" s="277">
        <v>0</v>
      </c>
      <c r="BR25" s="281">
        <v>0</v>
      </c>
      <c r="BS25" s="278">
        <v>0</v>
      </c>
      <c r="BT25" s="280">
        <v>0</v>
      </c>
      <c r="BU25" s="281">
        <v>0</v>
      </c>
      <c r="BV25" s="281">
        <v>0</v>
      </c>
      <c r="BW25" s="281">
        <v>0</v>
      </c>
      <c r="BX25" s="281">
        <v>0</v>
      </c>
      <c r="BY25" s="281">
        <v>0</v>
      </c>
      <c r="BZ25" s="278">
        <v>0</v>
      </c>
      <c r="CA25" s="283">
        <v>0</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1</v>
      </c>
      <c r="CU25" s="281">
        <v>0</v>
      </c>
      <c r="CV25" s="278">
        <v>1</v>
      </c>
      <c r="CW25" s="283">
        <v>1</v>
      </c>
    </row>
    <row r="26" spans="2:101" ht="19.8" customHeight="1" x14ac:dyDescent="0.2">
      <c r="B26" s="262" t="s">
        <v>24</v>
      </c>
      <c r="C26" s="277">
        <v>0</v>
      </c>
      <c r="D26" s="278">
        <v>0</v>
      </c>
      <c r="E26" s="279">
        <v>0</v>
      </c>
      <c r="F26" s="280">
        <v>0</v>
      </c>
      <c r="G26" s="281">
        <v>3</v>
      </c>
      <c r="H26" s="281">
        <v>2</v>
      </c>
      <c r="I26" s="281">
        <v>2</v>
      </c>
      <c r="J26" s="281">
        <v>3</v>
      </c>
      <c r="K26" s="281">
        <v>1</v>
      </c>
      <c r="L26" s="282">
        <v>11</v>
      </c>
      <c r="M26" s="283">
        <v>11</v>
      </c>
      <c r="N26" s="277">
        <v>0</v>
      </c>
      <c r="O26" s="281">
        <v>0</v>
      </c>
      <c r="P26" s="278">
        <v>0</v>
      </c>
      <c r="Q26" s="280">
        <v>0</v>
      </c>
      <c r="R26" s="281">
        <v>0</v>
      </c>
      <c r="S26" s="281">
        <v>0</v>
      </c>
      <c r="T26" s="281">
        <v>0</v>
      </c>
      <c r="U26" s="281">
        <v>0</v>
      </c>
      <c r="V26" s="281">
        <v>0</v>
      </c>
      <c r="W26" s="278">
        <v>0</v>
      </c>
      <c r="X26" s="283">
        <v>0</v>
      </c>
      <c r="Y26" s="277">
        <v>0</v>
      </c>
      <c r="Z26" s="281">
        <v>0</v>
      </c>
      <c r="AA26" s="278">
        <v>0</v>
      </c>
      <c r="AB26" s="280">
        <v>0</v>
      </c>
      <c r="AC26" s="281">
        <v>32</v>
      </c>
      <c r="AD26" s="281">
        <v>13</v>
      </c>
      <c r="AE26" s="281">
        <v>15</v>
      </c>
      <c r="AF26" s="281">
        <v>5</v>
      </c>
      <c r="AG26" s="281">
        <v>3</v>
      </c>
      <c r="AH26" s="278">
        <v>68</v>
      </c>
      <c r="AI26" s="283">
        <v>68</v>
      </c>
      <c r="AJ26" s="277">
        <v>0</v>
      </c>
      <c r="AK26" s="281">
        <v>0</v>
      </c>
      <c r="AL26" s="278">
        <v>0</v>
      </c>
      <c r="AM26" s="280">
        <v>0</v>
      </c>
      <c r="AN26" s="281">
        <v>11</v>
      </c>
      <c r="AO26" s="281">
        <v>8</v>
      </c>
      <c r="AP26" s="281">
        <v>4</v>
      </c>
      <c r="AQ26" s="281">
        <v>3</v>
      </c>
      <c r="AR26" s="281">
        <v>1</v>
      </c>
      <c r="AS26" s="278">
        <v>27</v>
      </c>
      <c r="AT26" s="283">
        <v>27</v>
      </c>
      <c r="AU26" s="277">
        <v>5</v>
      </c>
      <c r="AV26" s="281">
        <v>4</v>
      </c>
      <c r="AW26" s="278">
        <v>9</v>
      </c>
      <c r="AX26" s="280">
        <v>0</v>
      </c>
      <c r="AY26" s="281">
        <v>15</v>
      </c>
      <c r="AZ26" s="281">
        <v>7</v>
      </c>
      <c r="BA26" s="281">
        <v>2</v>
      </c>
      <c r="BB26" s="281">
        <v>4</v>
      </c>
      <c r="BC26" s="281">
        <v>4</v>
      </c>
      <c r="BD26" s="278">
        <v>32</v>
      </c>
      <c r="BE26" s="283">
        <v>41</v>
      </c>
      <c r="BF26" s="277">
        <v>0</v>
      </c>
      <c r="BG26" s="281">
        <v>0</v>
      </c>
      <c r="BH26" s="278">
        <v>0</v>
      </c>
      <c r="BI26" s="280">
        <v>0</v>
      </c>
      <c r="BJ26" s="281">
        <v>1</v>
      </c>
      <c r="BK26" s="281">
        <v>5</v>
      </c>
      <c r="BL26" s="281">
        <v>12</v>
      </c>
      <c r="BM26" s="281">
        <v>5</v>
      </c>
      <c r="BN26" s="281">
        <v>4</v>
      </c>
      <c r="BO26" s="282">
        <v>27</v>
      </c>
      <c r="BP26" s="283">
        <v>27</v>
      </c>
      <c r="BQ26" s="277">
        <v>0</v>
      </c>
      <c r="BR26" s="281">
        <v>0</v>
      </c>
      <c r="BS26" s="278">
        <v>0</v>
      </c>
      <c r="BT26" s="280">
        <v>0</v>
      </c>
      <c r="BU26" s="281">
        <v>0</v>
      </c>
      <c r="BV26" s="281">
        <v>0</v>
      </c>
      <c r="BW26" s="281">
        <v>0</v>
      </c>
      <c r="BX26" s="281">
        <v>0</v>
      </c>
      <c r="BY26" s="281">
        <v>0</v>
      </c>
      <c r="BZ26" s="278">
        <v>0</v>
      </c>
      <c r="CA26" s="283">
        <v>0</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row>
    <row r="27" spans="2:101" ht="19.8" customHeight="1" x14ac:dyDescent="0.2">
      <c r="B27" s="262" t="s">
        <v>25</v>
      </c>
      <c r="C27" s="277">
        <v>0</v>
      </c>
      <c r="D27" s="278">
        <v>0</v>
      </c>
      <c r="E27" s="279">
        <v>0</v>
      </c>
      <c r="F27" s="280">
        <v>0</v>
      </c>
      <c r="G27" s="281">
        <v>0</v>
      </c>
      <c r="H27" s="281">
        <v>0</v>
      </c>
      <c r="I27" s="281">
        <v>0</v>
      </c>
      <c r="J27" s="281">
        <v>0</v>
      </c>
      <c r="K27" s="281">
        <v>0</v>
      </c>
      <c r="L27" s="282">
        <v>0</v>
      </c>
      <c r="M27" s="283">
        <v>0</v>
      </c>
      <c r="N27" s="277">
        <v>0</v>
      </c>
      <c r="O27" s="281">
        <v>0</v>
      </c>
      <c r="P27" s="278">
        <v>0</v>
      </c>
      <c r="Q27" s="280">
        <v>0</v>
      </c>
      <c r="R27" s="281">
        <v>0</v>
      </c>
      <c r="S27" s="281">
        <v>0</v>
      </c>
      <c r="T27" s="281">
        <v>0</v>
      </c>
      <c r="U27" s="281">
        <v>0</v>
      </c>
      <c r="V27" s="281">
        <v>0</v>
      </c>
      <c r="W27" s="278">
        <v>0</v>
      </c>
      <c r="X27" s="283">
        <v>0</v>
      </c>
      <c r="Y27" s="277">
        <v>0</v>
      </c>
      <c r="Z27" s="281">
        <v>0</v>
      </c>
      <c r="AA27" s="278">
        <v>0</v>
      </c>
      <c r="AB27" s="280">
        <v>0</v>
      </c>
      <c r="AC27" s="281">
        <v>79</v>
      </c>
      <c r="AD27" s="281">
        <v>32</v>
      </c>
      <c r="AE27" s="281">
        <v>15</v>
      </c>
      <c r="AF27" s="281">
        <v>5</v>
      </c>
      <c r="AG27" s="281">
        <v>2</v>
      </c>
      <c r="AH27" s="278">
        <v>133</v>
      </c>
      <c r="AI27" s="283">
        <v>133</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7</v>
      </c>
      <c r="AZ27" s="281">
        <v>5</v>
      </c>
      <c r="BA27" s="281">
        <v>4</v>
      </c>
      <c r="BB27" s="281">
        <v>0</v>
      </c>
      <c r="BC27" s="281">
        <v>0</v>
      </c>
      <c r="BD27" s="278">
        <v>16</v>
      </c>
      <c r="BE27" s="283">
        <v>16</v>
      </c>
      <c r="BF27" s="277">
        <v>0</v>
      </c>
      <c r="BG27" s="281">
        <v>0</v>
      </c>
      <c r="BH27" s="278">
        <v>0</v>
      </c>
      <c r="BI27" s="280">
        <v>0</v>
      </c>
      <c r="BJ27" s="281">
        <v>13</v>
      </c>
      <c r="BK27" s="281">
        <v>7</v>
      </c>
      <c r="BL27" s="281">
        <v>5</v>
      </c>
      <c r="BM27" s="281">
        <v>6</v>
      </c>
      <c r="BN27" s="281">
        <v>0</v>
      </c>
      <c r="BO27" s="282">
        <v>31</v>
      </c>
      <c r="BP27" s="283">
        <v>31</v>
      </c>
      <c r="BQ27" s="277">
        <v>0</v>
      </c>
      <c r="BR27" s="281">
        <v>0</v>
      </c>
      <c r="BS27" s="278">
        <v>0</v>
      </c>
      <c r="BT27" s="280">
        <v>0</v>
      </c>
      <c r="BU27" s="281">
        <v>0</v>
      </c>
      <c r="BV27" s="281">
        <v>0</v>
      </c>
      <c r="BW27" s="281">
        <v>0</v>
      </c>
      <c r="BX27" s="281">
        <v>0</v>
      </c>
      <c r="BY27" s="281">
        <v>0</v>
      </c>
      <c r="BZ27" s="278">
        <v>0</v>
      </c>
      <c r="CA27" s="283">
        <v>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row>
    <row r="28" spans="2:101" ht="19.8" customHeight="1" x14ac:dyDescent="0.2">
      <c r="B28" s="262" t="s">
        <v>26</v>
      </c>
      <c r="C28" s="277">
        <v>0</v>
      </c>
      <c r="D28" s="278">
        <v>0</v>
      </c>
      <c r="E28" s="279">
        <v>0</v>
      </c>
      <c r="F28" s="280">
        <v>0</v>
      </c>
      <c r="G28" s="281">
        <v>0</v>
      </c>
      <c r="H28" s="281">
        <v>0</v>
      </c>
      <c r="I28" s="281">
        <v>0</v>
      </c>
      <c r="J28" s="281">
        <v>0</v>
      </c>
      <c r="K28" s="281">
        <v>0</v>
      </c>
      <c r="L28" s="282">
        <v>0</v>
      </c>
      <c r="M28" s="283">
        <v>0</v>
      </c>
      <c r="N28" s="277">
        <v>0</v>
      </c>
      <c r="O28" s="281">
        <v>0</v>
      </c>
      <c r="P28" s="278">
        <v>0</v>
      </c>
      <c r="Q28" s="280">
        <v>0</v>
      </c>
      <c r="R28" s="281">
        <v>0</v>
      </c>
      <c r="S28" s="281">
        <v>0</v>
      </c>
      <c r="T28" s="281">
        <v>0</v>
      </c>
      <c r="U28" s="281">
        <v>0</v>
      </c>
      <c r="V28" s="281">
        <v>0</v>
      </c>
      <c r="W28" s="278">
        <v>0</v>
      </c>
      <c r="X28" s="283">
        <v>0</v>
      </c>
      <c r="Y28" s="277">
        <v>0</v>
      </c>
      <c r="Z28" s="281">
        <v>0</v>
      </c>
      <c r="AA28" s="278">
        <v>0</v>
      </c>
      <c r="AB28" s="280">
        <v>0</v>
      </c>
      <c r="AC28" s="281">
        <v>45</v>
      </c>
      <c r="AD28" s="281">
        <v>41</v>
      </c>
      <c r="AE28" s="281">
        <v>21</v>
      </c>
      <c r="AF28" s="281">
        <v>11</v>
      </c>
      <c r="AG28" s="281">
        <v>13</v>
      </c>
      <c r="AH28" s="278">
        <v>131</v>
      </c>
      <c r="AI28" s="283">
        <v>131</v>
      </c>
      <c r="AJ28" s="277">
        <v>0</v>
      </c>
      <c r="AK28" s="281">
        <v>0</v>
      </c>
      <c r="AL28" s="278">
        <v>0</v>
      </c>
      <c r="AM28" s="280">
        <v>0</v>
      </c>
      <c r="AN28" s="281">
        <v>1</v>
      </c>
      <c r="AO28" s="281">
        <v>3</v>
      </c>
      <c r="AP28" s="281">
        <v>7</v>
      </c>
      <c r="AQ28" s="281">
        <v>1</v>
      </c>
      <c r="AR28" s="281">
        <v>3</v>
      </c>
      <c r="AS28" s="278">
        <v>15</v>
      </c>
      <c r="AT28" s="283">
        <v>15</v>
      </c>
      <c r="AU28" s="277">
        <v>1</v>
      </c>
      <c r="AV28" s="281">
        <v>0</v>
      </c>
      <c r="AW28" s="278">
        <v>1</v>
      </c>
      <c r="AX28" s="280">
        <v>0</v>
      </c>
      <c r="AY28" s="281">
        <v>8</v>
      </c>
      <c r="AZ28" s="281">
        <v>6</v>
      </c>
      <c r="BA28" s="281">
        <v>5</v>
      </c>
      <c r="BB28" s="281">
        <v>3</v>
      </c>
      <c r="BC28" s="281">
        <v>3</v>
      </c>
      <c r="BD28" s="278">
        <v>25</v>
      </c>
      <c r="BE28" s="283">
        <v>26</v>
      </c>
      <c r="BF28" s="277">
        <v>0</v>
      </c>
      <c r="BG28" s="281">
        <v>0</v>
      </c>
      <c r="BH28" s="278">
        <v>0</v>
      </c>
      <c r="BI28" s="280">
        <v>0</v>
      </c>
      <c r="BJ28" s="281">
        <v>10</v>
      </c>
      <c r="BK28" s="281">
        <v>10</v>
      </c>
      <c r="BL28" s="281">
        <v>18</v>
      </c>
      <c r="BM28" s="281">
        <v>11</v>
      </c>
      <c r="BN28" s="281">
        <v>5</v>
      </c>
      <c r="BO28" s="282">
        <v>54</v>
      </c>
      <c r="BP28" s="283">
        <v>54</v>
      </c>
      <c r="BQ28" s="277">
        <v>0</v>
      </c>
      <c r="BR28" s="281">
        <v>0</v>
      </c>
      <c r="BS28" s="278">
        <v>0</v>
      </c>
      <c r="BT28" s="280">
        <v>0</v>
      </c>
      <c r="BU28" s="281">
        <v>0</v>
      </c>
      <c r="BV28" s="281">
        <v>0</v>
      </c>
      <c r="BW28" s="281">
        <v>0</v>
      </c>
      <c r="BX28" s="281">
        <v>0</v>
      </c>
      <c r="BY28" s="281">
        <v>0</v>
      </c>
      <c r="BZ28" s="278">
        <v>0</v>
      </c>
      <c r="CA28" s="283">
        <v>0</v>
      </c>
      <c r="CB28" s="277">
        <v>0</v>
      </c>
      <c r="CC28" s="281">
        <v>0</v>
      </c>
      <c r="CD28" s="278">
        <v>0</v>
      </c>
      <c r="CE28" s="280">
        <v>0</v>
      </c>
      <c r="CF28" s="281">
        <v>0</v>
      </c>
      <c r="CG28" s="281">
        <v>0</v>
      </c>
      <c r="CH28" s="281">
        <v>1</v>
      </c>
      <c r="CI28" s="281">
        <v>0</v>
      </c>
      <c r="CJ28" s="281">
        <v>0</v>
      </c>
      <c r="CK28" s="278">
        <v>1</v>
      </c>
      <c r="CL28" s="283">
        <v>1</v>
      </c>
      <c r="CM28" s="277">
        <v>0</v>
      </c>
      <c r="CN28" s="281">
        <v>0</v>
      </c>
      <c r="CO28" s="278">
        <v>0</v>
      </c>
      <c r="CP28" s="280">
        <v>0</v>
      </c>
      <c r="CQ28" s="281">
        <v>0</v>
      </c>
      <c r="CR28" s="281">
        <v>0</v>
      </c>
      <c r="CS28" s="281">
        <v>0</v>
      </c>
      <c r="CT28" s="281">
        <v>0</v>
      </c>
      <c r="CU28" s="281">
        <v>0</v>
      </c>
      <c r="CV28" s="278">
        <v>0</v>
      </c>
      <c r="CW28" s="283">
        <v>0</v>
      </c>
    </row>
    <row r="29" spans="2:101" ht="19.8" customHeight="1" x14ac:dyDescent="0.2">
      <c r="B29" s="262" t="s">
        <v>27</v>
      </c>
      <c r="C29" s="277">
        <v>0</v>
      </c>
      <c r="D29" s="278">
        <v>0</v>
      </c>
      <c r="E29" s="279">
        <v>0</v>
      </c>
      <c r="F29" s="280">
        <v>0</v>
      </c>
      <c r="G29" s="281">
        <v>0</v>
      </c>
      <c r="H29" s="281">
        <v>2</v>
      </c>
      <c r="I29" s="281">
        <v>0</v>
      </c>
      <c r="J29" s="281">
        <v>0</v>
      </c>
      <c r="K29" s="281">
        <v>0</v>
      </c>
      <c r="L29" s="282">
        <v>2</v>
      </c>
      <c r="M29" s="283">
        <v>2</v>
      </c>
      <c r="N29" s="277">
        <v>0</v>
      </c>
      <c r="O29" s="281">
        <v>0</v>
      </c>
      <c r="P29" s="278">
        <v>0</v>
      </c>
      <c r="Q29" s="280">
        <v>0</v>
      </c>
      <c r="R29" s="281">
        <v>0</v>
      </c>
      <c r="S29" s="281">
        <v>0</v>
      </c>
      <c r="T29" s="281">
        <v>0</v>
      </c>
      <c r="U29" s="281">
        <v>0</v>
      </c>
      <c r="V29" s="281">
        <v>0</v>
      </c>
      <c r="W29" s="278">
        <v>0</v>
      </c>
      <c r="X29" s="283">
        <v>0</v>
      </c>
      <c r="Y29" s="277">
        <v>0</v>
      </c>
      <c r="Z29" s="281">
        <v>0</v>
      </c>
      <c r="AA29" s="278">
        <v>0</v>
      </c>
      <c r="AB29" s="280">
        <v>0</v>
      </c>
      <c r="AC29" s="281">
        <v>35</v>
      </c>
      <c r="AD29" s="281">
        <v>19</v>
      </c>
      <c r="AE29" s="281">
        <v>10</v>
      </c>
      <c r="AF29" s="281">
        <v>3</v>
      </c>
      <c r="AG29" s="281">
        <v>0</v>
      </c>
      <c r="AH29" s="278">
        <v>67</v>
      </c>
      <c r="AI29" s="283">
        <v>67</v>
      </c>
      <c r="AJ29" s="277">
        <v>0</v>
      </c>
      <c r="AK29" s="281">
        <v>0</v>
      </c>
      <c r="AL29" s="278">
        <v>0</v>
      </c>
      <c r="AM29" s="280">
        <v>0</v>
      </c>
      <c r="AN29" s="281">
        <v>2</v>
      </c>
      <c r="AO29" s="281">
        <v>2</v>
      </c>
      <c r="AP29" s="281">
        <v>3</v>
      </c>
      <c r="AQ29" s="281">
        <v>1</v>
      </c>
      <c r="AR29" s="281">
        <v>0</v>
      </c>
      <c r="AS29" s="278">
        <v>8</v>
      </c>
      <c r="AT29" s="283">
        <v>8</v>
      </c>
      <c r="AU29" s="277">
        <v>0</v>
      </c>
      <c r="AV29" s="281">
        <v>0</v>
      </c>
      <c r="AW29" s="278">
        <v>0</v>
      </c>
      <c r="AX29" s="280">
        <v>0</v>
      </c>
      <c r="AY29" s="281">
        <v>0</v>
      </c>
      <c r="AZ29" s="281">
        <v>1</v>
      </c>
      <c r="BA29" s="281">
        <v>0</v>
      </c>
      <c r="BB29" s="281">
        <v>0</v>
      </c>
      <c r="BC29" s="281">
        <v>0</v>
      </c>
      <c r="BD29" s="278">
        <v>1</v>
      </c>
      <c r="BE29" s="283">
        <v>1</v>
      </c>
      <c r="BF29" s="277">
        <v>0</v>
      </c>
      <c r="BG29" s="281">
        <v>0</v>
      </c>
      <c r="BH29" s="278">
        <v>0</v>
      </c>
      <c r="BI29" s="280">
        <v>0</v>
      </c>
      <c r="BJ29" s="281">
        <v>17</v>
      </c>
      <c r="BK29" s="281">
        <v>6</v>
      </c>
      <c r="BL29" s="281">
        <v>9</v>
      </c>
      <c r="BM29" s="281">
        <v>0</v>
      </c>
      <c r="BN29" s="281">
        <v>4</v>
      </c>
      <c r="BO29" s="282">
        <v>36</v>
      </c>
      <c r="BP29" s="283">
        <v>36</v>
      </c>
      <c r="BQ29" s="277">
        <v>0</v>
      </c>
      <c r="BR29" s="281">
        <v>0</v>
      </c>
      <c r="BS29" s="278">
        <v>0</v>
      </c>
      <c r="BT29" s="280">
        <v>0</v>
      </c>
      <c r="BU29" s="281">
        <v>0</v>
      </c>
      <c r="BV29" s="281">
        <v>0</v>
      </c>
      <c r="BW29" s="281">
        <v>0</v>
      </c>
      <c r="BX29" s="281">
        <v>0</v>
      </c>
      <c r="BY29" s="281">
        <v>0</v>
      </c>
      <c r="BZ29" s="278">
        <v>0</v>
      </c>
      <c r="CA29" s="283">
        <v>0</v>
      </c>
      <c r="CB29" s="277">
        <v>0</v>
      </c>
      <c r="CC29" s="281">
        <v>0</v>
      </c>
      <c r="CD29" s="278">
        <v>0</v>
      </c>
      <c r="CE29" s="280">
        <v>0</v>
      </c>
      <c r="CF29" s="281">
        <v>0</v>
      </c>
      <c r="CG29" s="281">
        <v>0</v>
      </c>
      <c r="CH29" s="281">
        <v>10</v>
      </c>
      <c r="CI29" s="281">
        <v>10</v>
      </c>
      <c r="CJ29" s="281">
        <v>3</v>
      </c>
      <c r="CK29" s="278">
        <v>23</v>
      </c>
      <c r="CL29" s="283">
        <v>23</v>
      </c>
      <c r="CM29" s="277">
        <v>0</v>
      </c>
      <c r="CN29" s="281">
        <v>0</v>
      </c>
      <c r="CO29" s="278">
        <v>0</v>
      </c>
      <c r="CP29" s="280">
        <v>0</v>
      </c>
      <c r="CQ29" s="281">
        <v>0</v>
      </c>
      <c r="CR29" s="281">
        <v>0</v>
      </c>
      <c r="CS29" s="281">
        <v>1</v>
      </c>
      <c r="CT29" s="281">
        <v>0</v>
      </c>
      <c r="CU29" s="281">
        <v>0</v>
      </c>
      <c r="CV29" s="278">
        <v>1</v>
      </c>
      <c r="CW29" s="283">
        <v>1</v>
      </c>
    </row>
    <row r="30" spans="2:101" ht="19.8" customHeight="1" x14ac:dyDescent="0.2">
      <c r="B30" s="262" t="s">
        <v>28</v>
      </c>
      <c r="C30" s="277">
        <v>0</v>
      </c>
      <c r="D30" s="278">
        <v>0</v>
      </c>
      <c r="E30" s="279">
        <v>0</v>
      </c>
      <c r="F30" s="280">
        <v>0</v>
      </c>
      <c r="G30" s="281">
        <v>0</v>
      </c>
      <c r="H30" s="281">
        <v>0</v>
      </c>
      <c r="I30" s="281">
        <v>0</v>
      </c>
      <c r="J30" s="281">
        <v>0</v>
      </c>
      <c r="K30" s="281">
        <v>0</v>
      </c>
      <c r="L30" s="282">
        <v>0</v>
      </c>
      <c r="M30" s="283">
        <v>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21</v>
      </c>
      <c r="AD30" s="281">
        <v>15</v>
      </c>
      <c r="AE30" s="281">
        <v>1</v>
      </c>
      <c r="AF30" s="281">
        <v>3</v>
      </c>
      <c r="AG30" s="281">
        <v>1</v>
      </c>
      <c r="AH30" s="278">
        <v>41</v>
      </c>
      <c r="AI30" s="283">
        <v>41</v>
      </c>
      <c r="AJ30" s="277">
        <v>0</v>
      </c>
      <c r="AK30" s="281">
        <v>0</v>
      </c>
      <c r="AL30" s="278">
        <v>0</v>
      </c>
      <c r="AM30" s="280">
        <v>0</v>
      </c>
      <c r="AN30" s="281">
        <v>1</v>
      </c>
      <c r="AO30" s="281">
        <v>1</v>
      </c>
      <c r="AP30" s="281">
        <v>2</v>
      </c>
      <c r="AQ30" s="281">
        <v>0</v>
      </c>
      <c r="AR30" s="281">
        <v>1</v>
      </c>
      <c r="AS30" s="278">
        <v>5</v>
      </c>
      <c r="AT30" s="283">
        <v>5</v>
      </c>
      <c r="AU30" s="277">
        <v>0</v>
      </c>
      <c r="AV30" s="281">
        <v>0</v>
      </c>
      <c r="AW30" s="278">
        <v>0</v>
      </c>
      <c r="AX30" s="280">
        <v>0</v>
      </c>
      <c r="AY30" s="281">
        <v>0</v>
      </c>
      <c r="AZ30" s="281">
        <v>0</v>
      </c>
      <c r="BA30" s="281">
        <v>0</v>
      </c>
      <c r="BB30" s="281">
        <v>0</v>
      </c>
      <c r="BC30" s="281">
        <v>0</v>
      </c>
      <c r="BD30" s="278">
        <v>0</v>
      </c>
      <c r="BE30" s="283">
        <v>0</v>
      </c>
      <c r="BF30" s="277">
        <v>0</v>
      </c>
      <c r="BG30" s="281">
        <v>0</v>
      </c>
      <c r="BH30" s="278">
        <v>0</v>
      </c>
      <c r="BI30" s="280">
        <v>0</v>
      </c>
      <c r="BJ30" s="281">
        <v>0</v>
      </c>
      <c r="BK30" s="281">
        <v>4</v>
      </c>
      <c r="BL30" s="281">
        <v>6</v>
      </c>
      <c r="BM30" s="281">
        <v>1</v>
      </c>
      <c r="BN30" s="281">
        <v>4</v>
      </c>
      <c r="BO30" s="282">
        <v>15</v>
      </c>
      <c r="BP30" s="283">
        <v>15</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1</v>
      </c>
      <c r="CI30" s="281">
        <v>0</v>
      </c>
      <c r="CJ30" s="281">
        <v>0</v>
      </c>
      <c r="CK30" s="278">
        <v>1</v>
      </c>
      <c r="CL30" s="283">
        <v>1</v>
      </c>
      <c r="CM30" s="277">
        <v>0</v>
      </c>
      <c r="CN30" s="281">
        <v>0</v>
      </c>
      <c r="CO30" s="278">
        <v>0</v>
      </c>
      <c r="CP30" s="280">
        <v>0</v>
      </c>
      <c r="CQ30" s="281">
        <v>0</v>
      </c>
      <c r="CR30" s="281">
        <v>0</v>
      </c>
      <c r="CS30" s="281">
        <v>0</v>
      </c>
      <c r="CT30" s="281">
        <v>0</v>
      </c>
      <c r="CU30" s="281">
        <v>0</v>
      </c>
      <c r="CV30" s="278">
        <v>0</v>
      </c>
      <c r="CW30" s="283">
        <v>0</v>
      </c>
    </row>
    <row r="31" spans="2:101" ht="19.8" customHeight="1" x14ac:dyDescent="0.2">
      <c r="B31" s="262" t="s">
        <v>29</v>
      </c>
      <c r="C31" s="277">
        <v>0</v>
      </c>
      <c r="D31" s="278">
        <v>0</v>
      </c>
      <c r="E31" s="279">
        <v>0</v>
      </c>
      <c r="F31" s="280">
        <v>0</v>
      </c>
      <c r="G31" s="281">
        <v>0</v>
      </c>
      <c r="H31" s="281">
        <v>0</v>
      </c>
      <c r="I31" s="281">
        <v>0</v>
      </c>
      <c r="J31" s="281">
        <v>0</v>
      </c>
      <c r="K31" s="281">
        <v>0</v>
      </c>
      <c r="L31" s="282">
        <v>0</v>
      </c>
      <c r="M31" s="283">
        <v>0</v>
      </c>
      <c r="N31" s="277">
        <v>0</v>
      </c>
      <c r="O31" s="281">
        <v>0</v>
      </c>
      <c r="P31" s="278">
        <v>0</v>
      </c>
      <c r="Q31" s="280">
        <v>0</v>
      </c>
      <c r="R31" s="281">
        <v>0</v>
      </c>
      <c r="S31" s="281">
        <v>0</v>
      </c>
      <c r="T31" s="281">
        <v>0</v>
      </c>
      <c r="U31" s="281">
        <v>0</v>
      </c>
      <c r="V31" s="281">
        <v>0</v>
      </c>
      <c r="W31" s="278">
        <v>0</v>
      </c>
      <c r="X31" s="283">
        <v>0</v>
      </c>
      <c r="Y31" s="277">
        <v>0</v>
      </c>
      <c r="Z31" s="281">
        <v>0</v>
      </c>
      <c r="AA31" s="278">
        <v>0</v>
      </c>
      <c r="AB31" s="280">
        <v>0</v>
      </c>
      <c r="AC31" s="281">
        <v>17</v>
      </c>
      <c r="AD31" s="281">
        <v>19</v>
      </c>
      <c r="AE31" s="281">
        <v>3</v>
      </c>
      <c r="AF31" s="281">
        <v>3</v>
      </c>
      <c r="AG31" s="281">
        <v>0</v>
      </c>
      <c r="AH31" s="278">
        <v>42</v>
      </c>
      <c r="AI31" s="283">
        <v>42</v>
      </c>
      <c r="AJ31" s="277">
        <v>0</v>
      </c>
      <c r="AK31" s="281">
        <v>0</v>
      </c>
      <c r="AL31" s="278">
        <v>0</v>
      </c>
      <c r="AM31" s="280">
        <v>0</v>
      </c>
      <c r="AN31" s="281">
        <v>0</v>
      </c>
      <c r="AO31" s="281">
        <v>1</v>
      </c>
      <c r="AP31" s="281">
        <v>3</v>
      </c>
      <c r="AQ31" s="281">
        <v>0</v>
      </c>
      <c r="AR31" s="281">
        <v>0</v>
      </c>
      <c r="AS31" s="278">
        <v>4</v>
      </c>
      <c r="AT31" s="283">
        <v>4</v>
      </c>
      <c r="AU31" s="277">
        <v>1</v>
      </c>
      <c r="AV31" s="281">
        <v>3</v>
      </c>
      <c r="AW31" s="278">
        <v>4</v>
      </c>
      <c r="AX31" s="280">
        <v>0</v>
      </c>
      <c r="AY31" s="281">
        <v>5</v>
      </c>
      <c r="AZ31" s="281">
        <v>3</v>
      </c>
      <c r="BA31" s="281">
        <v>3</v>
      </c>
      <c r="BB31" s="281">
        <v>7</v>
      </c>
      <c r="BC31" s="281">
        <v>0</v>
      </c>
      <c r="BD31" s="278">
        <v>18</v>
      </c>
      <c r="BE31" s="283">
        <v>22</v>
      </c>
      <c r="BF31" s="277">
        <v>0</v>
      </c>
      <c r="BG31" s="281">
        <v>0</v>
      </c>
      <c r="BH31" s="278">
        <v>0</v>
      </c>
      <c r="BI31" s="280">
        <v>0</v>
      </c>
      <c r="BJ31" s="281">
        <v>3</v>
      </c>
      <c r="BK31" s="281">
        <v>3</v>
      </c>
      <c r="BL31" s="281">
        <v>2</v>
      </c>
      <c r="BM31" s="281">
        <v>2</v>
      </c>
      <c r="BN31" s="281">
        <v>2</v>
      </c>
      <c r="BO31" s="282">
        <v>12</v>
      </c>
      <c r="BP31" s="283">
        <v>12</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3</v>
      </c>
      <c r="CH31" s="281">
        <v>6</v>
      </c>
      <c r="CI31" s="281">
        <v>9</v>
      </c>
      <c r="CJ31" s="281">
        <v>6</v>
      </c>
      <c r="CK31" s="278">
        <v>24</v>
      </c>
      <c r="CL31" s="283">
        <v>24</v>
      </c>
      <c r="CM31" s="277">
        <v>0</v>
      </c>
      <c r="CN31" s="281">
        <v>0</v>
      </c>
      <c r="CO31" s="278">
        <v>0</v>
      </c>
      <c r="CP31" s="280">
        <v>0</v>
      </c>
      <c r="CQ31" s="281">
        <v>0</v>
      </c>
      <c r="CR31" s="281">
        <v>0</v>
      </c>
      <c r="CS31" s="281">
        <v>0</v>
      </c>
      <c r="CT31" s="281">
        <v>0</v>
      </c>
      <c r="CU31" s="281">
        <v>0</v>
      </c>
      <c r="CV31" s="278">
        <v>0</v>
      </c>
      <c r="CW31" s="283">
        <v>0</v>
      </c>
    </row>
    <row r="32" spans="2:101" ht="19.8" customHeight="1" x14ac:dyDescent="0.2">
      <c r="B32" s="262" t="s">
        <v>30</v>
      </c>
      <c r="C32" s="277">
        <v>0</v>
      </c>
      <c r="D32" s="278">
        <v>0</v>
      </c>
      <c r="E32" s="279">
        <v>0</v>
      </c>
      <c r="F32" s="280">
        <v>0</v>
      </c>
      <c r="G32" s="281">
        <v>1</v>
      </c>
      <c r="H32" s="281">
        <v>0</v>
      </c>
      <c r="I32" s="281">
        <v>1</v>
      </c>
      <c r="J32" s="281">
        <v>0</v>
      </c>
      <c r="K32" s="281">
        <v>0</v>
      </c>
      <c r="L32" s="282">
        <v>2</v>
      </c>
      <c r="M32" s="283">
        <v>2</v>
      </c>
      <c r="N32" s="277">
        <v>0</v>
      </c>
      <c r="O32" s="281">
        <v>0</v>
      </c>
      <c r="P32" s="278">
        <v>0</v>
      </c>
      <c r="Q32" s="280">
        <v>0</v>
      </c>
      <c r="R32" s="281">
        <v>0</v>
      </c>
      <c r="S32" s="281">
        <v>0</v>
      </c>
      <c r="T32" s="281">
        <v>0</v>
      </c>
      <c r="U32" s="281">
        <v>0</v>
      </c>
      <c r="V32" s="281">
        <v>0</v>
      </c>
      <c r="W32" s="278">
        <v>0</v>
      </c>
      <c r="X32" s="283">
        <v>0</v>
      </c>
      <c r="Y32" s="277">
        <v>0</v>
      </c>
      <c r="Z32" s="281">
        <v>0</v>
      </c>
      <c r="AA32" s="278">
        <v>0</v>
      </c>
      <c r="AB32" s="280">
        <v>0</v>
      </c>
      <c r="AC32" s="281">
        <v>26</v>
      </c>
      <c r="AD32" s="281">
        <v>12</v>
      </c>
      <c r="AE32" s="281">
        <v>9</v>
      </c>
      <c r="AF32" s="281">
        <v>3</v>
      </c>
      <c r="AG32" s="281">
        <v>0</v>
      </c>
      <c r="AH32" s="278">
        <v>50</v>
      </c>
      <c r="AI32" s="283">
        <v>50</v>
      </c>
      <c r="AJ32" s="277">
        <v>1</v>
      </c>
      <c r="AK32" s="281">
        <v>0</v>
      </c>
      <c r="AL32" s="278">
        <v>1</v>
      </c>
      <c r="AM32" s="280">
        <v>0</v>
      </c>
      <c r="AN32" s="281">
        <v>1</v>
      </c>
      <c r="AO32" s="281">
        <v>2</v>
      </c>
      <c r="AP32" s="281">
        <v>2</v>
      </c>
      <c r="AQ32" s="281">
        <v>0</v>
      </c>
      <c r="AR32" s="281">
        <v>0</v>
      </c>
      <c r="AS32" s="278">
        <v>5</v>
      </c>
      <c r="AT32" s="283">
        <v>6</v>
      </c>
      <c r="AU32" s="277">
        <v>0</v>
      </c>
      <c r="AV32" s="281">
        <v>0</v>
      </c>
      <c r="AW32" s="278">
        <v>0</v>
      </c>
      <c r="AX32" s="280">
        <v>0</v>
      </c>
      <c r="AY32" s="281">
        <v>0</v>
      </c>
      <c r="AZ32" s="281">
        <v>1</v>
      </c>
      <c r="BA32" s="281">
        <v>0</v>
      </c>
      <c r="BB32" s="281">
        <v>1</v>
      </c>
      <c r="BC32" s="281">
        <v>1</v>
      </c>
      <c r="BD32" s="278">
        <v>3</v>
      </c>
      <c r="BE32" s="283">
        <v>3</v>
      </c>
      <c r="BF32" s="277">
        <v>0</v>
      </c>
      <c r="BG32" s="281">
        <v>0</v>
      </c>
      <c r="BH32" s="278">
        <v>0</v>
      </c>
      <c r="BI32" s="280">
        <v>0</v>
      </c>
      <c r="BJ32" s="281">
        <v>9</v>
      </c>
      <c r="BK32" s="281">
        <v>3</v>
      </c>
      <c r="BL32" s="281">
        <v>6</v>
      </c>
      <c r="BM32" s="281">
        <v>4</v>
      </c>
      <c r="BN32" s="281">
        <v>2</v>
      </c>
      <c r="BO32" s="282">
        <v>24</v>
      </c>
      <c r="BP32" s="283">
        <v>24</v>
      </c>
      <c r="BQ32" s="277">
        <v>0</v>
      </c>
      <c r="BR32" s="281">
        <v>0</v>
      </c>
      <c r="BS32" s="278">
        <v>0</v>
      </c>
      <c r="BT32" s="280">
        <v>0</v>
      </c>
      <c r="BU32" s="281">
        <v>0</v>
      </c>
      <c r="BV32" s="281">
        <v>0</v>
      </c>
      <c r="BW32" s="281">
        <v>0</v>
      </c>
      <c r="BX32" s="281">
        <v>0</v>
      </c>
      <c r="BY32" s="281">
        <v>0</v>
      </c>
      <c r="BZ32" s="278">
        <v>0</v>
      </c>
      <c r="CA32" s="283">
        <v>0</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row>
    <row r="33" spans="2:101" ht="19.8" customHeight="1" x14ac:dyDescent="0.2">
      <c r="B33" s="262" t="s">
        <v>31</v>
      </c>
      <c r="C33" s="277">
        <v>0</v>
      </c>
      <c r="D33" s="278">
        <v>0</v>
      </c>
      <c r="E33" s="279">
        <v>0</v>
      </c>
      <c r="F33" s="280">
        <v>0</v>
      </c>
      <c r="G33" s="281">
        <v>0</v>
      </c>
      <c r="H33" s="281">
        <v>2</v>
      </c>
      <c r="I33" s="281">
        <v>0</v>
      </c>
      <c r="J33" s="281">
        <v>1</v>
      </c>
      <c r="K33" s="281">
        <v>0</v>
      </c>
      <c r="L33" s="282">
        <v>3</v>
      </c>
      <c r="M33" s="283">
        <v>3</v>
      </c>
      <c r="N33" s="277">
        <v>0</v>
      </c>
      <c r="O33" s="281">
        <v>0</v>
      </c>
      <c r="P33" s="278">
        <v>0</v>
      </c>
      <c r="Q33" s="280">
        <v>0</v>
      </c>
      <c r="R33" s="281">
        <v>0</v>
      </c>
      <c r="S33" s="281">
        <v>0</v>
      </c>
      <c r="T33" s="281">
        <v>0</v>
      </c>
      <c r="U33" s="281">
        <v>0</v>
      </c>
      <c r="V33" s="281">
        <v>0</v>
      </c>
      <c r="W33" s="278">
        <v>0</v>
      </c>
      <c r="X33" s="283">
        <v>0</v>
      </c>
      <c r="Y33" s="277">
        <v>0</v>
      </c>
      <c r="Z33" s="281">
        <v>0</v>
      </c>
      <c r="AA33" s="278">
        <v>0</v>
      </c>
      <c r="AB33" s="280">
        <v>0</v>
      </c>
      <c r="AC33" s="281">
        <v>36</v>
      </c>
      <c r="AD33" s="281">
        <v>21</v>
      </c>
      <c r="AE33" s="281">
        <v>7</v>
      </c>
      <c r="AF33" s="281">
        <v>1</v>
      </c>
      <c r="AG33" s="281">
        <v>1</v>
      </c>
      <c r="AH33" s="278">
        <v>66</v>
      </c>
      <c r="AI33" s="283">
        <v>66</v>
      </c>
      <c r="AJ33" s="277">
        <v>0</v>
      </c>
      <c r="AK33" s="281">
        <v>0</v>
      </c>
      <c r="AL33" s="278">
        <v>0</v>
      </c>
      <c r="AM33" s="280">
        <v>0</v>
      </c>
      <c r="AN33" s="281">
        <v>0</v>
      </c>
      <c r="AO33" s="281">
        <v>0</v>
      </c>
      <c r="AP33" s="281">
        <v>1</v>
      </c>
      <c r="AQ33" s="281">
        <v>0</v>
      </c>
      <c r="AR33" s="281">
        <v>1</v>
      </c>
      <c r="AS33" s="278">
        <v>2</v>
      </c>
      <c r="AT33" s="283">
        <v>2</v>
      </c>
      <c r="AU33" s="277">
        <v>0</v>
      </c>
      <c r="AV33" s="281">
        <v>2</v>
      </c>
      <c r="AW33" s="278">
        <v>2</v>
      </c>
      <c r="AX33" s="280">
        <v>0</v>
      </c>
      <c r="AY33" s="281">
        <v>7</v>
      </c>
      <c r="AZ33" s="281">
        <v>8</v>
      </c>
      <c r="BA33" s="281">
        <v>6</v>
      </c>
      <c r="BB33" s="281">
        <v>1</v>
      </c>
      <c r="BC33" s="281">
        <v>1</v>
      </c>
      <c r="BD33" s="278">
        <v>23</v>
      </c>
      <c r="BE33" s="283">
        <v>25</v>
      </c>
      <c r="BF33" s="277">
        <v>0</v>
      </c>
      <c r="BG33" s="281">
        <v>0</v>
      </c>
      <c r="BH33" s="278">
        <v>0</v>
      </c>
      <c r="BI33" s="280">
        <v>0</v>
      </c>
      <c r="BJ33" s="281">
        <v>7</v>
      </c>
      <c r="BK33" s="281">
        <v>10</v>
      </c>
      <c r="BL33" s="281">
        <v>12</v>
      </c>
      <c r="BM33" s="281">
        <v>9</v>
      </c>
      <c r="BN33" s="281">
        <v>3</v>
      </c>
      <c r="BO33" s="282">
        <v>41</v>
      </c>
      <c r="BP33" s="283">
        <v>41</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row>
    <row r="34" spans="2:101" ht="19.8" customHeight="1" x14ac:dyDescent="0.2">
      <c r="B34" s="262" t="s">
        <v>32</v>
      </c>
      <c r="C34" s="277">
        <v>0</v>
      </c>
      <c r="D34" s="278">
        <v>0</v>
      </c>
      <c r="E34" s="279">
        <v>0</v>
      </c>
      <c r="F34" s="280">
        <v>0</v>
      </c>
      <c r="G34" s="281">
        <v>2</v>
      </c>
      <c r="H34" s="281">
        <v>2</v>
      </c>
      <c r="I34" s="281">
        <v>0</v>
      </c>
      <c r="J34" s="281">
        <v>3</v>
      </c>
      <c r="K34" s="281">
        <v>0</v>
      </c>
      <c r="L34" s="282">
        <v>7</v>
      </c>
      <c r="M34" s="283">
        <v>7</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39</v>
      </c>
      <c r="AD34" s="281">
        <v>26</v>
      </c>
      <c r="AE34" s="281">
        <v>8</v>
      </c>
      <c r="AF34" s="281">
        <v>4</v>
      </c>
      <c r="AG34" s="281">
        <v>3</v>
      </c>
      <c r="AH34" s="278">
        <v>80</v>
      </c>
      <c r="AI34" s="283">
        <v>80</v>
      </c>
      <c r="AJ34" s="277">
        <v>0</v>
      </c>
      <c r="AK34" s="281">
        <v>0</v>
      </c>
      <c r="AL34" s="278">
        <v>0</v>
      </c>
      <c r="AM34" s="280">
        <v>0</v>
      </c>
      <c r="AN34" s="281">
        <v>2</v>
      </c>
      <c r="AO34" s="281">
        <v>0</v>
      </c>
      <c r="AP34" s="281">
        <v>2</v>
      </c>
      <c r="AQ34" s="281">
        <v>1</v>
      </c>
      <c r="AR34" s="281">
        <v>1</v>
      </c>
      <c r="AS34" s="278">
        <v>6</v>
      </c>
      <c r="AT34" s="283">
        <v>6</v>
      </c>
      <c r="AU34" s="277">
        <v>0</v>
      </c>
      <c r="AV34" s="281">
        <v>0</v>
      </c>
      <c r="AW34" s="278">
        <v>0</v>
      </c>
      <c r="AX34" s="280">
        <v>0</v>
      </c>
      <c r="AY34" s="281">
        <v>1</v>
      </c>
      <c r="AZ34" s="281">
        <v>0</v>
      </c>
      <c r="BA34" s="281">
        <v>0</v>
      </c>
      <c r="BB34" s="281">
        <v>1</v>
      </c>
      <c r="BC34" s="281">
        <v>0</v>
      </c>
      <c r="BD34" s="278">
        <v>2</v>
      </c>
      <c r="BE34" s="283">
        <v>2</v>
      </c>
      <c r="BF34" s="277">
        <v>0</v>
      </c>
      <c r="BG34" s="281">
        <v>0</v>
      </c>
      <c r="BH34" s="278">
        <v>0</v>
      </c>
      <c r="BI34" s="280">
        <v>0</v>
      </c>
      <c r="BJ34" s="281">
        <v>3</v>
      </c>
      <c r="BK34" s="281">
        <v>7</v>
      </c>
      <c r="BL34" s="281">
        <v>12</v>
      </c>
      <c r="BM34" s="281">
        <v>8</v>
      </c>
      <c r="BN34" s="281">
        <v>5</v>
      </c>
      <c r="BO34" s="282">
        <v>35</v>
      </c>
      <c r="BP34" s="283">
        <v>35</v>
      </c>
      <c r="BQ34" s="277">
        <v>0</v>
      </c>
      <c r="BR34" s="281">
        <v>0</v>
      </c>
      <c r="BS34" s="278">
        <v>0</v>
      </c>
      <c r="BT34" s="280">
        <v>0</v>
      </c>
      <c r="BU34" s="281">
        <v>0</v>
      </c>
      <c r="BV34" s="281">
        <v>0</v>
      </c>
      <c r="BW34" s="281">
        <v>0</v>
      </c>
      <c r="BX34" s="281">
        <v>0</v>
      </c>
      <c r="BY34" s="281">
        <v>0</v>
      </c>
      <c r="BZ34" s="278">
        <v>0</v>
      </c>
      <c r="CA34" s="283">
        <v>0</v>
      </c>
      <c r="CB34" s="277">
        <v>0</v>
      </c>
      <c r="CC34" s="281">
        <v>0</v>
      </c>
      <c r="CD34" s="278">
        <v>0</v>
      </c>
      <c r="CE34" s="280">
        <v>0</v>
      </c>
      <c r="CF34" s="281">
        <v>1</v>
      </c>
      <c r="CG34" s="281">
        <v>1</v>
      </c>
      <c r="CH34" s="281">
        <v>14</v>
      </c>
      <c r="CI34" s="281">
        <v>10</v>
      </c>
      <c r="CJ34" s="281">
        <v>1</v>
      </c>
      <c r="CK34" s="278">
        <v>27</v>
      </c>
      <c r="CL34" s="283">
        <v>27</v>
      </c>
      <c r="CM34" s="277">
        <v>0</v>
      </c>
      <c r="CN34" s="281">
        <v>0</v>
      </c>
      <c r="CO34" s="278">
        <v>0</v>
      </c>
      <c r="CP34" s="280">
        <v>0</v>
      </c>
      <c r="CQ34" s="281">
        <v>0</v>
      </c>
      <c r="CR34" s="281">
        <v>0</v>
      </c>
      <c r="CS34" s="281">
        <v>0</v>
      </c>
      <c r="CT34" s="281">
        <v>0</v>
      </c>
      <c r="CU34" s="281">
        <v>0</v>
      </c>
      <c r="CV34" s="278">
        <v>0</v>
      </c>
      <c r="CW34" s="283">
        <v>0</v>
      </c>
    </row>
    <row r="35" spans="2:101" ht="19.8" customHeight="1" x14ac:dyDescent="0.2">
      <c r="B35" s="262" t="s">
        <v>33</v>
      </c>
      <c r="C35" s="277">
        <v>0</v>
      </c>
      <c r="D35" s="278">
        <v>0</v>
      </c>
      <c r="E35" s="279">
        <v>0</v>
      </c>
      <c r="F35" s="280">
        <v>0</v>
      </c>
      <c r="G35" s="281">
        <v>0</v>
      </c>
      <c r="H35" s="281">
        <v>0</v>
      </c>
      <c r="I35" s="281">
        <v>0</v>
      </c>
      <c r="J35" s="281">
        <v>0</v>
      </c>
      <c r="K35" s="281">
        <v>0</v>
      </c>
      <c r="L35" s="282">
        <v>0</v>
      </c>
      <c r="M35" s="283">
        <v>0</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23</v>
      </c>
      <c r="AD35" s="281">
        <v>8</v>
      </c>
      <c r="AE35" s="281">
        <v>6</v>
      </c>
      <c r="AF35" s="281">
        <v>4</v>
      </c>
      <c r="AG35" s="281">
        <v>2</v>
      </c>
      <c r="AH35" s="278">
        <v>43</v>
      </c>
      <c r="AI35" s="283">
        <v>43</v>
      </c>
      <c r="AJ35" s="277">
        <v>0</v>
      </c>
      <c r="AK35" s="281">
        <v>0</v>
      </c>
      <c r="AL35" s="278">
        <v>0</v>
      </c>
      <c r="AM35" s="280">
        <v>0</v>
      </c>
      <c r="AN35" s="281">
        <v>1</v>
      </c>
      <c r="AO35" s="281">
        <v>0</v>
      </c>
      <c r="AP35" s="281">
        <v>0</v>
      </c>
      <c r="AQ35" s="281">
        <v>0</v>
      </c>
      <c r="AR35" s="281">
        <v>0</v>
      </c>
      <c r="AS35" s="278">
        <v>1</v>
      </c>
      <c r="AT35" s="283">
        <v>1</v>
      </c>
      <c r="AU35" s="277">
        <v>0</v>
      </c>
      <c r="AV35" s="281">
        <v>0</v>
      </c>
      <c r="AW35" s="278">
        <v>0</v>
      </c>
      <c r="AX35" s="280">
        <v>0</v>
      </c>
      <c r="AY35" s="281">
        <v>0</v>
      </c>
      <c r="AZ35" s="281">
        <v>0</v>
      </c>
      <c r="BA35" s="281">
        <v>0</v>
      </c>
      <c r="BB35" s="281">
        <v>0</v>
      </c>
      <c r="BC35" s="281">
        <v>0</v>
      </c>
      <c r="BD35" s="278">
        <v>0</v>
      </c>
      <c r="BE35" s="283">
        <v>0</v>
      </c>
      <c r="BF35" s="277">
        <v>0</v>
      </c>
      <c r="BG35" s="281">
        <v>2</v>
      </c>
      <c r="BH35" s="278">
        <v>2</v>
      </c>
      <c r="BI35" s="280">
        <v>0</v>
      </c>
      <c r="BJ35" s="281">
        <v>2</v>
      </c>
      <c r="BK35" s="281">
        <v>3</v>
      </c>
      <c r="BL35" s="281">
        <v>9</v>
      </c>
      <c r="BM35" s="281">
        <v>1</v>
      </c>
      <c r="BN35" s="281">
        <v>1</v>
      </c>
      <c r="BO35" s="282">
        <v>16</v>
      </c>
      <c r="BP35" s="283">
        <v>18</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5</v>
      </c>
      <c r="CR35" s="281">
        <v>6</v>
      </c>
      <c r="CS35" s="281">
        <v>5</v>
      </c>
      <c r="CT35" s="281">
        <v>1</v>
      </c>
      <c r="CU35" s="281">
        <v>4</v>
      </c>
      <c r="CV35" s="278">
        <v>21</v>
      </c>
      <c r="CW35" s="283">
        <v>21</v>
      </c>
    </row>
    <row r="36" spans="2:101" ht="19.8" customHeight="1" x14ac:dyDescent="0.2">
      <c r="B36" s="262" t="s">
        <v>34</v>
      </c>
      <c r="C36" s="277">
        <v>0</v>
      </c>
      <c r="D36" s="278">
        <v>0</v>
      </c>
      <c r="E36" s="279">
        <v>0</v>
      </c>
      <c r="F36" s="280">
        <v>0</v>
      </c>
      <c r="G36" s="281">
        <v>0</v>
      </c>
      <c r="H36" s="281">
        <v>0</v>
      </c>
      <c r="I36" s="281">
        <v>0</v>
      </c>
      <c r="J36" s="281">
        <v>0</v>
      </c>
      <c r="K36" s="281">
        <v>0</v>
      </c>
      <c r="L36" s="282">
        <v>0</v>
      </c>
      <c r="M36" s="283">
        <v>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19</v>
      </c>
      <c r="AD36" s="281">
        <v>4</v>
      </c>
      <c r="AE36" s="281">
        <v>5</v>
      </c>
      <c r="AF36" s="281">
        <v>2</v>
      </c>
      <c r="AG36" s="281">
        <v>0</v>
      </c>
      <c r="AH36" s="278">
        <v>30</v>
      </c>
      <c r="AI36" s="283">
        <v>30</v>
      </c>
      <c r="AJ36" s="277">
        <v>0</v>
      </c>
      <c r="AK36" s="281">
        <v>0</v>
      </c>
      <c r="AL36" s="278">
        <v>0</v>
      </c>
      <c r="AM36" s="280">
        <v>0</v>
      </c>
      <c r="AN36" s="281">
        <v>0</v>
      </c>
      <c r="AO36" s="281">
        <v>0</v>
      </c>
      <c r="AP36" s="281">
        <v>0</v>
      </c>
      <c r="AQ36" s="281">
        <v>1</v>
      </c>
      <c r="AR36" s="281">
        <v>0</v>
      </c>
      <c r="AS36" s="278">
        <v>1</v>
      </c>
      <c r="AT36" s="283">
        <v>1</v>
      </c>
      <c r="AU36" s="277">
        <v>1</v>
      </c>
      <c r="AV36" s="281">
        <v>2</v>
      </c>
      <c r="AW36" s="278">
        <v>3</v>
      </c>
      <c r="AX36" s="280">
        <v>0</v>
      </c>
      <c r="AY36" s="281">
        <v>7</v>
      </c>
      <c r="AZ36" s="281">
        <v>7</v>
      </c>
      <c r="BA36" s="281">
        <v>4</v>
      </c>
      <c r="BB36" s="281">
        <v>2</v>
      </c>
      <c r="BC36" s="281">
        <v>0</v>
      </c>
      <c r="BD36" s="278">
        <v>20</v>
      </c>
      <c r="BE36" s="283">
        <v>23</v>
      </c>
      <c r="BF36" s="277">
        <v>0</v>
      </c>
      <c r="BG36" s="281">
        <v>0</v>
      </c>
      <c r="BH36" s="278">
        <v>0</v>
      </c>
      <c r="BI36" s="280">
        <v>0</v>
      </c>
      <c r="BJ36" s="281">
        <v>2</v>
      </c>
      <c r="BK36" s="281">
        <v>3</v>
      </c>
      <c r="BL36" s="281">
        <v>2</v>
      </c>
      <c r="BM36" s="281">
        <v>2</v>
      </c>
      <c r="BN36" s="281">
        <v>4</v>
      </c>
      <c r="BO36" s="282">
        <v>13</v>
      </c>
      <c r="BP36" s="283">
        <v>13</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4</v>
      </c>
      <c r="CR36" s="281">
        <v>13</v>
      </c>
      <c r="CS36" s="281">
        <v>4</v>
      </c>
      <c r="CT36" s="281">
        <v>4</v>
      </c>
      <c r="CU36" s="281">
        <v>0</v>
      </c>
      <c r="CV36" s="278">
        <v>25</v>
      </c>
      <c r="CW36" s="283">
        <v>25</v>
      </c>
    </row>
    <row r="37" spans="2:101" ht="19.8" customHeight="1" x14ac:dyDescent="0.2">
      <c r="B37" s="262" t="s">
        <v>35</v>
      </c>
      <c r="C37" s="277">
        <v>0</v>
      </c>
      <c r="D37" s="278">
        <v>0</v>
      </c>
      <c r="E37" s="279">
        <v>0</v>
      </c>
      <c r="F37" s="280">
        <v>0</v>
      </c>
      <c r="G37" s="281">
        <v>0</v>
      </c>
      <c r="H37" s="281">
        <v>1</v>
      </c>
      <c r="I37" s="281">
        <v>1</v>
      </c>
      <c r="J37" s="281">
        <v>1</v>
      </c>
      <c r="K37" s="281">
        <v>0</v>
      </c>
      <c r="L37" s="282">
        <v>3</v>
      </c>
      <c r="M37" s="283">
        <v>3</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4</v>
      </c>
      <c r="AD37" s="281">
        <v>17</v>
      </c>
      <c r="AE37" s="281">
        <v>8</v>
      </c>
      <c r="AF37" s="281">
        <v>9</v>
      </c>
      <c r="AG37" s="281">
        <v>1</v>
      </c>
      <c r="AH37" s="278">
        <v>49</v>
      </c>
      <c r="AI37" s="283">
        <v>49</v>
      </c>
      <c r="AJ37" s="277">
        <v>0</v>
      </c>
      <c r="AK37" s="281">
        <v>0</v>
      </c>
      <c r="AL37" s="278">
        <v>0</v>
      </c>
      <c r="AM37" s="280">
        <v>0</v>
      </c>
      <c r="AN37" s="281">
        <v>0</v>
      </c>
      <c r="AO37" s="281">
        <v>0</v>
      </c>
      <c r="AP37" s="281">
        <v>0</v>
      </c>
      <c r="AQ37" s="281">
        <v>0</v>
      </c>
      <c r="AR37" s="281">
        <v>0</v>
      </c>
      <c r="AS37" s="278">
        <v>0</v>
      </c>
      <c r="AT37" s="283">
        <v>0</v>
      </c>
      <c r="AU37" s="277">
        <v>2</v>
      </c>
      <c r="AV37" s="281">
        <v>3</v>
      </c>
      <c r="AW37" s="278">
        <v>5</v>
      </c>
      <c r="AX37" s="280">
        <v>0</v>
      </c>
      <c r="AY37" s="281">
        <v>11</v>
      </c>
      <c r="AZ37" s="281">
        <v>12</v>
      </c>
      <c r="BA37" s="281">
        <v>8</v>
      </c>
      <c r="BB37" s="281">
        <v>1</v>
      </c>
      <c r="BC37" s="281">
        <v>2</v>
      </c>
      <c r="BD37" s="278">
        <v>34</v>
      </c>
      <c r="BE37" s="283">
        <v>39</v>
      </c>
      <c r="BF37" s="277">
        <v>0</v>
      </c>
      <c r="BG37" s="281">
        <v>0</v>
      </c>
      <c r="BH37" s="278">
        <v>0</v>
      </c>
      <c r="BI37" s="280">
        <v>0</v>
      </c>
      <c r="BJ37" s="281">
        <v>11</v>
      </c>
      <c r="BK37" s="281">
        <v>13</v>
      </c>
      <c r="BL37" s="281">
        <v>18</v>
      </c>
      <c r="BM37" s="281">
        <v>14</v>
      </c>
      <c r="BN37" s="281">
        <v>6</v>
      </c>
      <c r="BO37" s="282">
        <v>62</v>
      </c>
      <c r="BP37" s="283">
        <v>62</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row>
    <row r="38" spans="2:101" ht="19.8" customHeight="1" x14ac:dyDescent="0.2">
      <c r="B38" s="262" t="s">
        <v>36</v>
      </c>
      <c r="C38" s="277">
        <v>0</v>
      </c>
      <c r="D38" s="278">
        <v>0</v>
      </c>
      <c r="E38" s="279">
        <v>0</v>
      </c>
      <c r="F38" s="280">
        <v>0</v>
      </c>
      <c r="G38" s="281">
        <v>0</v>
      </c>
      <c r="H38" s="281">
        <v>0</v>
      </c>
      <c r="I38" s="281">
        <v>0</v>
      </c>
      <c r="J38" s="281">
        <v>0</v>
      </c>
      <c r="K38" s="281">
        <v>0</v>
      </c>
      <c r="L38" s="282">
        <v>0</v>
      </c>
      <c r="M38" s="283">
        <v>0</v>
      </c>
      <c r="N38" s="277">
        <v>0</v>
      </c>
      <c r="O38" s="281">
        <v>0</v>
      </c>
      <c r="P38" s="278">
        <v>0</v>
      </c>
      <c r="Q38" s="280">
        <v>0</v>
      </c>
      <c r="R38" s="281">
        <v>0</v>
      </c>
      <c r="S38" s="281">
        <v>0</v>
      </c>
      <c r="T38" s="281">
        <v>0</v>
      </c>
      <c r="U38" s="281">
        <v>0</v>
      </c>
      <c r="V38" s="281">
        <v>0</v>
      </c>
      <c r="W38" s="278">
        <v>0</v>
      </c>
      <c r="X38" s="283">
        <v>0</v>
      </c>
      <c r="Y38" s="277">
        <v>0</v>
      </c>
      <c r="Z38" s="281">
        <v>0</v>
      </c>
      <c r="AA38" s="278">
        <v>0</v>
      </c>
      <c r="AB38" s="280">
        <v>0</v>
      </c>
      <c r="AC38" s="281">
        <v>56</v>
      </c>
      <c r="AD38" s="281">
        <v>48</v>
      </c>
      <c r="AE38" s="281">
        <v>31</v>
      </c>
      <c r="AF38" s="281">
        <v>11</v>
      </c>
      <c r="AG38" s="281">
        <v>10</v>
      </c>
      <c r="AH38" s="278">
        <v>156</v>
      </c>
      <c r="AI38" s="283">
        <v>156</v>
      </c>
      <c r="AJ38" s="277">
        <v>0</v>
      </c>
      <c r="AK38" s="281">
        <v>0</v>
      </c>
      <c r="AL38" s="278">
        <v>0</v>
      </c>
      <c r="AM38" s="280">
        <v>0</v>
      </c>
      <c r="AN38" s="281">
        <v>0</v>
      </c>
      <c r="AO38" s="281">
        <v>0</v>
      </c>
      <c r="AP38" s="281">
        <v>0</v>
      </c>
      <c r="AQ38" s="281">
        <v>0</v>
      </c>
      <c r="AR38" s="281">
        <v>0</v>
      </c>
      <c r="AS38" s="278">
        <v>0</v>
      </c>
      <c r="AT38" s="283">
        <v>0</v>
      </c>
      <c r="AU38" s="277">
        <v>0</v>
      </c>
      <c r="AV38" s="281">
        <v>1</v>
      </c>
      <c r="AW38" s="278">
        <v>1</v>
      </c>
      <c r="AX38" s="280">
        <v>0</v>
      </c>
      <c r="AY38" s="281">
        <v>12</v>
      </c>
      <c r="AZ38" s="281">
        <v>8</v>
      </c>
      <c r="BA38" s="281">
        <v>7</v>
      </c>
      <c r="BB38" s="281">
        <v>2</v>
      </c>
      <c r="BC38" s="281">
        <v>0</v>
      </c>
      <c r="BD38" s="278">
        <v>29</v>
      </c>
      <c r="BE38" s="283">
        <v>30</v>
      </c>
      <c r="BF38" s="277">
        <v>0</v>
      </c>
      <c r="BG38" s="281">
        <v>0</v>
      </c>
      <c r="BH38" s="278">
        <v>0</v>
      </c>
      <c r="BI38" s="280">
        <v>0</v>
      </c>
      <c r="BJ38" s="281">
        <v>4</v>
      </c>
      <c r="BK38" s="281">
        <v>5</v>
      </c>
      <c r="BL38" s="281">
        <v>16</v>
      </c>
      <c r="BM38" s="281">
        <v>9</v>
      </c>
      <c r="BN38" s="281">
        <v>1</v>
      </c>
      <c r="BO38" s="282">
        <v>35</v>
      </c>
      <c r="BP38" s="283">
        <v>35</v>
      </c>
      <c r="BQ38" s="277">
        <v>0</v>
      </c>
      <c r="BR38" s="281">
        <v>0</v>
      </c>
      <c r="BS38" s="278">
        <v>0</v>
      </c>
      <c r="BT38" s="280">
        <v>0</v>
      </c>
      <c r="BU38" s="281">
        <v>0</v>
      </c>
      <c r="BV38" s="281">
        <v>0</v>
      </c>
      <c r="BW38" s="281">
        <v>0</v>
      </c>
      <c r="BX38" s="281">
        <v>0</v>
      </c>
      <c r="BY38" s="281">
        <v>0</v>
      </c>
      <c r="BZ38" s="278">
        <v>0</v>
      </c>
      <c r="CA38" s="283">
        <v>0</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row>
    <row r="39" spans="2:101" ht="19.8" customHeight="1" thickBot="1" x14ac:dyDescent="0.25">
      <c r="B39" s="263" t="s">
        <v>37</v>
      </c>
      <c r="C39" s="284">
        <v>0</v>
      </c>
      <c r="D39" s="285">
        <v>0</v>
      </c>
      <c r="E39" s="286">
        <v>0</v>
      </c>
      <c r="F39" s="287">
        <v>0</v>
      </c>
      <c r="G39" s="288">
        <v>0</v>
      </c>
      <c r="H39" s="288">
        <v>0</v>
      </c>
      <c r="I39" s="288">
        <v>1</v>
      </c>
      <c r="J39" s="288">
        <v>0</v>
      </c>
      <c r="K39" s="288">
        <v>0</v>
      </c>
      <c r="L39" s="289">
        <v>1</v>
      </c>
      <c r="M39" s="290">
        <v>1</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17</v>
      </c>
      <c r="AD39" s="288">
        <v>8</v>
      </c>
      <c r="AE39" s="288">
        <v>6</v>
      </c>
      <c r="AF39" s="288">
        <v>0</v>
      </c>
      <c r="AG39" s="288">
        <v>2</v>
      </c>
      <c r="AH39" s="285">
        <v>33</v>
      </c>
      <c r="AI39" s="290">
        <v>33</v>
      </c>
      <c r="AJ39" s="284">
        <v>0</v>
      </c>
      <c r="AK39" s="288">
        <v>0</v>
      </c>
      <c r="AL39" s="285">
        <v>0</v>
      </c>
      <c r="AM39" s="287">
        <v>0</v>
      </c>
      <c r="AN39" s="288">
        <v>1</v>
      </c>
      <c r="AO39" s="288">
        <v>0</v>
      </c>
      <c r="AP39" s="288">
        <v>1</v>
      </c>
      <c r="AQ39" s="288">
        <v>0</v>
      </c>
      <c r="AR39" s="288">
        <v>1</v>
      </c>
      <c r="AS39" s="285">
        <v>3</v>
      </c>
      <c r="AT39" s="290">
        <v>3</v>
      </c>
      <c r="AU39" s="284">
        <v>0</v>
      </c>
      <c r="AV39" s="288">
        <v>0</v>
      </c>
      <c r="AW39" s="285">
        <v>0</v>
      </c>
      <c r="AX39" s="287">
        <v>0</v>
      </c>
      <c r="AY39" s="288">
        <v>0</v>
      </c>
      <c r="AZ39" s="288">
        <v>0</v>
      </c>
      <c r="BA39" s="288">
        <v>0</v>
      </c>
      <c r="BB39" s="288">
        <v>0</v>
      </c>
      <c r="BC39" s="288">
        <v>0</v>
      </c>
      <c r="BD39" s="285">
        <v>0</v>
      </c>
      <c r="BE39" s="290">
        <v>0</v>
      </c>
      <c r="BF39" s="284">
        <v>0</v>
      </c>
      <c r="BG39" s="288">
        <v>0</v>
      </c>
      <c r="BH39" s="285">
        <v>0</v>
      </c>
      <c r="BI39" s="287">
        <v>0</v>
      </c>
      <c r="BJ39" s="288">
        <v>2</v>
      </c>
      <c r="BK39" s="288">
        <v>1</v>
      </c>
      <c r="BL39" s="288">
        <v>3</v>
      </c>
      <c r="BM39" s="288">
        <v>0</v>
      </c>
      <c r="BN39" s="288">
        <v>0</v>
      </c>
      <c r="BO39" s="289">
        <v>6</v>
      </c>
      <c r="BP39" s="290">
        <v>6</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8.44140625" style="256" customWidth="1"/>
    <col min="8" max="8" width="8.77734375" style="256" customWidth="1"/>
    <col min="9" max="16" width="9" style="256"/>
    <col min="17" max="17" width="7.21875" style="256" customWidth="1"/>
    <col min="18" max="27" width="9" style="256"/>
    <col min="28" max="28" width="7.6640625" style="256" customWidth="1"/>
    <col min="29" max="38" width="9" style="256"/>
    <col min="39" max="39" width="8.5546875" style="256" customWidth="1"/>
    <col min="40" max="49" width="9" style="256"/>
    <col min="50" max="50" width="7.6640625" style="256" customWidth="1"/>
    <col min="51" max="60" width="9" style="256"/>
    <col min="61" max="61" width="7.21875" style="256" customWidth="1"/>
    <col min="62" max="71" width="9" style="256"/>
    <col min="72" max="72" width="7.21875" style="256" customWidth="1"/>
    <col min="73" max="82" width="9" style="256"/>
    <col min="83" max="83" width="7.33203125" style="256" customWidth="1"/>
    <col min="84" max="93" width="9" style="256"/>
    <col min="94" max="94" width="7.44140625" style="256" customWidth="1"/>
    <col min="95" max="16384" width="9" style="256"/>
  </cols>
  <sheetData>
    <row r="1" spans="1:101" ht="24" customHeight="1" x14ac:dyDescent="0.2">
      <c r="B1" s="291" t="s">
        <v>124</v>
      </c>
      <c r="I1" s="528">
        <f>第１表!F2</f>
        <v>4</v>
      </c>
      <c r="J1" s="528"/>
      <c r="K1" s="248">
        <f>第１表!G2</f>
        <v>8</v>
      </c>
      <c r="L1" s="529">
        <f>IF(K1&lt;3,K1+12-2,K1-2)</f>
        <v>6</v>
      </c>
      <c r="M1" s="529"/>
    </row>
    <row r="2" spans="1:101" s="292" customFormat="1" ht="24" customHeight="1" thickBot="1" x14ac:dyDescent="0.25">
      <c r="A2" s="44"/>
      <c r="B2" s="291" t="s">
        <v>131</v>
      </c>
    </row>
    <row r="3" spans="1:101" ht="23.25" customHeight="1" thickBot="1" x14ac:dyDescent="0.25">
      <c r="B3" s="542"/>
      <c r="C3" s="533" t="s">
        <v>94</v>
      </c>
      <c r="D3" s="534"/>
      <c r="E3" s="534"/>
      <c r="F3" s="534"/>
      <c r="G3" s="534"/>
      <c r="H3" s="534"/>
      <c r="I3" s="534"/>
      <c r="J3" s="534"/>
      <c r="K3" s="534"/>
      <c r="L3" s="534"/>
      <c r="M3" s="535"/>
      <c r="N3" s="533" t="s">
        <v>88</v>
      </c>
      <c r="O3" s="534"/>
      <c r="P3" s="534"/>
      <c r="Q3" s="534"/>
      <c r="R3" s="534"/>
      <c r="S3" s="534"/>
      <c r="T3" s="534"/>
      <c r="U3" s="534"/>
      <c r="V3" s="534"/>
      <c r="W3" s="534"/>
      <c r="X3" s="535"/>
      <c r="Y3" s="533" t="s">
        <v>142</v>
      </c>
      <c r="Z3" s="534"/>
      <c r="AA3" s="534"/>
      <c r="AB3" s="534"/>
      <c r="AC3" s="534"/>
      <c r="AD3" s="534"/>
      <c r="AE3" s="534"/>
      <c r="AF3" s="534"/>
      <c r="AG3" s="534"/>
      <c r="AH3" s="534"/>
      <c r="AI3" s="535"/>
      <c r="AJ3" s="533" t="s">
        <v>90</v>
      </c>
      <c r="AK3" s="534"/>
      <c r="AL3" s="534"/>
      <c r="AM3" s="534"/>
      <c r="AN3" s="534"/>
      <c r="AO3" s="534"/>
      <c r="AP3" s="534"/>
      <c r="AQ3" s="534"/>
      <c r="AR3" s="534"/>
      <c r="AS3" s="534"/>
      <c r="AT3" s="535"/>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64" t="s">
        <v>61</v>
      </c>
      <c r="AV4" s="562"/>
      <c r="AW4" s="563"/>
      <c r="AX4" s="561" t="s">
        <v>62</v>
      </c>
      <c r="AY4" s="562"/>
      <c r="AZ4" s="562"/>
      <c r="BA4" s="562"/>
      <c r="BB4" s="562"/>
      <c r="BC4" s="562"/>
      <c r="BD4" s="563"/>
      <c r="BE4" s="559" t="s">
        <v>52</v>
      </c>
      <c r="BF4" s="564" t="s">
        <v>61</v>
      </c>
      <c r="BG4" s="562"/>
      <c r="BH4" s="563"/>
      <c r="BI4" s="561" t="s">
        <v>62</v>
      </c>
      <c r="BJ4" s="562"/>
      <c r="BK4" s="562"/>
      <c r="BL4" s="562"/>
      <c r="BM4" s="562"/>
      <c r="BN4" s="562"/>
      <c r="BO4" s="563"/>
      <c r="BP4" s="559" t="s">
        <v>52</v>
      </c>
      <c r="BQ4" s="564" t="s">
        <v>61</v>
      </c>
      <c r="BR4" s="562"/>
      <c r="BS4" s="563"/>
      <c r="BT4" s="561" t="s">
        <v>62</v>
      </c>
      <c r="BU4" s="562"/>
      <c r="BV4" s="562"/>
      <c r="BW4" s="562"/>
      <c r="BX4" s="562"/>
      <c r="BY4" s="562"/>
      <c r="BZ4" s="563"/>
      <c r="CA4" s="559" t="s">
        <v>52</v>
      </c>
      <c r="CB4" s="564" t="s">
        <v>61</v>
      </c>
      <c r="CC4" s="562"/>
      <c r="CD4" s="563"/>
      <c r="CE4" s="561" t="s">
        <v>62</v>
      </c>
      <c r="CF4" s="562"/>
      <c r="CG4" s="562"/>
      <c r="CH4" s="562"/>
      <c r="CI4" s="562"/>
      <c r="CJ4" s="562"/>
      <c r="CK4" s="563"/>
      <c r="CL4" s="559" t="s">
        <v>52</v>
      </c>
      <c r="CM4" s="564" t="s">
        <v>61</v>
      </c>
      <c r="CN4" s="562"/>
      <c r="CO4" s="563"/>
      <c r="CP4" s="561" t="s">
        <v>62</v>
      </c>
      <c r="CQ4" s="562"/>
      <c r="CR4" s="562"/>
      <c r="CS4" s="562"/>
      <c r="CT4" s="562"/>
      <c r="CU4" s="562"/>
      <c r="CV4" s="563"/>
      <c r="CW4" s="559" t="s">
        <v>52</v>
      </c>
    </row>
    <row r="5" spans="1:101" ht="34.5" customHeight="1" thickBot="1" x14ac:dyDescent="0.25">
      <c r="B5" s="544"/>
      <c r="C5" s="324" t="s">
        <v>43</v>
      </c>
      <c r="D5" s="266" t="s">
        <v>44</v>
      </c>
      <c r="E5" s="267" t="s">
        <v>45</v>
      </c>
      <c r="F5" s="268" t="s">
        <v>83</v>
      </c>
      <c r="G5" s="260" t="s">
        <v>47</v>
      </c>
      <c r="H5" s="260" t="s">
        <v>48</v>
      </c>
      <c r="I5" s="260" t="s">
        <v>49</v>
      </c>
      <c r="J5" s="260" t="s">
        <v>50</v>
      </c>
      <c r="K5" s="260" t="s">
        <v>51</v>
      </c>
      <c r="L5" s="269" t="s">
        <v>45</v>
      </c>
      <c r="M5" s="540"/>
      <c r="N5" s="324" t="s">
        <v>43</v>
      </c>
      <c r="O5" s="260" t="s">
        <v>44</v>
      </c>
      <c r="P5" s="266" t="s">
        <v>45</v>
      </c>
      <c r="Q5" s="268" t="s">
        <v>83</v>
      </c>
      <c r="R5" s="260" t="s">
        <v>47</v>
      </c>
      <c r="S5" s="260" t="s">
        <v>48</v>
      </c>
      <c r="T5" s="260" t="s">
        <v>49</v>
      </c>
      <c r="U5" s="260" t="s">
        <v>50</v>
      </c>
      <c r="V5" s="260" t="s">
        <v>51</v>
      </c>
      <c r="W5" s="266" t="s">
        <v>45</v>
      </c>
      <c r="X5" s="540"/>
      <c r="Y5" s="324" t="s">
        <v>43</v>
      </c>
      <c r="Z5" s="260" t="s">
        <v>44</v>
      </c>
      <c r="AA5" s="266" t="s">
        <v>45</v>
      </c>
      <c r="AB5" s="268" t="s">
        <v>83</v>
      </c>
      <c r="AC5" s="260" t="s">
        <v>47</v>
      </c>
      <c r="AD5" s="260" t="s">
        <v>48</v>
      </c>
      <c r="AE5" s="260" t="s">
        <v>49</v>
      </c>
      <c r="AF5" s="260" t="s">
        <v>50</v>
      </c>
      <c r="AG5" s="260" t="s">
        <v>51</v>
      </c>
      <c r="AH5" s="266" t="s">
        <v>45</v>
      </c>
      <c r="AI5" s="540"/>
      <c r="AJ5" s="341" t="s">
        <v>43</v>
      </c>
      <c r="AK5" s="260" t="s">
        <v>44</v>
      </c>
      <c r="AL5" s="266" t="s">
        <v>45</v>
      </c>
      <c r="AM5" s="268" t="s">
        <v>83</v>
      </c>
      <c r="AN5" s="260" t="s">
        <v>47</v>
      </c>
      <c r="AO5" s="260" t="s">
        <v>48</v>
      </c>
      <c r="AP5" s="260" t="s">
        <v>49</v>
      </c>
      <c r="AQ5" s="260" t="s">
        <v>50</v>
      </c>
      <c r="AR5" s="260" t="s">
        <v>51</v>
      </c>
      <c r="AS5" s="266" t="s">
        <v>45</v>
      </c>
      <c r="AT5" s="540"/>
      <c r="AU5" s="341" t="s">
        <v>43</v>
      </c>
      <c r="AV5" s="260" t="s">
        <v>44</v>
      </c>
      <c r="AW5" s="266" t="s">
        <v>45</v>
      </c>
      <c r="AX5" s="268" t="s">
        <v>83</v>
      </c>
      <c r="AY5" s="260" t="s">
        <v>47</v>
      </c>
      <c r="AZ5" s="260" t="s">
        <v>48</v>
      </c>
      <c r="BA5" s="260" t="s">
        <v>49</v>
      </c>
      <c r="BB5" s="260" t="s">
        <v>50</v>
      </c>
      <c r="BC5" s="260" t="s">
        <v>51</v>
      </c>
      <c r="BD5" s="266" t="s">
        <v>45</v>
      </c>
      <c r="BE5" s="560"/>
      <c r="BF5" s="341" t="s">
        <v>43</v>
      </c>
      <c r="BG5" s="260" t="s">
        <v>44</v>
      </c>
      <c r="BH5" s="266" t="s">
        <v>45</v>
      </c>
      <c r="BI5" s="268" t="s">
        <v>83</v>
      </c>
      <c r="BJ5" s="260" t="s">
        <v>47</v>
      </c>
      <c r="BK5" s="260" t="s">
        <v>48</v>
      </c>
      <c r="BL5" s="260" t="s">
        <v>49</v>
      </c>
      <c r="BM5" s="260" t="s">
        <v>50</v>
      </c>
      <c r="BN5" s="260" t="s">
        <v>51</v>
      </c>
      <c r="BO5" s="266" t="s">
        <v>45</v>
      </c>
      <c r="BP5" s="560"/>
      <c r="BQ5" s="341" t="s">
        <v>43</v>
      </c>
      <c r="BR5" s="260" t="s">
        <v>44</v>
      </c>
      <c r="BS5" s="266" t="s">
        <v>45</v>
      </c>
      <c r="BT5" s="268" t="s">
        <v>83</v>
      </c>
      <c r="BU5" s="260" t="s">
        <v>47</v>
      </c>
      <c r="BV5" s="260" t="s">
        <v>48</v>
      </c>
      <c r="BW5" s="260" t="s">
        <v>49</v>
      </c>
      <c r="BX5" s="260" t="s">
        <v>50</v>
      </c>
      <c r="BY5" s="260" t="s">
        <v>51</v>
      </c>
      <c r="BZ5" s="266" t="s">
        <v>45</v>
      </c>
      <c r="CA5" s="560"/>
      <c r="CB5" s="341" t="s">
        <v>43</v>
      </c>
      <c r="CC5" s="260" t="s">
        <v>44</v>
      </c>
      <c r="CD5" s="266" t="s">
        <v>45</v>
      </c>
      <c r="CE5" s="268" t="s">
        <v>83</v>
      </c>
      <c r="CF5" s="260" t="s">
        <v>47</v>
      </c>
      <c r="CG5" s="260" t="s">
        <v>48</v>
      </c>
      <c r="CH5" s="260" t="s">
        <v>49</v>
      </c>
      <c r="CI5" s="260" t="s">
        <v>50</v>
      </c>
      <c r="CJ5" s="260" t="s">
        <v>51</v>
      </c>
      <c r="CK5" s="266" t="s">
        <v>45</v>
      </c>
      <c r="CL5" s="560"/>
      <c r="CM5" s="341" t="s">
        <v>43</v>
      </c>
      <c r="CN5" s="260" t="s">
        <v>44</v>
      </c>
      <c r="CO5" s="266" t="s">
        <v>45</v>
      </c>
      <c r="CP5" s="268" t="s">
        <v>83</v>
      </c>
      <c r="CQ5" s="260" t="s">
        <v>47</v>
      </c>
      <c r="CR5" s="260" t="s">
        <v>48</v>
      </c>
      <c r="CS5" s="260" t="s">
        <v>49</v>
      </c>
      <c r="CT5" s="260" t="s">
        <v>50</v>
      </c>
      <c r="CU5" s="260" t="s">
        <v>51</v>
      </c>
      <c r="CV5" s="266" t="s">
        <v>45</v>
      </c>
      <c r="CW5" s="560"/>
    </row>
    <row r="6" spans="1:101" ht="19.8" customHeight="1" x14ac:dyDescent="0.2">
      <c r="B6" s="261" t="s">
        <v>4</v>
      </c>
      <c r="C6" s="270">
        <v>0</v>
      </c>
      <c r="D6" s="271">
        <v>0</v>
      </c>
      <c r="E6" s="272">
        <v>0</v>
      </c>
      <c r="F6" s="273">
        <v>0</v>
      </c>
      <c r="G6" s="274">
        <v>18</v>
      </c>
      <c r="H6" s="274">
        <v>33</v>
      </c>
      <c r="I6" s="274">
        <v>24</v>
      </c>
      <c r="J6" s="274">
        <v>26</v>
      </c>
      <c r="K6" s="274">
        <v>16</v>
      </c>
      <c r="L6" s="275">
        <v>117</v>
      </c>
      <c r="M6" s="276">
        <v>117</v>
      </c>
      <c r="N6" s="270">
        <v>0</v>
      </c>
      <c r="O6" s="274">
        <v>0</v>
      </c>
      <c r="P6" s="271">
        <v>0</v>
      </c>
      <c r="Q6" s="273">
        <v>0</v>
      </c>
      <c r="R6" s="274">
        <v>15</v>
      </c>
      <c r="S6" s="274">
        <v>32</v>
      </c>
      <c r="T6" s="274">
        <v>41</v>
      </c>
      <c r="U6" s="274">
        <v>34</v>
      </c>
      <c r="V6" s="274">
        <v>30</v>
      </c>
      <c r="W6" s="271">
        <v>152</v>
      </c>
      <c r="X6" s="276">
        <v>152</v>
      </c>
      <c r="Y6" s="270">
        <v>0</v>
      </c>
      <c r="Z6" s="274">
        <v>0</v>
      </c>
      <c r="AA6" s="271">
        <v>0</v>
      </c>
      <c r="AB6" s="273">
        <v>0</v>
      </c>
      <c r="AC6" s="274">
        <v>960</v>
      </c>
      <c r="AD6" s="274">
        <v>772</v>
      </c>
      <c r="AE6" s="274">
        <v>385</v>
      </c>
      <c r="AF6" s="274">
        <v>182</v>
      </c>
      <c r="AG6" s="274">
        <v>72</v>
      </c>
      <c r="AH6" s="271">
        <v>2371</v>
      </c>
      <c r="AI6" s="276">
        <v>2371</v>
      </c>
      <c r="AJ6" s="270">
        <v>1</v>
      </c>
      <c r="AK6" s="274">
        <v>1</v>
      </c>
      <c r="AL6" s="271">
        <v>2</v>
      </c>
      <c r="AM6" s="273">
        <v>0</v>
      </c>
      <c r="AN6" s="274">
        <v>73</v>
      </c>
      <c r="AO6" s="274">
        <v>76</v>
      </c>
      <c r="AP6" s="274">
        <v>72</v>
      </c>
      <c r="AQ6" s="274">
        <v>35</v>
      </c>
      <c r="AR6" s="274">
        <v>25</v>
      </c>
      <c r="AS6" s="271">
        <v>281</v>
      </c>
      <c r="AT6" s="276">
        <v>283</v>
      </c>
      <c r="AU6" s="270">
        <v>16</v>
      </c>
      <c r="AV6" s="274">
        <v>8</v>
      </c>
      <c r="AW6" s="271">
        <v>24</v>
      </c>
      <c r="AX6" s="273">
        <v>0</v>
      </c>
      <c r="AY6" s="274">
        <v>94</v>
      </c>
      <c r="AZ6" s="274">
        <v>83</v>
      </c>
      <c r="BA6" s="274">
        <v>73</v>
      </c>
      <c r="BB6" s="274">
        <v>51</v>
      </c>
      <c r="BC6" s="274">
        <v>18</v>
      </c>
      <c r="BD6" s="271">
        <v>319</v>
      </c>
      <c r="BE6" s="276">
        <v>343</v>
      </c>
      <c r="BF6" s="270">
        <v>0</v>
      </c>
      <c r="BG6" s="274">
        <v>0</v>
      </c>
      <c r="BH6" s="271">
        <v>0</v>
      </c>
      <c r="BI6" s="273">
        <v>0</v>
      </c>
      <c r="BJ6" s="274">
        <v>108</v>
      </c>
      <c r="BK6" s="274">
        <v>153</v>
      </c>
      <c r="BL6" s="274">
        <v>164</v>
      </c>
      <c r="BM6" s="274">
        <v>122</v>
      </c>
      <c r="BN6" s="274">
        <v>48</v>
      </c>
      <c r="BO6" s="275">
        <v>595</v>
      </c>
      <c r="BP6" s="276">
        <v>595</v>
      </c>
      <c r="BQ6" s="270">
        <v>0</v>
      </c>
      <c r="BR6" s="274">
        <v>0</v>
      </c>
      <c r="BS6" s="271">
        <v>0</v>
      </c>
      <c r="BT6" s="273">
        <v>0</v>
      </c>
      <c r="BU6" s="274">
        <v>2</v>
      </c>
      <c r="BV6" s="274">
        <v>8</v>
      </c>
      <c r="BW6" s="274">
        <v>4</v>
      </c>
      <c r="BX6" s="274">
        <v>11</v>
      </c>
      <c r="BY6" s="274">
        <v>3</v>
      </c>
      <c r="BZ6" s="271">
        <v>28</v>
      </c>
      <c r="CA6" s="276">
        <v>28</v>
      </c>
      <c r="CB6" s="270">
        <v>0</v>
      </c>
      <c r="CC6" s="274">
        <v>0</v>
      </c>
      <c r="CD6" s="271">
        <v>0</v>
      </c>
      <c r="CE6" s="273">
        <v>0</v>
      </c>
      <c r="CF6" s="274">
        <v>0</v>
      </c>
      <c r="CG6" s="274">
        <v>1</v>
      </c>
      <c r="CH6" s="274">
        <v>21</v>
      </c>
      <c r="CI6" s="274">
        <v>18</v>
      </c>
      <c r="CJ6" s="274">
        <v>9</v>
      </c>
      <c r="CK6" s="271">
        <v>49</v>
      </c>
      <c r="CL6" s="276">
        <v>49</v>
      </c>
      <c r="CM6" s="270">
        <v>0</v>
      </c>
      <c r="CN6" s="274">
        <v>0</v>
      </c>
      <c r="CO6" s="271">
        <v>0</v>
      </c>
      <c r="CP6" s="273">
        <v>0</v>
      </c>
      <c r="CQ6" s="274">
        <v>18</v>
      </c>
      <c r="CR6" s="274">
        <v>14</v>
      </c>
      <c r="CS6" s="274">
        <v>21</v>
      </c>
      <c r="CT6" s="274">
        <v>28</v>
      </c>
      <c r="CU6" s="274">
        <v>36</v>
      </c>
      <c r="CV6" s="271">
        <v>117</v>
      </c>
      <c r="CW6" s="276">
        <v>117</v>
      </c>
    </row>
    <row r="7" spans="1:101" ht="19.8" customHeight="1" x14ac:dyDescent="0.2">
      <c r="B7" s="262" t="s">
        <v>5</v>
      </c>
      <c r="C7" s="277">
        <v>0</v>
      </c>
      <c r="D7" s="278">
        <v>0</v>
      </c>
      <c r="E7" s="279">
        <v>0</v>
      </c>
      <c r="F7" s="280">
        <v>0</v>
      </c>
      <c r="G7" s="281">
        <v>6</v>
      </c>
      <c r="H7" s="281">
        <v>17</v>
      </c>
      <c r="I7" s="281">
        <v>12</v>
      </c>
      <c r="J7" s="281">
        <v>10</v>
      </c>
      <c r="K7" s="281">
        <v>7</v>
      </c>
      <c r="L7" s="282">
        <v>52</v>
      </c>
      <c r="M7" s="283">
        <v>52</v>
      </c>
      <c r="N7" s="277">
        <v>0</v>
      </c>
      <c r="O7" s="281">
        <v>0</v>
      </c>
      <c r="P7" s="278">
        <v>0</v>
      </c>
      <c r="Q7" s="280">
        <v>0</v>
      </c>
      <c r="R7" s="281">
        <v>8</v>
      </c>
      <c r="S7" s="281">
        <v>25</v>
      </c>
      <c r="T7" s="281">
        <v>27</v>
      </c>
      <c r="U7" s="281">
        <v>25</v>
      </c>
      <c r="V7" s="281">
        <v>25</v>
      </c>
      <c r="W7" s="278">
        <v>110</v>
      </c>
      <c r="X7" s="283">
        <v>110</v>
      </c>
      <c r="Y7" s="277">
        <v>0</v>
      </c>
      <c r="Z7" s="281">
        <v>0</v>
      </c>
      <c r="AA7" s="278">
        <v>0</v>
      </c>
      <c r="AB7" s="280">
        <v>0</v>
      </c>
      <c r="AC7" s="281">
        <v>381</v>
      </c>
      <c r="AD7" s="281">
        <v>387</v>
      </c>
      <c r="AE7" s="281">
        <v>201</v>
      </c>
      <c r="AF7" s="281">
        <v>89</v>
      </c>
      <c r="AG7" s="281">
        <v>35</v>
      </c>
      <c r="AH7" s="278">
        <v>1093</v>
      </c>
      <c r="AI7" s="283">
        <v>1093</v>
      </c>
      <c r="AJ7" s="277">
        <v>0</v>
      </c>
      <c r="AK7" s="281">
        <v>1</v>
      </c>
      <c r="AL7" s="278">
        <v>1</v>
      </c>
      <c r="AM7" s="280">
        <v>0</v>
      </c>
      <c r="AN7" s="281">
        <v>32</v>
      </c>
      <c r="AO7" s="281">
        <v>39</v>
      </c>
      <c r="AP7" s="281">
        <v>39</v>
      </c>
      <c r="AQ7" s="281">
        <v>22</v>
      </c>
      <c r="AR7" s="281">
        <v>16</v>
      </c>
      <c r="AS7" s="278">
        <v>148</v>
      </c>
      <c r="AT7" s="283">
        <v>149</v>
      </c>
      <c r="AU7" s="277">
        <v>6</v>
      </c>
      <c r="AV7" s="281">
        <v>6</v>
      </c>
      <c r="AW7" s="278">
        <v>12</v>
      </c>
      <c r="AX7" s="280">
        <v>0</v>
      </c>
      <c r="AY7" s="281">
        <v>31</v>
      </c>
      <c r="AZ7" s="281">
        <v>30</v>
      </c>
      <c r="BA7" s="281">
        <v>28</v>
      </c>
      <c r="BB7" s="281">
        <v>22</v>
      </c>
      <c r="BC7" s="281">
        <v>9</v>
      </c>
      <c r="BD7" s="278">
        <v>120</v>
      </c>
      <c r="BE7" s="283">
        <v>132</v>
      </c>
      <c r="BF7" s="277">
        <v>0</v>
      </c>
      <c r="BG7" s="281">
        <v>0</v>
      </c>
      <c r="BH7" s="278">
        <v>0</v>
      </c>
      <c r="BI7" s="280">
        <v>0</v>
      </c>
      <c r="BJ7" s="281">
        <v>39</v>
      </c>
      <c r="BK7" s="281">
        <v>64</v>
      </c>
      <c r="BL7" s="281">
        <v>62</v>
      </c>
      <c r="BM7" s="281">
        <v>44</v>
      </c>
      <c r="BN7" s="281">
        <v>15</v>
      </c>
      <c r="BO7" s="282">
        <v>224</v>
      </c>
      <c r="BP7" s="283">
        <v>224</v>
      </c>
      <c r="BQ7" s="277">
        <v>0</v>
      </c>
      <c r="BR7" s="281">
        <v>0</v>
      </c>
      <c r="BS7" s="278">
        <v>0</v>
      </c>
      <c r="BT7" s="280">
        <v>0</v>
      </c>
      <c r="BU7" s="281">
        <v>0</v>
      </c>
      <c r="BV7" s="281">
        <v>0</v>
      </c>
      <c r="BW7" s="281">
        <v>0</v>
      </c>
      <c r="BX7" s="281">
        <v>0</v>
      </c>
      <c r="BY7" s="281">
        <v>0</v>
      </c>
      <c r="BZ7" s="278">
        <v>0</v>
      </c>
      <c r="CA7" s="283">
        <v>0</v>
      </c>
      <c r="CB7" s="277">
        <v>0</v>
      </c>
      <c r="CC7" s="281">
        <v>0</v>
      </c>
      <c r="CD7" s="278">
        <v>0</v>
      </c>
      <c r="CE7" s="280">
        <v>0</v>
      </c>
      <c r="CF7" s="281">
        <v>0</v>
      </c>
      <c r="CG7" s="281">
        <v>1</v>
      </c>
      <c r="CH7" s="281">
        <v>5</v>
      </c>
      <c r="CI7" s="281">
        <v>3</v>
      </c>
      <c r="CJ7" s="281">
        <v>2</v>
      </c>
      <c r="CK7" s="278">
        <v>11</v>
      </c>
      <c r="CL7" s="283">
        <v>11</v>
      </c>
      <c r="CM7" s="277">
        <v>0</v>
      </c>
      <c r="CN7" s="281">
        <v>0</v>
      </c>
      <c r="CO7" s="278">
        <v>0</v>
      </c>
      <c r="CP7" s="280">
        <v>0</v>
      </c>
      <c r="CQ7" s="281">
        <v>5</v>
      </c>
      <c r="CR7" s="281">
        <v>4</v>
      </c>
      <c r="CS7" s="281">
        <v>3</v>
      </c>
      <c r="CT7" s="281">
        <v>5</v>
      </c>
      <c r="CU7" s="281">
        <v>21</v>
      </c>
      <c r="CV7" s="278">
        <v>38</v>
      </c>
      <c r="CW7" s="283">
        <v>38</v>
      </c>
    </row>
    <row r="8" spans="1:101" ht="19.8" customHeight="1" x14ac:dyDescent="0.2">
      <c r="B8" s="262" t="s">
        <v>6</v>
      </c>
      <c r="C8" s="277">
        <v>0</v>
      </c>
      <c r="D8" s="278">
        <v>0</v>
      </c>
      <c r="E8" s="279">
        <v>0</v>
      </c>
      <c r="F8" s="280">
        <v>0</v>
      </c>
      <c r="G8" s="281">
        <v>3</v>
      </c>
      <c r="H8" s="281">
        <v>7</v>
      </c>
      <c r="I8" s="281">
        <v>6</v>
      </c>
      <c r="J8" s="281">
        <v>11</v>
      </c>
      <c r="K8" s="281">
        <v>5</v>
      </c>
      <c r="L8" s="282">
        <v>32</v>
      </c>
      <c r="M8" s="283">
        <v>32</v>
      </c>
      <c r="N8" s="277">
        <v>0</v>
      </c>
      <c r="O8" s="281">
        <v>0</v>
      </c>
      <c r="P8" s="278">
        <v>0</v>
      </c>
      <c r="Q8" s="280">
        <v>0</v>
      </c>
      <c r="R8" s="281">
        <v>5</v>
      </c>
      <c r="S8" s="281">
        <v>6</v>
      </c>
      <c r="T8" s="281">
        <v>10</v>
      </c>
      <c r="U8" s="281">
        <v>8</v>
      </c>
      <c r="V8" s="281">
        <v>5</v>
      </c>
      <c r="W8" s="278">
        <v>34</v>
      </c>
      <c r="X8" s="283">
        <v>34</v>
      </c>
      <c r="Y8" s="277">
        <v>0</v>
      </c>
      <c r="Z8" s="281">
        <v>0</v>
      </c>
      <c r="AA8" s="278">
        <v>0</v>
      </c>
      <c r="AB8" s="280">
        <v>0</v>
      </c>
      <c r="AC8" s="281">
        <v>105</v>
      </c>
      <c r="AD8" s="281">
        <v>61</v>
      </c>
      <c r="AE8" s="281">
        <v>40</v>
      </c>
      <c r="AF8" s="281">
        <v>27</v>
      </c>
      <c r="AG8" s="281">
        <v>10</v>
      </c>
      <c r="AH8" s="278">
        <v>243</v>
      </c>
      <c r="AI8" s="283">
        <v>243</v>
      </c>
      <c r="AJ8" s="277">
        <v>0</v>
      </c>
      <c r="AK8" s="281">
        <v>0</v>
      </c>
      <c r="AL8" s="278">
        <v>0</v>
      </c>
      <c r="AM8" s="280">
        <v>0</v>
      </c>
      <c r="AN8" s="281">
        <v>17</v>
      </c>
      <c r="AO8" s="281">
        <v>10</v>
      </c>
      <c r="AP8" s="281">
        <v>12</v>
      </c>
      <c r="AQ8" s="281">
        <v>4</v>
      </c>
      <c r="AR8" s="281">
        <v>3</v>
      </c>
      <c r="AS8" s="278">
        <v>46</v>
      </c>
      <c r="AT8" s="283">
        <v>46</v>
      </c>
      <c r="AU8" s="277">
        <v>2</v>
      </c>
      <c r="AV8" s="281">
        <v>0</v>
      </c>
      <c r="AW8" s="278">
        <v>2</v>
      </c>
      <c r="AX8" s="280">
        <v>0</v>
      </c>
      <c r="AY8" s="281">
        <v>10</v>
      </c>
      <c r="AZ8" s="281">
        <v>14</v>
      </c>
      <c r="BA8" s="281">
        <v>10</v>
      </c>
      <c r="BB8" s="281">
        <v>8</v>
      </c>
      <c r="BC8" s="281">
        <v>2</v>
      </c>
      <c r="BD8" s="278">
        <v>44</v>
      </c>
      <c r="BE8" s="283">
        <v>46</v>
      </c>
      <c r="BF8" s="277">
        <v>0</v>
      </c>
      <c r="BG8" s="281">
        <v>0</v>
      </c>
      <c r="BH8" s="278">
        <v>0</v>
      </c>
      <c r="BI8" s="280">
        <v>0</v>
      </c>
      <c r="BJ8" s="281">
        <v>17</v>
      </c>
      <c r="BK8" s="281">
        <v>23</v>
      </c>
      <c r="BL8" s="281">
        <v>34</v>
      </c>
      <c r="BM8" s="281">
        <v>20</v>
      </c>
      <c r="BN8" s="281">
        <v>9</v>
      </c>
      <c r="BO8" s="282">
        <v>103</v>
      </c>
      <c r="BP8" s="283">
        <v>103</v>
      </c>
      <c r="BQ8" s="277">
        <v>0</v>
      </c>
      <c r="BR8" s="281">
        <v>0</v>
      </c>
      <c r="BS8" s="278">
        <v>0</v>
      </c>
      <c r="BT8" s="280">
        <v>0</v>
      </c>
      <c r="BU8" s="281">
        <v>0</v>
      </c>
      <c r="BV8" s="281">
        <v>0</v>
      </c>
      <c r="BW8" s="281">
        <v>0</v>
      </c>
      <c r="BX8" s="281">
        <v>0</v>
      </c>
      <c r="BY8" s="281">
        <v>0</v>
      </c>
      <c r="BZ8" s="278">
        <v>0</v>
      </c>
      <c r="CA8" s="283">
        <v>0</v>
      </c>
      <c r="CB8" s="277">
        <v>0</v>
      </c>
      <c r="CC8" s="281">
        <v>0</v>
      </c>
      <c r="CD8" s="278">
        <v>0</v>
      </c>
      <c r="CE8" s="280">
        <v>0</v>
      </c>
      <c r="CF8" s="281">
        <v>0</v>
      </c>
      <c r="CG8" s="281">
        <v>0</v>
      </c>
      <c r="CH8" s="281">
        <v>7</v>
      </c>
      <c r="CI8" s="281">
        <v>3</v>
      </c>
      <c r="CJ8" s="281">
        <v>2</v>
      </c>
      <c r="CK8" s="278">
        <v>12</v>
      </c>
      <c r="CL8" s="283">
        <v>12</v>
      </c>
      <c r="CM8" s="277">
        <v>0</v>
      </c>
      <c r="CN8" s="281">
        <v>0</v>
      </c>
      <c r="CO8" s="278">
        <v>0</v>
      </c>
      <c r="CP8" s="280">
        <v>0</v>
      </c>
      <c r="CQ8" s="281">
        <v>4</v>
      </c>
      <c r="CR8" s="281">
        <v>3</v>
      </c>
      <c r="CS8" s="281">
        <v>3</v>
      </c>
      <c r="CT8" s="281">
        <v>7</v>
      </c>
      <c r="CU8" s="281">
        <v>8</v>
      </c>
      <c r="CV8" s="278">
        <v>25</v>
      </c>
      <c r="CW8" s="283">
        <v>25</v>
      </c>
    </row>
    <row r="9" spans="1:101" ht="19.8" customHeight="1" x14ac:dyDescent="0.2">
      <c r="B9" s="262" t="s">
        <v>14</v>
      </c>
      <c r="C9" s="277">
        <v>0</v>
      </c>
      <c r="D9" s="278">
        <v>0</v>
      </c>
      <c r="E9" s="279">
        <v>0</v>
      </c>
      <c r="F9" s="280">
        <v>0</v>
      </c>
      <c r="G9" s="281">
        <v>2</v>
      </c>
      <c r="H9" s="281">
        <v>2</v>
      </c>
      <c r="I9" s="281">
        <v>0</v>
      </c>
      <c r="J9" s="281">
        <v>1</v>
      </c>
      <c r="K9" s="281">
        <v>1</v>
      </c>
      <c r="L9" s="282">
        <v>6</v>
      </c>
      <c r="M9" s="283">
        <v>6</v>
      </c>
      <c r="N9" s="277">
        <v>0</v>
      </c>
      <c r="O9" s="281">
        <v>0</v>
      </c>
      <c r="P9" s="278">
        <v>0</v>
      </c>
      <c r="Q9" s="280">
        <v>0</v>
      </c>
      <c r="R9" s="281">
        <v>0</v>
      </c>
      <c r="S9" s="281">
        <v>0</v>
      </c>
      <c r="T9" s="281">
        <v>0</v>
      </c>
      <c r="U9" s="281">
        <v>0</v>
      </c>
      <c r="V9" s="281">
        <v>0</v>
      </c>
      <c r="W9" s="278">
        <v>0</v>
      </c>
      <c r="X9" s="283">
        <v>0</v>
      </c>
      <c r="Y9" s="277">
        <v>0</v>
      </c>
      <c r="Z9" s="281">
        <v>0</v>
      </c>
      <c r="AA9" s="278">
        <v>0</v>
      </c>
      <c r="AB9" s="280">
        <v>0</v>
      </c>
      <c r="AC9" s="281">
        <v>81</v>
      </c>
      <c r="AD9" s="281">
        <v>60</v>
      </c>
      <c r="AE9" s="281">
        <v>34</v>
      </c>
      <c r="AF9" s="281">
        <v>13</v>
      </c>
      <c r="AG9" s="281">
        <v>4</v>
      </c>
      <c r="AH9" s="278">
        <v>192</v>
      </c>
      <c r="AI9" s="283">
        <v>192</v>
      </c>
      <c r="AJ9" s="277">
        <v>0</v>
      </c>
      <c r="AK9" s="281">
        <v>0</v>
      </c>
      <c r="AL9" s="278">
        <v>0</v>
      </c>
      <c r="AM9" s="280">
        <v>0</v>
      </c>
      <c r="AN9" s="281">
        <v>1</v>
      </c>
      <c r="AO9" s="281">
        <v>1</v>
      </c>
      <c r="AP9" s="281">
        <v>0</v>
      </c>
      <c r="AQ9" s="281">
        <v>1</v>
      </c>
      <c r="AR9" s="281">
        <v>0</v>
      </c>
      <c r="AS9" s="278">
        <v>3</v>
      </c>
      <c r="AT9" s="283">
        <v>3</v>
      </c>
      <c r="AU9" s="277">
        <v>1</v>
      </c>
      <c r="AV9" s="281">
        <v>1</v>
      </c>
      <c r="AW9" s="278">
        <v>2</v>
      </c>
      <c r="AX9" s="280">
        <v>0</v>
      </c>
      <c r="AY9" s="281">
        <v>10</v>
      </c>
      <c r="AZ9" s="281">
        <v>3</v>
      </c>
      <c r="BA9" s="281">
        <v>7</v>
      </c>
      <c r="BB9" s="281">
        <v>1</v>
      </c>
      <c r="BC9" s="281">
        <v>1</v>
      </c>
      <c r="BD9" s="278">
        <v>22</v>
      </c>
      <c r="BE9" s="283">
        <v>24</v>
      </c>
      <c r="BF9" s="277">
        <v>0</v>
      </c>
      <c r="BG9" s="281">
        <v>0</v>
      </c>
      <c r="BH9" s="278">
        <v>0</v>
      </c>
      <c r="BI9" s="280">
        <v>0</v>
      </c>
      <c r="BJ9" s="281">
        <v>6</v>
      </c>
      <c r="BK9" s="281">
        <v>10</v>
      </c>
      <c r="BL9" s="281">
        <v>15</v>
      </c>
      <c r="BM9" s="281">
        <v>12</v>
      </c>
      <c r="BN9" s="281">
        <v>4</v>
      </c>
      <c r="BO9" s="282">
        <v>47</v>
      </c>
      <c r="BP9" s="283">
        <v>47</v>
      </c>
      <c r="BQ9" s="277">
        <v>0</v>
      </c>
      <c r="BR9" s="281">
        <v>0</v>
      </c>
      <c r="BS9" s="278">
        <v>0</v>
      </c>
      <c r="BT9" s="280">
        <v>0</v>
      </c>
      <c r="BU9" s="281">
        <v>0</v>
      </c>
      <c r="BV9" s="281">
        <v>0</v>
      </c>
      <c r="BW9" s="281">
        <v>0</v>
      </c>
      <c r="BX9" s="281">
        <v>0</v>
      </c>
      <c r="BY9" s="281">
        <v>0</v>
      </c>
      <c r="BZ9" s="278">
        <v>0</v>
      </c>
      <c r="CA9" s="283">
        <v>0</v>
      </c>
      <c r="CB9" s="277">
        <v>0</v>
      </c>
      <c r="CC9" s="281">
        <v>0</v>
      </c>
      <c r="CD9" s="278">
        <v>0</v>
      </c>
      <c r="CE9" s="280">
        <v>0</v>
      </c>
      <c r="CF9" s="281">
        <v>0</v>
      </c>
      <c r="CG9" s="281">
        <v>0</v>
      </c>
      <c r="CH9" s="281">
        <v>1</v>
      </c>
      <c r="CI9" s="281">
        <v>1</v>
      </c>
      <c r="CJ9" s="281">
        <v>0</v>
      </c>
      <c r="CK9" s="278">
        <v>2</v>
      </c>
      <c r="CL9" s="283">
        <v>2</v>
      </c>
      <c r="CM9" s="277">
        <v>0</v>
      </c>
      <c r="CN9" s="281">
        <v>0</v>
      </c>
      <c r="CO9" s="278">
        <v>0</v>
      </c>
      <c r="CP9" s="280">
        <v>0</v>
      </c>
      <c r="CQ9" s="281">
        <v>1</v>
      </c>
      <c r="CR9" s="281">
        <v>1</v>
      </c>
      <c r="CS9" s="281">
        <v>1</v>
      </c>
      <c r="CT9" s="281">
        <v>0</v>
      </c>
      <c r="CU9" s="281">
        <v>2</v>
      </c>
      <c r="CV9" s="278">
        <v>5</v>
      </c>
      <c r="CW9" s="283">
        <v>5</v>
      </c>
    </row>
    <row r="10" spans="1:101" ht="19.8" customHeight="1" x14ac:dyDescent="0.2">
      <c r="B10" s="262" t="s">
        <v>7</v>
      </c>
      <c r="C10" s="277">
        <v>0</v>
      </c>
      <c r="D10" s="278">
        <v>0</v>
      </c>
      <c r="E10" s="279">
        <v>0</v>
      </c>
      <c r="F10" s="280">
        <v>0</v>
      </c>
      <c r="G10" s="281">
        <v>0</v>
      </c>
      <c r="H10" s="281">
        <v>0</v>
      </c>
      <c r="I10" s="281">
        <v>0</v>
      </c>
      <c r="J10" s="281">
        <v>0</v>
      </c>
      <c r="K10" s="281">
        <v>0</v>
      </c>
      <c r="L10" s="282">
        <v>0</v>
      </c>
      <c r="M10" s="283">
        <v>0</v>
      </c>
      <c r="N10" s="277">
        <v>0</v>
      </c>
      <c r="O10" s="281">
        <v>0</v>
      </c>
      <c r="P10" s="278">
        <v>0</v>
      </c>
      <c r="Q10" s="280">
        <v>0</v>
      </c>
      <c r="R10" s="281">
        <v>0</v>
      </c>
      <c r="S10" s="281">
        <v>0</v>
      </c>
      <c r="T10" s="281">
        <v>0</v>
      </c>
      <c r="U10" s="281">
        <v>0</v>
      </c>
      <c r="V10" s="281">
        <v>0</v>
      </c>
      <c r="W10" s="278">
        <v>0</v>
      </c>
      <c r="X10" s="283">
        <v>0</v>
      </c>
      <c r="Y10" s="277">
        <v>0</v>
      </c>
      <c r="Z10" s="281">
        <v>0</v>
      </c>
      <c r="AA10" s="278">
        <v>0</v>
      </c>
      <c r="AB10" s="280">
        <v>0</v>
      </c>
      <c r="AC10" s="281">
        <v>89</v>
      </c>
      <c r="AD10" s="281">
        <v>46</v>
      </c>
      <c r="AE10" s="281">
        <v>12</v>
      </c>
      <c r="AF10" s="281">
        <v>8</v>
      </c>
      <c r="AG10" s="281">
        <v>4</v>
      </c>
      <c r="AH10" s="278">
        <v>159</v>
      </c>
      <c r="AI10" s="283">
        <v>159</v>
      </c>
      <c r="AJ10" s="277">
        <v>0</v>
      </c>
      <c r="AK10" s="281">
        <v>0</v>
      </c>
      <c r="AL10" s="278">
        <v>0</v>
      </c>
      <c r="AM10" s="280">
        <v>0</v>
      </c>
      <c r="AN10" s="281">
        <v>9</v>
      </c>
      <c r="AO10" s="281">
        <v>13</v>
      </c>
      <c r="AP10" s="281">
        <v>6</v>
      </c>
      <c r="AQ10" s="281">
        <v>4</v>
      </c>
      <c r="AR10" s="281">
        <v>1</v>
      </c>
      <c r="AS10" s="278">
        <v>33</v>
      </c>
      <c r="AT10" s="283">
        <v>33</v>
      </c>
      <c r="AU10" s="277">
        <v>2</v>
      </c>
      <c r="AV10" s="281">
        <v>1</v>
      </c>
      <c r="AW10" s="278">
        <v>3</v>
      </c>
      <c r="AX10" s="280">
        <v>0</v>
      </c>
      <c r="AY10" s="281">
        <v>7</v>
      </c>
      <c r="AZ10" s="281">
        <v>5</v>
      </c>
      <c r="BA10" s="281">
        <v>1</v>
      </c>
      <c r="BB10" s="281">
        <v>1</v>
      </c>
      <c r="BC10" s="281">
        <v>0</v>
      </c>
      <c r="BD10" s="278">
        <v>14</v>
      </c>
      <c r="BE10" s="283">
        <v>17</v>
      </c>
      <c r="BF10" s="277">
        <v>0</v>
      </c>
      <c r="BG10" s="281">
        <v>0</v>
      </c>
      <c r="BH10" s="278">
        <v>0</v>
      </c>
      <c r="BI10" s="280">
        <v>0</v>
      </c>
      <c r="BJ10" s="281">
        <v>12</v>
      </c>
      <c r="BK10" s="281">
        <v>3</v>
      </c>
      <c r="BL10" s="281">
        <v>15</v>
      </c>
      <c r="BM10" s="281">
        <v>9</v>
      </c>
      <c r="BN10" s="281">
        <v>2</v>
      </c>
      <c r="BO10" s="282">
        <v>41</v>
      </c>
      <c r="BP10" s="283">
        <v>41</v>
      </c>
      <c r="BQ10" s="277">
        <v>0</v>
      </c>
      <c r="BR10" s="281">
        <v>0</v>
      </c>
      <c r="BS10" s="278">
        <v>0</v>
      </c>
      <c r="BT10" s="280">
        <v>0</v>
      </c>
      <c r="BU10" s="281">
        <v>0</v>
      </c>
      <c r="BV10" s="281">
        <v>0</v>
      </c>
      <c r="BW10" s="281">
        <v>0</v>
      </c>
      <c r="BX10" s="281">
        <v>0</v>
      </c>
      <c r="BY10" s="281">
        <v>0</v>
      </c>
      <c r="BZ10" s="278">
        <v>0</v>
      </c>
      <c r="CA10" s="283">
        <v>0</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1</v>
      </c>
      <c r="CR10" s="281">
        <v>2</v>
      </c>
      <c r="CS10" s="281">
        <v>1</v>
      </c>
      <c r="CT10" s="281">
        <v>3</v>
      </c>
      <c r="CU10" s="281">
        <v>1</v>
      </c>
      <c r="CV10" s="278">
        <v>8</v>
      </c>
      <c r="CW10" s="283">
        <v>8</v>
      </c>
    </row>
    <row r="11" spans="1:101" ht="19.8" customHeight="1" x14ac:dyDescent="0.2">
      <c r="B11" s="262" t="s">
        <v>8</v>
      </c>
      <c r="C11" s="277">
        <v>0</v>
      </c>
      <c r="D11" s="278">
        <v>0</v>
      </c>
      <c r="E11" s="279">
        <v>0</v>
      </c>
      <c r="F11" s="280">
        <v>0</v>
      </c>
      <c r="G11" s="281">
        <v>0</v>
      </c>
      <c r="H11" s="281">
        <v>0</v>
      </c>
      <c r="I11" s="281">
        <v>0</v>
      </c>
      <c r="J11" s="281">
        <v>1</v>
      </c>
      <c r="K11" s="281">
        <v>0</v>
      </c>
      <c r="L11" s="282">
        <v>1</v>
      </c>
      <c r="M11" s="283">
        <v>1</v>
      </c>
      <c r="N11" s="277">
        <v>0</v>
      </c>
      <c r="O11" s="281">
        <v>0</v>
      </c>
      <c r="P11" s="278">
        <v>0</v>
      </c>
      <c r="Q11" s="280">
        <v>0</v>
      </c>
      <c r="R11" s="281">
        <v>0</v>
      </c>
      <c r="S11" s="281">
        <v>0</v>
      </c>
      <c r="T11" s="281">
        <v>0</v>
      </c>
      <c r="U11" s="281">
        <v>0</v>
      </c>
      <c r="V11" s="281">
        <v>0</v>
      </c>
      <c r="W11" s="278">
        <v>0</v>
      </c>
      <c r="X11" s="283">
        <v>0</v>
      </c>
      <c r="Y11" s="277">
        <v>0</v>
      </c>
      <c r="Z11" s="281">
        <v>0</v>
      </c>
      <c r="AA11" s="278">
        <v>0</v>
      </c>
      <c r="AB11" s="280">
        <v>0</v>
      </c>
      <c r="AC11" s="281">
        <v>38</v>
      </c>
      <c r="AD11" s="281">
        <v>34</v>
      </c>
      <c r="AE11" s="281">
        <v>11</v>
      </c>
      <c r="AF11" s="281">
        <v>6</v>
      </c>
      <c r="AG11" s="281">
        <v>2</v>
      </c>
      <c r="AH11" s="278">
        <v>91</v>
      </c>
      <c r="AI11" s="283">
        <v>91</v>
      </c>
      <c r="AJ11" s="277">
        <v>0</v>
      </c>
      <c r="AK11" s="281">
        <v>0</v>
      </c>
      <c r="AL11" s="278">
        <v>0</v>
      </c>
      <c r="AM11" s="280">
        <v>0</v>
      </c>
      <c r="AN11" s="281">
        <v>0</v>
      </c>
      <c r="AO11" s="281">
        <v>0</v>
      </c>
      <c r="AP11" s="281">
        <v>0</v>
      </c>
      <c r="AQ11" s="281">
        <v>0</v>
      </c>
      <c r="AR11" s="281">
        <v>0</v>
      </c>
      <c r="AS11" s="278">
        <v>0</v>
      </c>
      <c r="AT11" s="283">
        <v>0</v>
      </c>
      <c r="AU11" s="277">
        <v>2</v>
      </c>
      <c r="AV11" s="281">
        <v>0</v>
      </c>
      <c r="AW11" s="278">
        <v>2</v>
      </c>
      <c r="AX11" s="280">
        <v>0</v>
      </c>
      <c r="AY11" s="281">
        <v>5</v>
      </c>
      <c r="AZ11" s="281">
        <v>3</v>
      </c>
      <c r="BA11" s="281">
        <v>2</v>
      </c>
      <c r="BB11" s="281">
        <v>1</v>
      </c>
      <c r="BC11" s="281">
        <v>0</v>
      </c>
      <c r="BD11" s="278">
        <v>11</v>
      </c>
      <c r="BE11" s="283">
        <v>13</v>
      </c>
      <c r="BF11" s="277">
        <v>0</v>
      </c>
      <c r="BG11" s="281">
        <v>0</v>
      </c>
      <c r="BH11" s="278">
        <v>0</v>
      </c>
      <c r="BI11" s="280">
        <v>0</v>
      </c>
      <c r="BJ11" s="281">
        <v>3</v>
      </c>
      <c r="BK11" s="281">
        <v>4</v>
      </c>
      <c r="BL11" s="281">
        <v>3</v>
      </c>
      <c r="BM11" s="281">
        <v>4</v>
      </c>
      <c r="BN11" s="281">
        <v>1</v>
      </c>
      <c r="BO11" s="282">
        <v>15</v>
      </c>
      <c r="BP11" s="283">
        <v>15</v>
      </c>
      <c r="BQ11" s="277">
        <v>0</v>
      </c>
      <c r="BR11" s="281">
        <v>0</v>
      </c>
      <c r="BS11" s="278">
        <v>0</v>
      </c>
      <c r="BT11" s="280">
        <v>0</v>
      </c>
      <c r="BU11" s="281">
        <v>0</v>
      </c>
      <c r="BV11" s="281">
        <v>0</v>
      </c>
      <c r="BW11" s="281">
        <v>1</v>
      </c>
      <c r="BX11" s="281">
        <v>3</v>
      </c>
      <c r="BY11" s="281">
        <v>0</v>
      </c>
      <c r="BZ11" s="278">
        <v>4</v>
      </c>
      <c r="CA11" s="283">
        <v>4</v>
      </c>
      <c r="CB11" s="277">
        <v>0</v>
      </c>
      <c r="CC11" s="281">
        <v>0</v>
      </c>
      <c r="CD11" s="278">
        <v>0</v>
      </c>
      <c r="CE11" s="280">
        <v>0</v>
      </c>
      <c r="CF11" s="281">
        <v>0</v>
      </c>
      <c r="CG11" s="281">
        <v>0</v>
      </c>
      <c r="CH11" s="281">
        <v>0</v>
      </c>
      <c r="CI11" s="281">
        <v>0</v>
      </c>
      <c r="CJ11" s="281">
        <v>0</v>
      </c>
      <c r="CK11" s="278">
        <v>0</v>
      </c>
      <c r="CL11" s="283">
        <v>0</v>
      </c>
      <c r="CM11" s="277">
        <v>0</v>
      </c>
      <c r="CN11" s="281">
        <v>0</v>
      </c>
      <c r="CO11" s="278">
        <v>0</v>
      </c>
      <c r="CP11" s="280">
        <v>0</v>
      </c>
      <c r="CQ11" s="281">
        <v>3</v>
      </c>
      <c r="CR11" s="281">
        <v>0</v>
      </c>
      <c r="CS11" s="281">
        <v>1</v>
      </c>
      <c r="CT11" s="281">
        <v>1</v>
      </c>
      <c r="CU11" s="281">
        <v>1</v>
      </c>
      <c r="CV11" s="278">
        <v>6</v>
      </c>
      <c r="CW11" s="283">
        <v>6</v>
      </c>
    </row>
    <row r="12" spans="1:101" ht="19.8" customHeight="1" x14ac:dyDescent="0.2">
      <c r="B12" s="262" t="s">
        <v>9</v>
      </c>
      <c r="C12" s="277">
        <v>0</v>
      </c>
      <c r="D12" s="278">
        <v>0</v>
      </c>
      <c r="E12" s="279">
        <v>0</v>
      </c>
      <c r="F12" s="280">
        <v>0</v>
      </c>
      <c r="G12" s="281">
        <v>1</v>
      </c>
      <c r="H12" s="281">
        <v>0</v>
      </c>
      <c r="I12" s="281">
        <v>0</v>
      </c>
      <c r="J12" s="281">
        <v>0</v>
      </c>
      <c r="K12" s="281">
        <v>1</v>
      </c>
      <c r="L12" s="282">
        <v>2</v>
      </c>
      <c r="M12" s="283">
        <v>2</v>
      </c>
      <c r="N12" s="277">
        <v>0</v>
      </c>
      <c r="O12" s="281">
        <v>0</v>
      </c>
      <c r="P12" s="278">
        <v>0</v>
      </c>
      <c r="Q12" s="280">
        <v>0</v>
      </c>
      <c r="R12" s="281">
        <v>0</v>
      </c>
      <c r="S12" s="281">
        <v>0</v>
      </c>
      <c r="T12" s="281">
        <v>0</v>
      </c>
      <c r="U12" s="281">
        <v>0</v>
      </c>
      <c r="V12" s="281">
        <v>0</v>
      </c>
      <c r="W12" s="278">
        <v>0</v>
      </c>
      <c r="X12" s="283">
        <v>0</v>
      </c>
      <c r="Y12" s="277">
        <v>0</v>
      </c>
      <c r="Z12" s="281">
        <v>0</v>
      </c>
      <c r="AA12" s="278">
        <v>0</v>
      </c>
      <c r="AB12" s="280">
        <v>0</v>
      </c>
      <c r="AC12" s="281">
        <v>35</v>
      </c>
      <c r="AD12" s="281">
        <v>25</v>
      </c>
      <c r="AE12" s="281">
        <v>17</v>
      </c>
      <c r="AF12" s="281">
        <v>12</v>
      </c>
      <c r="AG12" s="281">
        <v>2</v>
      </c>
      <c r="AH12" s="278">
        <v>91</v>
      </c>
      <c r="AI12" s="283">
        <v>91</v>
      </c>
      <c r="AJ12" s="277">
        <v>0</v>
      </c>
      <c r="AK12" s="281">
        <v>0</v>
      </c>
      <c r="AL12" s="278">
        <v>0</v>
      </c>
      <c r="AM12" s="280">
        <v>0</v>
      </c>
      <c r="AN12" s="281">
        <v>0</v>
      </c>
      <c r="AO12" s="281">
        <v>2</v>
      </c>
      <c r="AP12" s="281">
        <v>2</v>
      </c>
      <c r="AQ12" s="281">
        <v>0</v>
      </c>
      <c r="AR12" s="281">
        <v>0</v>
      </c>
      <c r="AS12" s="278">
        <v>4</v>
      </c>
      <c r="AT12" s="283">
        <v>4</v>
      </c>
      <c r="AU12" s="277">
        <v>1</v>
      </c>
      <c r="AV12" s="281">
        <v>0</v>
      </c>
      <c r="AW12" s="278">
        <v>1</v>
      </c>
      <c r="AX12" s="280">
        <v>0</v>
      </c>
      <c r="AY12" s="281">
        <v>5</v>
      </c>
      <c r="AZ12" s="281">
        <v>2</v>
      </c>
      <c r="BA12" s="281">
        <v>2</v>
      </c>
      <c r="BB12" s="281">
        <v>0</v>
      </c>
      <c r="BC12" s="281">
        <v>1</v>
      </c>
      <c r="BD12" s="278">
        <v>10</v>
      </c>
      <c r="BE12" s="283">
        <v>11</v>
      </c>
      <c r="BF12" s="277">
        <v>0</v>
      </c>
      <c r="BG12" s="281">
        <v>0</v>
      </c>
      <c r="BH12" s="278">
        <v>0</v>
      </c>
      <c r="BI12" s="280">
        <v>0</v>
      </c>
      <c r="BJ12" s="281">
        <v>4</v>
      </c>
      <c r="BK12" s="281">
        <v>5</v>
      </c>
      <c r="BL12" s="281">
        <v>3</v>
      </c>
      <c r="BM12" s="281">
        <v>2</v>
      </c>
      <c r="BN12" s="281">
        <v>4</v>
      </c>
      <c r="BO12" s="282">
        <v>18</v>
      </c>
      <c r="BP12" s="283">
        <v>18</v>
      </c>
      <c r="BQ12" s="277">
        <v>0</v>
      </c>
      <c r="BR12" s="281">
        <v>0</v>
      </c>
      <c r="BS12" s="278">
        <v>0</v>
      </c>
      <c r="BT12" s="280">
        <v>0</v>
      </c>
      <c r="BU12" s="281">
        <v>1</v>
      </c>
      <c r="BV12" s="281">
        <v>1</v>
      </c>
      <c r="BW12" s="281">
        <v>0</v>
      </c>
      <c r="BX12" s="281">
        <v>0</v>
      </c>
      <c r="BY12" s="281">
        <v>0</v>
      </c>
      <c r="BZ12" s="278">
        <v>2</v>
      </c>
      <c r="CA12" s="283">
        <v>2</v>
      </c>
      <c r="CB12" s="277">
        <v>0</v>
      </c>
      <c r="CC12" s="281">
        <v>0</v>
      </c>
      <c r="CD12" s="278">
        <v>0</v>
      </c>
      <c r="CE12" s="280">
        <v>0</v>
      </c>
      <c r="CF12" s="281">
        <v>0</v>
      </c>
      <c r="CG12" s="281">
        <v>0</v>
      </c>
      <c r="CH12" s="281">
        <v>0</v>
      </c>
      <c r="CI12" s="281">
        <v>0</v>
      </c>
      <c r="CJ12" s="281">
        <v>0</v>
      </c>
      <c r="CK12" s="278">
        <v>0</v>
      </c>
      <c r="CL12" s="283">
        <v>0</v>
      </c>
      <c r="CM12" s="277">
        <v>0</v>
      </c>
      <c r="CN12" s="281">
        <v>0</v>
      </c>
      <c r="CO12" s="278">
        <v>0</v>
      </c>
      <c r="CP12" s="280">
        <v>0</v>
      </c>
      <c r="CQ12" s="281">
        <v>0</v>
      </c>
      <c r="CR12" s="281">
        <v>1</v>
      </c>
      <c r="CS12" s="281">
        <v>4</v>
      </c>
      <c r="CT12" s="281">
        <v>0</v>
      </c>
      <c r="CU12" s="281">
        <v>0</v>
      </c>
      <c r="CV12" s="278">
        <v>5</v>
      </c>
      <c r="CW12" s="283">
        <v>5</v>
      </c>
    </row>
    <row r="13" spans="1:101" ht="19.8" customHeight="1" x14ac:dyDescent="0.2">
      <c r="B13" s="262" t="s">
        <v>10</v>
      </c>
      <c r="C13" s="277">
        <v>0</v>
      </c>
      <c r="D13" s="278">
        <v>0</v>
      </c>
      <c r="E13" s="279">
        <v>0</v>
      </c>
      <c r="F13" s="280">
        <v>0</v>
      </c>
      <c r="G13" s="281">
        <v>4</v>
      </c>
      <c r="H13" s="281">
        <v>2</v>
      </c>
      <c r="I13" s="281">
        <v>0</v>
      </c>
      <c r="J13" s="281">
        <v>2</v>
      </c>
      <c r="K13" s="281">
        <v>1</v>
      </c>
      <c r="L13" s="282">
        <v>9</v>
      </c>
      <c r="M13" s="283">
        <v>9</v>
      </c>
      <c r="N13" s="277">
        <v>0</v>
      </c>
      <c r="O13" s="281">
        <v>0</v>
      </c>
      <c r="P13" s="278">
        <v>0</v>
      </c>
      <c r="Q13" s="280">
        <v>0</v>
      </c>
      <c r="R13" s="281">
        <v>1</v>
      </c>
      <c r="S13" s="281">
        <v>1</v>
      </c>
      <c r="T13" s="281">
        <v>4</v>
      </c>
      <c r="U13" s="281">
        <v>1</v>
      </c>
      <c r="V13" s="281">
        <v>0</v>
      </c>
      <c r="W13" s="278">
        <v>7</v>
      </c>
      <c r="X13" s="283">
        <v>7</v>
      </c>
      <c r="Y13" s="277">
        <v>0</v>
      </c>
      <c r="Z13" s="281">
        <v>0</v>
      </c>
      <c r="AA13" s="278">
        <v>0</v>
      </c>
      <c r="AB13" s="280">
        <v>0</v>
      </c>
      <c r="AC13" s="281">
        <v>48</v>
      </c>
      <c r="AD13" s="281">
        <v>23</v>
      </c>
      <c r="AE13" s="281">
        <v>4</v>
      </c>
      <c r="AF13" s="281">
        <v>2</v>
      </c>
      <c r="AG13" s="281">
        <v>1</v>
      </c>
      <c r="AH13" s="278">
        <v>78</v>
      </c>
      <c r="AI13" s="283">
        <v>78</v>
      </c>
      <c r="AJ13" s="277">
        <v>0</v>
      </c>
      <c r="AK13" s="281">
        <v>0</v>
      </c>
      <c r="AL13" s="278">
        <v>0</v>
      </c>
      <c r="AM13" s="280">
        <v>0</v>
      </c>
      <c r="AN13" s="281">
        <v>2</v>
      </c>
      <c r="AO13" s="281">
        <v>1</v>
      </c>
      <c r="AP13" s="281">
        <v>4</v>
      </c>
      <c r="AQ13" s="281">
        <v>0</v>
      </c>
      <c r="AR13" s="281">
        <v>1</v>
      </c>
      <c r="AS13" s="278">
        <v>8</v>
      </c>
      <c r="AT13" s="283">
        <v>8</v>
      </c>
      <c r="AU13" s="277">
        <v>0</v>
      </c>
      <c r="AV13" s="281">
        <v>0</v>
      </c>
      <c r="AW13" s="278">
        <v>0</v>
      </c>
      <c r="AX13" s="280">
        <v>0</v>
      </c>
      <c r="AY13" s="281">
        <v>3</v>
      </c>
      <c r="AZ13" s="281">
        <v>4</v>
      </c>
      <c r="BA13" s="281">
        <v>3</v>
      </c>
      <c r="BB13" s="281">
        <v>5</v>
      </c>
      <c r="BC13" s="281">
        <v>0</v>
      </c>
      <c r="BD13" s="278">
        <v>15</v>
      </c>
      <c r="BE13" s="283">
        <v>15</v>
      </c>
      <c r="BF13" s="277">
        <v>0</v>
      </c>
      <c r="BG13" s="281">
        <v>0</v>
      </c>
      <c r="BH13" s="278">
        <v>0</v>
      </c>
      <c r="BI13" s="280">
        <v>0</v>
      </c>
      <c r="BJ13" s="281">
        <v>6</v>
      </c>
      <c r="BK13" s="281">
        <v>10</v>
      </c>
      <c r="BL13" s="281">
        <v>4</v>
      </c>
      <c r="BM13" s="281">
        <v>4</v>
      </c>
      <c r="BN13" s="281">
        <v>5</v>
      </c>
      <c r="BO13" s="282">
        <v>29</v>
      </c>
      <c r="BP13" s="283">
        <v>29</v>
      </c>
      <c r="BQ13" s="277">
        <v>0</v>
      </c>
      <c r="BR13" s="281">
        <v>0</v>
      </c>
      <c r="BS13" s="278">
        <v>0</v>
      </c>
      <c r="BT13" s="280">
        <v>0</v>
      </c>
      <c r="BU13" s="281">
        <v>1</v>
      </c>
      <c r="BV13" s="281">
        <v>5</v>
      </c>
      <c r="BW13" s="281">
        <v>3</v>
      </c>
      <c r="BX13" s="281">
        <v>3</v>
      </c>
      <c r="BY13" s="281">
        <v>3</v>
      </c>
      <c r="BZ13" s="278">
        <v>15</v>
      </c>
      <c r="CA13" s="283">
        <v>15</v>
      </c>
      <c r="CB13" s="277">
        <v>0</v>
      </c>
      <c r="CC13" s="281">
        <v>0</v>
      </c>
      <c r="CD13" s="278">
        <v>0</v>
      </c>
      <c r="CE13" s="280">
        <v>0</v>
      </c>
      <c r="CF13" s="281">
        <v>0</v>
      </c>
      <c r="CG13" s="281">
        <v>0</v>
      </c>
      <c r="CH13" s="281">
        <v>1</v>
      </c>
      <c r="CI13" s="281">
        <v>1</v>
      </c>
      <c r="CJ13" s="281">
        <v>3</v>
      </c>
      <c r="CK13" s="278">
        <v>5</v>
      </c>
      <c r="CL13" s="283">
        <v>5</v>
      </c>
      <c r="CM13" s="277">
        <v>0</v>
      </c>
      <c r="CN13" s="281">
        <v>0</v>
      </c>
      <c r="CO13" s="278">
        <v>0</v>
      </c>
      <c r="CP13" s="280">
        <v>0</v>
      </c>
      <c r="CQ13" s="281">
        <v>0</v>
      </c>
      <c r="CR13" s="281">
        <v>1</v>
      </c>
      <c r="CS13" s="281">
        <v>3</v>
      </c>
      <c r="CT13" s="281">
        <v>1</v>
      </c>
      <c r="CU13" s="281">
        <v>1</v>
      </c>
      <c r="CV13" s="278">
        <v>6</v>
      </c>
      <c r="CW13" s="283">
        <v>6</v>
      </c>
    </row>
    <row r="14" spans="1:101" ht="19.8" customHeight="1" x14ac:dyDescent="0.2">
      <c r="B14" s="262" t="s">
        <v>11</v>
      </c>
      <c r="C14" s="277">
        <v>0</v>
      </c>
      <c r="D14" s="278">
        <v>0</v>
      </c>
      <c r="E14" s="279">
        <v>0</v>
      </c>
      <c r="F14" s="280">
        <v>0</v>
      </c>
      <c r="G14" s="281">
        <v>1</v>
      </c>
      <c r="H14" s="281">
        <v>0</v>
      </c>
      <c r="I14" s="281">
        <v>2</v>
      </c>
      <c r="J14" s="281">
        <v>0</v>
      </c>
      <c r="K14" s="281">
        <v>1</v>
      </c>
      <c r="L14" s="282">
        <v>4</v>
      </c>
      <c r="M14" s="283">
        <v>4</v>
      </c>
      <c r="N14" s="277">
        <v>0</v>
      </c>
      <c r="O14" s="281">
        <v>0</v>
      </c>
      <c r="P14" s="278">
        <v>0</v>
      </c>
      <c r="Q14" s="280">
        <v>0</v>
      </c>
      <c r="R14" s="281">
        <v>1</v>
      </c>
      <c r="S14" s="281">
        <v>0</v>
      </c>
      <c r="T14" s="281">
        <v>0</v>
      </c>
      <c r="U14" s="281">
        <v>0</v>
      </c>
      <c r="V14" s="281">
        <v>0</v>
      </c>
      <c r="W14" s="278">
        <v>1</v>
      </c>
      <c r="X14" s="283">
        <v>1</v>
      </c>
      <c r="Y14" s="277">
        <v>0</v>
      </c>
      <c r="Z14" s="281">
        <v>0</v>
      </c>
      <c r="AA14" s="278">
        <v>0</v>
      </c>
      <c r="AB14" s="280">
        <v>0</v>
      </c>
      <c r="AC14" s="281">
        <v>28</v>
      </c>
      <c r="AD14" s="281">
        <v>6</v>
      </c>
      <c r="AE14" s="281">
        <v>11</v>
      </c>
      <c r="AF14" s="281">
        <v>3</v>
      </c>
      <c r="AG14" s="281">
        <v>1</v>
      </c>
      <c r="AH14" s="278">
        <v>49</v>
      </c>
      <c r="AI14" s="283">
        <v>49</v>
      </c>
      <c r="AJ14" s="277">
        <v>0</v>
      </c>
      <c r="AK14" s="281">
        <v>0</v>
      </c>
      <c r="AL14" s="278">
        <v>0</v>
      </c>
      <c r="AM14" s="280">
        <v>0</v>
      </c>
      <c r="AN14" s="281">
        <v>4</v>
      </c>
      <c r="AO14" s="281">
        <v>3</v>
      </c>
      <c r="AP14" s="281">
        <v>2</v>
      </c>
      <c r="AQ14" s="281">
        <v>0</v>
      </c>
      <c r="AR14" s="281">
        <v>0</v>
      </c>
      <c r="AS14" s="278">
        <v>9</v>
      </c>
      <c r="AT14" s="283">
        <v>9</v>
      </c>
      <c r="AU14" s="277">
        <v>0</v>
      </c>
      <c r="AV14" s="281">
        <v>0</v>
      </c>
      <c r="AW14" s="278">
        <v>0</v>
      </c>
      <c r="AX14" s="280">
        <v>0</v>
      </c>
      <c r="AY14" s="281">
        <v>1</v>
      </c>
      <c r="AZ14" s="281">
        <v>2</v>
      </c>
      <c r="BA14" s="281">
        <v>2</v>
      </c>
      <c r="BB14" s="281">
        <v>0</v>
      </c>
      <c r="BC14" s="281">
        <v>0</v>
      </c>
      <c r="BD14" s="278">
        <v>5</v>
      </c>
      <c r="BE14" s="283">
        <v>5</v>
      </c>
      <c r="BF14" s="277">
        <v>0</v>
      </c>
      <c r="BG14" s="281">
        <v>0</v>
      </c>
      <c r="BH14" s="278">
        <v>0</v>
      </c>
      <c r="BI14" s="280">
        <v>0</v>
      </c>
      <c r="BJ14" s="281">
        <v>1</v>
      </c>
      <c r="BK14" s="281">
        <v>1</v>
      </c>
      <c r="BL14" s="281">
        <v>1</v>
      </c>
      <c r="BM14" s="281">
        <v>3</v>
      </c>
      <c r="BN14" s="281">
        <v>0</v>
      </c>
      <c r="BO14" s="282">
        <v>6</v>
      </c>
      <c r="BP14" s="283">
        <v>6</v>
      </c>
      <c r="BQ14" s="277">
        <v>0</v>
      </c>
      <c r="BR14" s="281">
        <v>0</v>
      </c>
      <c r="BS14" s="278">
        <v>0</v>
      </c>
      <c r="BT14" s="280">
        <v>0</v>
      </c>
      <c r="BU14" s="281">
        <v>0</v>
      </c>
      <c r="BV14" s="281">
        <v>0</v>
      </c>
      <c r="BW14" s="281">
        <v>0</v>
      </c>
      <c r="BX14" s="281">
        <v>0</v>
      </c>
      <c r="BY14" s="281">
        <v>0</v>
      </c>
      <c r="BZ14" s="278">
        <v>0</v>
      </c>
      <c r="CA14" s="283">
        <v>0</v>
      </c>
      <c r="CB14" s="277">
        <v>0</v>
      </c>
      <c r="CC14" s="281">
        <v>0</v>
      </c>
      <c r="CD14" s="278">
        <v>0</v>
      </c>
      <c r="CE14" s="280">
        <v>0</v>
      </c>
      <c r="CF14" s="281">
        <v>0</v>
      </c>
      <c r="CG14" s="281">
        <v>0</v>
      </c>
      <c r="CH14" s="281">
        <v>0</v>
      </c>
      <c r="CI14" s="281">
        <v>0</v>
      </c>
      <c r="CJ14" s="281">
        <v>0</v>
      </c>
      <c r="CK14" s="278">
        <v>0</v>
      </c>
      <c r="CL14" s="283">
        <v>0</v>
      </c>
      <c r="CM14" s="277">
        <v>0</v>
      </c>
      <c r="CN14" s="281">
        <v>0</v>
      </c>
      <c r="CO14" s="278">
        <v>0</v>
      </c>
      <c r="CP14" s="280">
        <v>0</v>
      </c>
      <c r="CQ14" s="281">
        <v>0</v>
      </c>
      <c r="CR14" s="281">
        <v>1</v>
      </c>
      <c r="CS14" s="281">
        <v>0</v>
      </c>
      <c r="CT14" s="281">
        <v>1</v>
      </c>
      <c r="CU14" s="281">
        <v>0</v>
      </c>
      <c r="CV14" s="278">
        <v>2</v>
      </c>
      <c r="CW14" s="283">
        <v>2</v>
      </c>
    </row>
    <row r="15" spans="1:101" ht="19.8" customHeight="1" x14ac:dyDescent="0.2">
      <c r="B15" s="262" t="s">
        <v>12</v>
      </c>
      <c r="C15" s="277">
        <v>0</v>
      </c>
      <c r="D15" s="278">
        <v>0</v>
      </c>
      <c r="E15" s="279">
        <v>0</v>
      </c>
      <c r="F15" s="280">
        <v>0</v>
      </c>
      <c r="G15" s="281">
        <v>0</v>
      </c>
      <c r="H15" s="281">
        <v>1</v>
      </c>
      <c r="I15" s="281">
        <v>0</v>
      </c>
      <c r="J15" s="281">
        <v>0</v>
      </c>
      <c r="K15" s="281">
        <v>0</v>
      </c>
      <c r="L15" s="282">
        <v>1</v>
      </c>
      <c r="M15" s="283">
        <v>1</v>
      </c>
      <c r="N15" s="277">
        <v>0</v>
      </c>
      <c r="O15" s="281">
        <v>0</v>
      </c>
      <c r="P15" s="278">
        <v>0</v>
      </c>
      <c r="Q15" s="280">
        <v>0</v>
      </c>
      <c r="R15" s="281">
        <v>0</v>
      </c>
      <c r="S15" s="281">
        <v>0</v>
      </c>
      <c r="T15" s="281">
        <v>0</v>
      </c>
      <c r="U15" s="281">
        <v>0</v>
      </c>
      <c r="V15" s="281">
        <v>0</v>
      </c>
      <c r="W15" s="278">
        <v>0</v>
      </c>
      <c r="X15" s="283">
        <v>0</v>
      </c>
      <c r="Y15" s="277">
        <v>0</v>
      </c>
      <c r="Z15" s="281">
        <v>0</v>
      </c>
      <c r="AA15" s="278">
        <v>0</v>
      </c>
      <c r="AB15" s="280">
        <v>0</v>
      </c>
      <c r="AC15" s="281">
        <v>27</v>
      </c>
      <c r="AD15" s="281">
        <v>20</v>
      </c>
      <c r="AE15" s="281">
        <v>16</v>
      </c>
      <c r="AF15" s="281">
        <v>1</v>
      </c>
      <c r="AG15" s="281">
        <v>3</v>
      </c>
      <c r="AH15" s="278">
        <v>67</v>
      </c>
      <c r="AI15" s="283">
        <v>67</v>
      </c>
      <c r="AJ15" s="277">
        <v>0</v>
      </c>
      <c r="AK15" s="281">
        <v>0</v>
      </c>
      <c r="AL15" s="278">
        <v>0</v>
      </c>
      <c r="AM15" s="280">
        <v>0</v>
      </c>
      <c r="AN15" s="281">
        <v>0</v>
      </c>
      <c r="AO15" s="281">
        <v>0</v>
      </c>
      <c r="AP15" s="281">
        <v>0</v>
      </c>
      <c r="AQ15" s="281">
        <v>0</v>
      </c>
      <c r="AR15" s="281">
        <v>0</v>
      </c>
      <c r="AS15" s="278">
        <v>0</v>
      </c>
      <c r="AT15" s="283">
        <v>0</v>
      </c>
      <c r="AU15" s="277">
        <v>0</v>
      </c>
      <c r="AV15" s="281">
        <v>0</v>
      </c>
      <c r="AW15" s="278">
        <v>0</v>
      </c>
      <c r="AX15" s="280">
        <v>0</v>
      </c>
      <c r="AY15" s="281">
        <v>3</v>
      </c>
      <c r="AZ15" s="281">
        <v>1</v>
      </c>
      <c r="BA15" s="281">
        <v>5</v>
      </c>
      <c r="BB15" s="281">
        <v>6</v>
      </c>
      <c r="BC15" s="281">
        <v>2</v>
      </c>
      <c r="BD15" s="278">
        <v>17</v>
      </c>
      <c r="BE15" s="283">
        <v>17</v>
      </c>
      <c r="BF15" s="277">
        <v>0</v>
      </c>
      <c r="BG15" s="281">
        <v>0</v>
      </c>
      <c r="BH15" s="278">
        <v>0</v>
      </c>
      <c r="BI15" s="280">
        <v>0</v>
      </c>
      <c r="BJ15" s="281">
        <v>6</v>
      </c>
      <c r="BK15" s="281">
        <v>3</v>
      </c>
      <c r="BL15" s="281">
        <v>3</v>
      </c>
      <c r="BM15" s="281">
        <v>5</v>
      </c>
      <c r="BN15" s="281">
        <v>1</v>
      </c>
      <c r="BO15" s="282">
        <v>18</v>
      </c>
      <c r="BP15" s="283">
        <v>18</v>
      </c>
      <c r="BQ15" s="277">
        <v>0</v>
      </c>
      <c r="BR15" s="281">
        <v>0</v>
      </c>
      <c r="BS15" s="278">
        <v>0</v>
      </c>
      <c r="BT15" s="280">
        <v>0</v>
      </c>
      <c r="BU15" s="281">
        <v>0</v>
      </c>
      <c r="BV15" s="281">
        <v>2</v>
      </c>
      <c r="BW15" s="281">
        <v>0</v>
      </c>
      <c r="BX15" s="281">
        <v>4</v>
      </c>
      <c r="BY15" s="281">
        <v>0</v>
      </c>
      <c r="BZ15" s="278">
        <v>6</v>
      </c>
      <c r="CA15" s="283">
        <v>6</v>
      </c>
      <c r="CB15" s="277">
        <v>0</v>
      </c>
      <c r="CC15" s="281">
        <v>0</v>
      </c>
      <c r="CD15" s="278">
        <v>0</v>
      </c>
      <c r="CE15" s="280">
        <v>0</v>
      </c>
      <c r="CF15" s="281">
        <v>0</v>
      </c>
      <c r="CG15" s="281">
        <v>0</v>
      </c>
      <c r="CH15" s="281">
        <v>0</v>
      </c>
      <c r="CI15" s="281">
        <v>1</v>
      </c>
      <c r="CJ15" s="281">
        <v>1</v>
      </c>
      <c r="CK15" s="278">
        <v>2</v>
      </c>
      <c r="CL15" s="283">
        <v>2</v>
      </c>
      <c r="CM15" s="277">
        <v>0</v>
      </c>
      <c r="CN15" s="281">
        <v>0</v>
      </c>
      <c r="CO15" s="278">
        <v>0</v>
      </c>
      <c r="CP15" s="280">
        <v>0</v>
      </c>
      <c r="CQ15" s="281">
        <v>1</v>
      </c>
      <c r="CR15" s="281">
        <v>0</v>
      </c>
      <c r="CS15" s="281">
        <v>1</v>
      </c>
      <c r="CT15" s="281">
        <v>4</v>
      </c>
      <c r="CU15" s="281">
        <v>1</v>
      </c>
      <c r="CV15" s="278">
        <v>7</v>
      </c>
      <c r="CW15" s="283">
        <v>7</v>
      </c>
    </row>
    <row r="16" spans="1:101" ht="19.8" customHeight="1" x14ac:dyDescent="0.2">
      <c r="B16" s="262" t="s">
        <v>13</v>
      </c>
      <c r="C16" s="277">
        <v>0</v>
      </c>
      <c r="D16" s="278">
        <v>0</v>
      </c>
      <c r="E16" s="279">
        <v>0</v>
      </c>
      <c r="F16" s="280">
        <v>0</v>
      </c>
      <c r="G16" s="281">
        <v>0</v>
      </c>
      <c r="H16" s="281">
        <v>0</v>
      </c>
      <c r="I16" s="281">
        <v>0</v>
      </c>
      <c r="J16" s="281">
        <v>0</v>
      </c>
      <c r="K16" s="281">
        <v>0</v>
      </c>
      <c r="L16" s="282">
        <v>0</v>
      </c>
      <c r="M16" s="283">
        <v>0</v>
      </c>
      <c r="N16" s="277">
        <v>0</v>
      </c>
      <c r="O16" s="281">
        <v>0</v>
      </c>
      <c r="P16" s="278">
        <v>0</v>
      </c>
      <c r="Q16" s="280">
        <v>0</v>
      </c>
      <c r="R16" s="281">
        <v>0</v>
      </c>
      <c r="S16" s="281">
        <v>0</v>
      </c>
      <c r="T16" s="281">
        <v>0</v>
      </c>
      <c r="U16" s="281">
        <v>0</v>
      </c>
      <c r="V16" s="281">
        <v>0</v>
      </c>
      <c r="W16" s="278">
        <v>0</v>
      </c>
      <c r="X16" s="283">
        <v>0</v>
      </c>
      <c r="Y16" s="277">
        <v>0</v>
      </c>
      <c r="Z16" s="281">
        <v>0</v>
      </c>
      <c r="AA16" s="278">
        <v>0</v>
      </c>
      <c r="AB16" s="280">
        <v>0</v>
      </c>
      <c r="AC16" s="281">
        <v>11</v>
      </c>
      <c r="AD16" s="281">
        <v>10</v>
      </c>
      <c r="AE16" s="281">
        <v>3</v>
      </c>
      <c r="AF16" s="281">
        <v>1</v>
      </c>
      <c r="AG16" s="281">
        <v>1</v>
      </c>
      <c r="AH16" s="278">
        <v>26</v>
      </c>
      <c r="AI16" s="283">
        <v>26</v>
      </c>
      <c r="AJ16" s="277">
        <v>0</v>
      </c>
      <c r="AK16" s="281">
        <v>0</v>
      </c>
      <c r="AL16" s="278">
        <v>0</v>
      </c>
      <c r="AM16" s="280">
        <v>0</v>
      </c>
      <c r="AN16" s="281">
        <v>0</v>
      </c>
      <c r="AO16" s="281">
        <v>1</v>
      </c>
      <c r="AP16" s="281">
        <v>0</v>
      </c>
      <c r="AQ16" s="281">
        <v>1</v>
      </c>
      <c r="AR16" s="281">
        <v>1</v>
      </c>
      <c r="AS16" s="278">
        <v>3</v>
      </c>
      <c r="AT16" s="283">
        <v>3</v>
      </c>
      <c r="AU16" s="277">
        <v>0</v>
      </c>
      <c r="AV16" s="281">
        <v>0</v>
      </c>
      <c r="AW16" s="278">
        <v>0</v>
      </c>
      <c r="AX16" s="280">
        <v>0</v>
      </c>
      <c r="AY16" s="281">
        <v>2</v>
      </c>
      <c r="AZ16" s="281">
        <v>1</v>
      </c>
      <c r="BA16" s="281">
        <v>0</v>
      </c>
      <c r="BB16" s="281">
        <v>1</v>
      </c>
      <c r="BC16" s="281">
        <v>0</v>
      </c>
      <c r="BD16" s="278">
        <v>4</v>
      </c>
      <c r="BE16" s="283">
        <v>4</v>
      </c>
      <c r="BF16" s="277">
        <v>0</v>
      </c>
      <c r="BG16" s="281">
        <v>0</v>
      </c>
      <c r="BH16" s="278">
        <v>0</v>
      </c>
      <c r="BI16" s="280">
        <v>0</v>
      </c>
      <c r="BJ16" s="281">
        <v>1</v>
      </c>
      <c r="BK16" s="281">
        <v>0</v>
      </c>
      <c r="BL16" s="281">
        <v>1</v>
      </c>
      <c r="BM16" s="281">
        <v>3</v>
      </c>
      <c r="BN16" s="281">
        <v>0</v>
      </c>
      <c r="BO16" s="282">
        <v>5</v>
      </c>
      <c r="BP16" s="283">
        <v>5</v>
      </c>
      <c r="BQ16" s="277">
        <v>0</v>
      </c>
      <c r="BR16" s="281">
        <v>0</v>
      </c>
      <c r="BS16" s="278">
        <v>0</v>
      </c>
      <c r="BT16" s="280">
        <v>0</v>
      </c>
      <c r="BU16" s="281">
        <v>0</v>
      </c>
      <c r="BV16" s="281">
        <v>0</v>
      </c>
      <c r="BW16" s="281">
        <v>0</v>
      </c>
      <c r="BX16" s="281">
        <v>1</v>
      </c>
      <c r="BY16" s="281">
        <v>0</v>
      </c>
      <c r="BZ16" s="278">
        <v>1</v>
      </c>
      <c r="CA16" s="283">
        <v>1</v>
      </c>
      <c r="CB16" s="277">
        <v>0</v>
      </c>
      <c r="CC16" s="281">
        <v>0</v>
      </c>
      <c r="CD16" s="278">
        <v>0</v>
      </c>
      <c r="CE16" s="280">
        <v>0</v>
      </c>
      <c r="CF16" s="281">
        <v>0</v>
      </c>
      <c r="CG16" s="281">
        <v>0</v>
      </c>
      <c r="CH16" s="281">
        <v>0</v>
      </c>
      <c r="CI16" s="281">
        <v>0</v>
      </c>
      <c r="CJ16" s="281">
        <v>0</v>
      </c>
      <c r="CK16" s="278">
        <v>0</v>
      </c>
      <c r="CL16" s="283">
        <v>0</v>
      </c>
      <c r="CM16" s="277">
        <v>0</v>
      </c>
      <c r="CN16" s="281">
        <v>0</v>
      </c>
      <c r="CO16" s="278">
        <v>0</v>
      </c>
      <c r="CP16" s="280">
        <v>0</v>
      </c>
      <c r="CQ16" s="281">
        <v>0</v>
      </c>
      <c r="CR16" s="281">
        <v>0</v>
      </c>
      <c r="CS16" s="281">
        <v>0</v>
      </c>
      <c r="CT16" s="281">
        <v>0</v>
      </c>
      <c r="CU16" s="281">
        <v>0</v>
      </c>
      <c r="CV16" s="278">
        <v>0</v>
      </c>
      <c r="CW16" s="283">
        <v>0</v>
      </c>
    </row>
    <row r="17" spans="2:101" ht="19.8" customHeight="1" x14ac:dyDescent="0.2">
      <c r="B17" s="262" t="s">
        <v>15</v>
      </c>
      <c r="C17" s="277">
        <v>0</v>
      </c>
      <c r="D17" s="278">
        <v>0</v>
      </c>
      <c r="E17" s="279">
        <v>0</v>
      </c>
      <c r="F17" s="280">
        <v>0</v>
      </c>
      <c r="G17" s="281">
        <v>0</v>
      </c>
      <c r="H17" s="281">
        <v>0</v>
      </c>
      <c r="I17" s="281">
        <v>0</v>
      </c>
      <c r="J17" s="281">
        <v>0</v>
      </c>
      <c r="K17" s="281">
        <v>0</v>
      </c>
      <c r="L17" s="282">
        <v>0</v>
      </c>
      <c r="M17" s="283">
        <v>0</v>
      </c>
      <c r="N17" s="277">
        <v>0</v>
      </c>
      <c r="O17" s="281">
        <v>0</v>
      </c>
      <c r="P17" s="278">
        <v>0</v>
      </c>
      <c r="Q17" s="280">
        <v>0</v>
      </c>
      <c r="R17" s="281">
        <v>0</v>
      </c>
      <c r="S17" s="281">
        <v>0</v>
      </c>
      <c r="T17" s="281">
        <v>0</v>
      </c>
      <c r="U17" s="281">
        <v>0</v>
      </c>
      <c r="V17" s="281">
        <v>0</v>
      </c>
      <c r="W17" s="278">
        <v>0</v>
      </c>
      <c r="X17" s="283">
        <v>0</v>
      </c>
      <c r="Y17" s="277">
        <v>0</v>
      </c>
      <c r="Z17" s="281">
        <v>0</v>
      </c>
      <c r="AA17" s="278">
        <v>0</v>
      </c>
      <c r="AB17" s="280">
        <v>0</v>
      </c>
      <c r="AC17" s="281">
        <v>5</v>
      </c>
      <c r="AD17" s="281">
        <v>9</v>
      </c>
      <c r="AE17" s="281">
        <v>2</v>
      </c>
      <c r="AF17" s="281">
        <v>1</v>
      </c>
      <c r="AG17" s="281">
        <v>2</v>
      </c>
      <c r="AH17" s="278">
        <v>19</v>
      </c>
      <c r="AI17" s="283">
        <v>19</v>
      </c>
      <c r="AJ17" s="277">
        <v>0</v>
      </c>
      <c r="AK17" s="281">
        <v>0</v>
      </c>
      <c r="AL17" s="278">
        <v>0</v>
      </c>
      <c r="AM17" s="280">
        <v>0</v>
      </c>
      <c r="AN17" s="281">
        <v>0</v>
      </c>
      <c r="AO17" s="281">
        <v>1</v>
      </c>
      <c r="AP17" s="281">
        <v>0</v>
      </c>
      <c r="AQ17" s="281">
        <v>0</v>
      </c>
      <c r="AR17" s="281">
        <v>0</v>
      </c>
      <c r="AS17" s="278">
        <v>1</v>
      </c>
      <c r="AT17" s="283">
        <v>1</v>
      </c>
      <c r="AU17" s="277">
        <v>0</v>
      </c>
      <c r="AV17" s="281">
        <v>0</v>
      </c>
      <c r="AW17" s="278">
        <v>0</v>
      </c>
      <c r="AX17" s="280">
        <v>0</v>
      </c>
      <c r="AY17" s="281">
        <v>0</v>
      </c>
      <c r="AZ17" s="281">
        <v>2</v>
      </c>
      <c r="BA17" s="281">
        <v>0</v>
      </c>
      <c r="BB17" s="281">
        <v>2</v>
      </c>
      <c r="BC17" s="281">
        <v>0</v>
      </c>
      <c r="BD17" s="278">
        <v>4</v>
      </c>
      <c r="BE17" s="283">
        <v>4</v>
      </c>
      <c r="BF17" s="277">
        <v>0</v>
      </c>
      <c r="BG17" s="281">
        <v>0</v>
      </c>
      <c r="BH17" s="278">
        <v>0</v>
      </c>
      <c r="BI17" s="280">
        <v>0</v>
      </c>
      <c r="BJ17" s="281">
        <v>2</v>
      </c>
      <c r="BK17" s="281">
        <v>2</v>
      </c>
      <c r="BL17" s="281">
        <v>0</v>
      </c>
      <c r="BM17" s="281">
        <v>1</v>
      </c>
      <c r="BN17" s="281">
        <v>0</v>
      </c>
      <c r="BO17" s="282">
        <v>5</v>
      </c>
      <c r="BP17" s="283">
        <v>5</v>
      </c>
      <c r="BQ17" s="277">
        <v>0</v>
      </c>
      <c r="BR17" s="281">
        <v>0</v>
      </c>
      <c r="BS17" s="278">
        <v>0</v>
      </c>
      <c r="BT17" s="280">
        <v>0</v>
      </c>
      <c r="BU17" s="281">
        <v>0</v>
      </c>
      <c r="BV17" s="281">
        <v>0</v>
      </c>
      <c r="BW17" s="281">
        <v>0</v>
      </c>
      <c r="BX17" s="281">
        <v>0</v>
      </c>
      <c r="BY17" s="281">
        <v>0</v>
      </c>
      <c r="BZ17" s="278">
        <v>0</v>
      </c>
      <c r="CA17" s="283">
        <v>0</v>
      </c>
      <c r="CB17" s="277">
        <v>0</v>
      </c>
      <c r="CC17" s="281">
        <v>0</v>
      </c>
      <c r="CD17" s="278">
        <v>0</v>
      </c>
      <c r="CE17" s="280">
        <v>0</v>
      </c>
      <c r="CF17" s="281">
        <v>0</v>
      </c>
      <c r="CG17" s="281">
        <v>0</v>
      </c>
      <c r="CH17" s="281">
        <v>0</v>
      </c>
      <c r="CI17" s="281">
        <v>2</v>
      </c>
      <c r="CJ17" s="281">
        <v>0</v>
      </c>
      <c r="CK17" s="278">
        <v>2</v>
      </c>
      <c r="CL17" s="283">
        <v>2</v>
      </c>
      <c r="CM17" s="277">
        <v>0</v>
      </c>
      <c r="CN17" s="281">
        <v>0</v>
      </c>
      <c r="CO17" s="278">
        <v>0</v>
      </c>
      <c r="CP17" s="280">
        <v>0</v>
      </c>
      <c r="CQ17" s="281">
        <v>0</v>
      </c>
      <c r="CR17" s="281">
        <v>0</v>
      </c>
      <c r="CS17" s="281">
        <v>0</v>
      </c>
      <c r="CT17" s="281">
        <v>0</v>
      </c>
      <c r="CU17" s="281">
        <v>0</v>
      </c>
      <c r="CV17" s="278">
        <v>0</v>
      </c>
      <c r="CW17" s="283">
        <v>0</v>
      </c>
    </row>
    <row r="18" spans="2:101" ht="19.8" customHeight="1" x14ac:dyDescent="0.2">
      <c r="B18" s="262" t="s">
        <v>16</v>
      </c>
      <c r="C18" s="277">
        <v>0</v>
      </c>
      <c r="D18" s="278">
        <v>0</v>
      </c>
      <c r="E18" s="279">
        <v>0</v>
      </c>
      <c r="F18" s="280">
        <v>0</v>
      </c>
      <c r="G18" s="281">
        <v>0</v>
      </c>
      <c r="H18" s="281">
        <v>0</v>
      </c>
      <c r="I18" s="281">
        <v>2</v>
      </c>
      <c r="J18" s="281">
        <v>1</v>
      </c>
      <c r="K18" s="281">
        <v>0</v>
      </c>
      <c r="L18" s="282">
        <v>3</v>
      </c>
      <c r="M18" s="283">
        <v>3</v>
      </c>
      <c r="N18" s="277">
        <v>0</v>
      </c>
      <c r="O18" s="281">
        <v>0</v>
      </c>
      <c r="P18" s="278">
        <v>0</v>
      </c>
      <c r="Q18" s="280">
        <v>0</v>
      </c>
      <c r="R18" s="281">
        <v>0</v>
      </c>
      <c r="S18" s="281">
        <v>0</v>
      </c>
      <c r="T18" s="281">
        <v>0</v>
      </c>
      <c r="U18" s="281">
        <v>0</v>
      </c>
      <c r="V18" s="281">
        <v>0</v>
      </c>
      <c r="W18" s="278">
        <v>0</v>
      </c>
      <c r="X18" s="283">
        <v>0</v>
      </c>
      <c r="Y18" s="277">
        <v>0</v>
      </c>
      <c r="Z18" s="281">
        <v>0</v>
      </c>
      <c r="AA18" s="278">
        <v>0</v>
      </c>
      <c r="AB18" s="280">
        <v>0</v>
      </c>
      <c r="AC18" s="281">
        <v>7</v>
      </c>
      <c r="AD18" s="281">
        <v>12</v>
      </c>
      <c r="AE18" s="281">
        <v>3</v>
      </c>
      <c r="AF18" s="281">
        <v>2</v>
      </c>
      <c r="AG18" s="281">
        <v>0</v>
      </c>
      <c r="AH18" s="278">
        <v>24</v>
      </c>
      <c r="AI18" s="283">
        <v>24</v>
      </c>
      <c r="AJ18" s="277">
        <v>0</v>
      </c>
      <c r="AK18" s="281">
        <v>0</v>
      </c>
      <c r="AL18" s="278">
        <v>0</v>
      </c>
      <c r="AM18" s="280">
        <v>0</v>
      </c>
      <c r="AN18" s="281">
        <v>2</v>
      </c>
      <c r="AO18" s="281">
        <v>0</v>
      </c>
      <c r="AP18" s="281">
        <v>1</v>
      </c>
      <c r="AQ18" s="281">
        <v>0</v>
      </c>
      <c r="AR18" s="281">
        <v>0</v>
      </c>
      <c r="AS18" s="278">
        <v>3</v>
      </c>
      <c r="AT18" s="283">
        <v>3</v>
      </c>
      <c r="AU18" s="277">
        <v>0</v>
      </c>
      <c r="AV18" s="281">
        <v>0</v>
      </c>
      <c r="AW18" s="278">
        <v>0</v>
      </c>
      <c r="AX18" s="280">
        <v>0</v>
      </c>
      <c r="AY18" s="281">
        <v>0</v>
      </c>
      <c r="AZ18" s="281">
        <v>1</v>
      </c>
      <c r="BA18" s="281">
        <v>2</v>
      </c>
      <c r="BB18" s="281">
        <v>1</v>
      </c>
      <c r="BC18" s="281">
        <v>0</v>
      </c>
      <c r="BD18" s="278">
        <v>4</v>
      </c>
      <c r="BE18" s="283">
        <v>4</v>
      </c>
      <c r="BF18" s="277">
        <v>0</v>
      </c>
      <c r="BG18" s="281">
        <v>0</v>
      </c>
      <c r="BH18" s="278">
        <v>0</v>
      </c>
      <c r="BI18" s="280">
        <v>0</v>
      </c>
      <c r="BJ18" s="281">
        <v>1</v>
      </c>
      <c r="BK18" s="281">
        <v>3</v>
      </c>
      <c r="BL18" s="281">
        <v>4</v>
      </c>
      <c r="BM18" s="281">
        <v>1</v>
      </c>
      <c r="BN18" s="281">
        <v>2</v>
      </c>
      <c r="BO18" s="282">
        <v>11</v>
      </c>
      <c r="BP18" s="283">
        <v>11</v>
      </c>
      <c r="BQ18" s="277">
        <v>0</v>
      </c>
      <c r="BR18" s="281">
        <v>0</v>
      </c>
      <c r="BS18" s="278">
        <v>0</v>
      </c>
      <c r="BT18" s="280">
        <v>0</v>
      </c>
      <c r="BU18" s="281">
        <v>0</v>
      </c>
      <c r="BV18" s="281">
        <v>0</v>
      </c>
      <c r="BW18" s="281">
        <v>0</v>
      </c>
      <c r="BX18" s="281">
        <v>0</v>
      </c>
      <c r="BY18" s="281">
        <v>0</v>
      </c>
      <c r="BZ18" s="278">
        <v>0</v>
      </c>
      <c r="CA18" s="283">
        <v>0</v>
      </c>
      <c r="CB18" s="277">
        <v>0</v>
      </c>
      <c r="CC18" s="281">
        <v>0</v>
      </c>
      <c r="CD18" s="278">
        <v>0</v>
      </c>
      <c r="CE18" s="280">
        <v>0</v>
      </c>
      <c r="CF18" s="281">
        <v>0</v>
      </c>
      <c r="CG18" s="281">
        <v>0</v>
      </c>
      <c r="CH18" s="281">
        <v>0</v>
      </c>
      <c r="CI18" s="281">
        <v>0</v>
      </c>
      <c r="CJ18" s="281">
        <v>0</v>
      </c>
      <c r="CK18" s="278">
        <v>0</v>
      </c>
      <c r="CL18" s="283">
        <v>0</v>
      </c>
      <c r="CM18" s="277">
        <v>0</v>
      </c>
      <c r="CN18" s="281">
        <v>0</v>
      </c>
      <c r="CO18" s="278">
        <v>0</v>
      </c>
      <c r="CP18" s="280">
        <v>0</v>
      </c>
      <c r="CQ18" s="281">
        <v>1</v>
      </c>
      <c r="CR18" s="281">
        <v>1</v>
      </c>
      <c r="CS18" s="281">
        <v>1</v>
      </c>
      <c r="CT18" s="281">
        <v>0</v>
      </c>
      <c r="CU18" s="281">
        <v>0</v>
      </c>
      <c r="CV18" s="278">
        <v>3</v>
      </c>
      <c r="CW18" s="283">
        <v>3</v>
      </c>
    </row>
    <row r="19" spans="2:101" ht="19.8" customHeight="1" x14ac:dyDescent="0.2">
      <c r="B19" s="262" t="s">
        <v>17</v>
      </c>
      <c r="C19" s="277">
        <v>0</v>
      </c>
      <c r="D19" s="278">
        <v>0</v>
      </c>
      <c r="E19" s="279">
        <v>0</v>
      </c>
      <c r="F19" s="280">
        <v>0</v>
      </c>
      <c r="G19" s="281">
        <v>0</v>
      </c>
      <c r="H19" s="281">
        <v>1</v>
      </c>
      <c r="I19" s="281">
        <v>0</v>
      </c>
      <c r="J19" s="281">
        <v>0</v>
      </c>
      <c r="K19" s="281">
        <v>0</v>
      </c>
      <c r="L19" s="282">
        <v>1</v>
      </c>
      <c r="M19" s="283">
        <v>1</v>
      </c>
      <c r="N19" s="277">
        <v>0</v>
      </c>
      <c r="O19" s="281">
        <v>0</v>
      </c>
      <c r="P19" s="278">
        <v>0</v>
      </c>
      <c r="Q19" s="280">
        <v>0</v>
      </c>
      <c r="R19" s="281">
        <v>0</v>
      </c>
      <c r="S19" s="281">
        <v>0</v>
      </c>
      <c r="T19" s="281">
        <v>0</v>
      </c>
      <c r="U19" s="281">
        <v>0</v>
      </c>
      <c r="V19" s="281">
        <v>0</v>
      </c>
      <c r="W19" s="278">
        <v>0</v>
      </c>
      <c r="X19" s="283">
        <v>0</v>
      </c>
      <c r="Y19" s="277">
        <v>0</v>
      </c>
      <c r="Z19" s="281">
        <v>0</v>
      </c>
      <c r="AA19" s="278">
        <v>0</v>
      </c>
      <c r="AB19" s="280">
        <v>0</v>
      </c>
      <c r="AC19" s="281">
        <v>18</v>
      </c>
      <c r="AD19" s="281">
        <v>16</v>
      </c>
      <c r="AE19" s="281">
        <v>11</v>
      </c>
      <c r="AF19" s="281">
        <v>2</v>
      </c>
      <c r="AG19" s="281">
        <v>4</v>
      </c>
      <c r="AH19" s="278">
        <v>51</v>
      </c>
      <c r="AI19" s="283">
        <v>51</v>
      </c>
      <c r="AJ19" s="277">
        <v>0</v>
      </c>
      <c r="AK19" s="281">
        <v>0</v>
      </c>
      <c r="AL19" s="278">
        <v>0</v>
      </c>
      <c r="AM19" s="280">
        <v>0</v>
      </c>
      <c r="AN19" s="281">
        <v>2</v>
      </c>
      <c r="AO19" s="281">
        <v>0</v>
      </c>
      <c r="AP19" s="281">
        <v>1</v>
      </c>
      <c r="AQ19" s="281">
        <v>0</v>
      </c>
      <c r="AR19" s="281">
        <v>1</v>
      </c>
      <c r="AS19" s="278">
        <v>4</v>
      </c>
      <c r="AT19" s="283">
        <v>4</v>
      </c>
      <c r="AU19" s="277">
        <v>0</v>
      </c>
      <c r="AV19" s="281">
        <v>0</v>
      </c>
      <c r="AW19" s="278">
        <v>0</v>
      </c>
      <c r="AX19" s="280">
        <v>0</v>
      </c>
      <c r="AY19" s="281">
        <v>0</v>
      </c>
      <c r="AZ19" s="281">
        <v>2</v>
      </c>
      <c r="BA19" s="281">
        <v>3</v>
      </c>
      <c r="BB19" s="281">
        <v>2</v>
      </c>
      <c r="BC19" s="281">
        <v>1</v>
      </c>
      <c r="BD19" s="278">
        <v>8</v>
      </c>
      <c r="BE19" s="283">
        <v>8</v>
      </c>
      <c r="BF19" s="277">
        <v>0</v>
      </c>
      <c r="BG19" s="281">
        <v>0</v>
      </c>
      <c r="BH19" s="278">
        <v>0</v>
      </c>
      <c r="BI19" s="280">
        <v>0</v>
      </c>
      <c r="BJ19" s="281">
        <v>1</v>
      </c>
      <c r="BK19" s="281">
        <v>5</v>
      </c>
      <c r="BL19" s="281">
        <v>2</v>
      </c>
      <c r="BM19" s="281">
        <v>1</v>
      </c>
      <c r="BN19" s="281">
        <v>0</v>
      </c>
      <c r="BO19" s="282">
        <v>9</v>
      </c>
      <c r="BP19" s="283">
        <v>9</v>
      </c>
      <c r="BQ19" s="277">
        <v>0</v>
      </c>
      <c r="BR19" s="281">
        <v>0</v>
      </c>
      <c r="BS19" s="278">
        <v>0</v>
      </c>
      <c r="BT19" s="280">
        <v>0</v>
      </c>
      <c r="BU19" s="281">
        <v>0</v>
      </c>
      <c r="BV19" s="281">
        <v>0</v>
      </c>
      <c r="BW19" s="281">
        <v>0</v>
      </c>
      <c r="BX19" s="281">
        <v>0</v>
      </c>
      <c r="BY19" s="281">
        <v>0</v>
      </c>
      <c r="BZ19" s="278">
        <v>0</v>
      </c>
      <c r="CA19" s="283">
        <v>0</v>
      </c>
      <c r="CB19" s="277">
        <v>0</v>
      </c>
      <c r="CC19" s="281">
        <v>0</v>
      </c>
      <c r="CD19" s="278">
        <v>0</v>
      </c>
      <c r="CE19" s="280">
        <v>0</v>
      </c>
      <c r="CF19" s="281">
        <v>0</v>
      </c>
      <c r="CG19" s="281">
        <v>0</v>
      </c>
      <c r="CH19" s="281">
        <v>3</v>
      </c>
      <c r="CI19" s="281">
        <v>1</v>
      </c>
      <c r="CJ19" s="281">
        <v>0</v>
      </c>
      <c r="CK19" s="278">
        <v>4</v>
      </c>
      <c r="CL19" s="283">
        <v>4</v>
      </c>
      <c r="CM19" s="277">
        <v>0</v>
      </c>
      <c r="CN19" s="281">
        <v>0</v>
      </c>
      <c r="CO19" s="278">
        <v>0</v>
      </c>
      <c r="CP19" s="280">
        <v>0</v>
      </c>
      <c r="CQ19" s="281">
        <v>1</v>
      </c>
      <c r="CR19" s="281">
        <v>0</v>
      </c>
      <c r="CS19" s="281">
        <v>0</v>
      </c>
      <c r="CT19" s="281">
        <v>0</v>
      </c>
      <c r="CU19" s="281">
        <v>0</v>
      </c>
      <c r="CV19" s="278">
        <v>1</v>
      </c>
      <c r="CW19" s="283">
        <v>1</v>
      </c>
    </row>
    <row r="20" spans="2:101" ht="19.8" customHeight="1" x14ac:dyDescent="0.2">
      <c r="B20" s="262" t="s">
        <v>18</v>
      </c>
      <c r="C20" s="277">
        <v>0</v>
      </c>
      <c r="D20" s="278">
        <v>0</v>
      </c>
      <c r="E20" s="279">
        <v>0</v>
      </c>
      <c r="F20" s="280">
        <v>0</v>
      </c>
      <c r="G20" s="281">
        <v>0</v>
      </c>
      <c r="H20" s="281">
        <v>0</v>
      </c>
      <c r="I20" s="281">
        <v>0</v>
      </c>
      <c r="J20" s="281">
        <v>0</v>
      </c>
      <c r="K20" s="281">
        <v>0</v>
      </c>
      <c r="L20" s="282">
        <v>0</v>
      </c>
      <c r="M20" s="283">
        <v>0</v>
      </c>
      <c r="N20" s="277">
        <v>0</v>
      </c>
      <c r="O20" s="281">
        <v>0</v>
      </c>
      <c r="P20" s="278">
        <v>0</v>
      </c>
      <c r="Q20" s="280">
        <v>0</v>
      </c>
      <c r="R20" s="281">
        <v>0</v>
      </c>
      <c r="S20" s="281">
        <v>0</v>
      </c>
      <c r="T20" s="281">
        <v>0</v>
      </c>
      <c r="U20" s="281">
        <v>0</v>
      </c>
      <c r="V20" s="281">
        <v>0</v>
      </c>
      <c r="W20" s="278">
        <v>0</v>
      </c>
      <c r="X20" s="283">
        <v>0</v>
      </c>
      <c r="Y20" s="277">
        <v>0</v>
      </c>
      <c r="Z20" s="281">
        <v>0</v>
      </c>
      <c r="AA20" s="278">
        <v>0</v>
      </c>
      <c r="AB20" s="280">
        <v>0</v>
      </c>
      <c r="AC20" s="281">
        <v>19</v>
      </c>
      <c r="AD20" s="281">
        <v>17</v>
      </c>
      <c r="AE20" s="281">
        <v>4</v>
      </c>
      <c r="AF20" s="281">
        <v>2</v>
      </c>
      <c r="AG20" s="281">
        <v>0</v>
      </c>
      <c r="AH20" s="278">
        <v>42</v>
      </c>
      <c r="AI20" s="283">
        <v>42</v>
      </c>
      <c r="AJ20" s="277">
        <v>0</v>
      </c>
      <c r="AK20" s="281">
        <v>0</v>
      </c>
      <c r="AL20" s="278">
        <v>0</v>
      </c>
      <c r="AM20" s="280">
        <v>0</v>
      </c>
      <c r="AN20" s="281">
        <v>1</v>
      </c>
      <c r="AO20" s="281">
        <v>0</v>
      </c>
      <c r="AP20" s="281">
        <v>1</v>
      </c>
      <c r="AQ20" s="281">
        <v>0</v>
      </c>
      <c r="AR20" s="281">
        <v>1</v>
      </c>
      <c r="AS20" s="278">
        <v>3</v>
      </c>
      <c r="AT20" s="283">
        <v>3</v>
      </c>
      <c r="AU20" s="277">
        <v>2</v>
      </c>
      <c r="AV20" s="281">
        <v>0</v>
      </c>
      <c r="AW20" s="278">
        <v>2</v>
      </c>
      <c r="AX20" s="280">
        <v>0</v>
      </c>
      <c r="AY20" s="281">
        <v>6</v>
      </c>
      <c r="AZ20" s="281">
        <v>4</v>
      </c>
      <c r="BA20" s="281">
        <v>4</v>
      </c>
      <c r="BB20" s="281">
        <v>1</v>
      </c>
      <c r="BC20" s="281">
        <v>0</v>
      </c>
      <c r="BD20" s="278">
        <v>15</v>
      </c>
      <c r="BE20" s="283">
        <v>17</v>
      </c>
      <c r="BF20" s="277">
        <v>0</v>
      </c>
      <c r="BG20" s="281">
        <v>0</v>
      </c>
      <c r="BH20" s="278">
        <v>0</v>
      </c>
      <c r="BI20" s="280">
        <v>0</v>
      </c>
      <c r="BJ20" s="281">
        <v>1</v>
      </c>
      <c r="BK20" s="281">
        <v>6</v>
      </c>
      <c r="BL20" s="281">
        <v>5</v>
      </c>
      <c r="BM20" s="281">
        <v>2</v>
      </c>
      <c r="BN20" s="281">
        <v>3</v>
      </c>
      <c r="BO20" s="282">
        <v>17</v>
      </c>
      <c r="BP20" s="283">
        <v>17</v>
      </c>
      <c r="BQ20" s="277">
        <v>0</v>
      </c>
      <c r="BR20" s="281">
        <v>0</v>
      </c>
      <c r="BS20" s="278">
        <v>0</v>
      </c>
      <c r="BT20" s="280">
        <v>0</v>
      </c>
      <c r="BU20" s="281">
        <v>0</v>
      </c>
      <c r="BV20" s="281">
        <v>0</v>
      </c>
      <c r="BW20" s="281">
        <v>0</v>
      </c>
      <c r="BX20" s="281">
        <v>0</v>
      </c>
      <c r="BY20" s="281">
        <v>0</v>
      </c>
      <c r="BZ20" s="278">
        <v>0</v>
      </c>
      <c r="CA20" s="283">
        <v>0</v>
      </c>
      <c r="CB20" s="277">
        <v>0</v>
      </c>
      <c r="CC20" s="281">
        <v>0</v>
      </c>
      <c r="CD20" s="278">
        <v>0</v>
      </c>
      <c r="CE20" s="280">
        <v>0</v>
      </c>
      <c r="CF20" s="281">
        <v>0</v>
      </c>
      <c r="CG20" s="281">
        <v>0</v>
      </c>
      <c r="CH20" s="281">
        <v>0</v>
      </c>
      <c r="CI20" s="281">
        <v>0</v>
      </c>
      <c r="CJ20" s="281">
        <v>0</v>
      </c>
      <c r="CK20" s="278">
        <v>0</v>
      </c>
      <c r="CL20" s="283">
        <v>0</v>
      </c>
      <c r="CM20" s="277">
        <v>0</v>
      </c>
      <c r="CN20" s="281">
        <v>0</v>
      </c>
      <c r="CO20" s="278">
        <v>0</v>
      </c>
      <c r="CP20" s="280">
        <v>0</v>
      </c>
      <c r="CQ20" s="281">
        <v>0</v>
      </c>
      <c r="CR20" s="281">
        <v>0</v>
      </c>
      <c r="CS20" s="281">
        <v>1</v>
      </c>
      <c r="CT20" s="281">
        <v>4</v>
      </c>
      <c r="CU20" s="281">
        <v>0</v>
      </c>
      <c r="CV20" s="278">
        <v>5</v>
      </c>
      <c r="CW20" s="283">
        <v>5</v>
      </c>
    </row>
    <row r="21" spans="2:101" ht="19.8" customHeight="1" x14ac:dyDescent="0.2">
      <c r="B21" s="262" t="s">
        <v>19</v>
      </c>
      <c r="C21" s="277">
        <v>0</v>
      </c>
      <c r="D21" s="278">
        <v>0</v>
      </c>
      <c r="E21" s="279">
        <v>0</v>
      </c>
      <c r="F21" s="280">
        <v>0</v>
      </c>
      <c r="G21" s="281">
        <v>1</v>
      </c>
      <c r="H21" s="281">
        <v>0</v>
      </c>
      <c r="I21" s="281">
        <v>0</v>
      </c>
      <c r="J21" s="281">
        <v>0</v>
      </c>
      <c r="K21" s="281">
        <v>0</v>
      </c>
      <c r="L21" s="282">
        <v>1</v>
      </c>
      <c r="M21" s="283">
        <v>1</v>
      </c>
      <c r="N21" s="277">
        <v>0</v>
      </c>
      <c r="O21" s="281">
        <v>0</v>
      </c>
      <c r="P21" s="278">
        <v>0</v>
      </c>
      <c r="Q21" s="280">
        <v>0</v>
      </c>
      <c r="R21" s="281">
        <v>0</v>
      </c>
      <c r="S21" s="281">
        <v>0</v>
      </c>
      <c r="T21" s="281">
        <v>0</v>
      </c>
      <c r="U21" s="281">
        <v>0</v>
      </c>
      <c r="V21" s="281">
        <v>0</v>
      </c>
      <c r="W21" s="278">
        <v>0</v>
      </c>
      <c r="X21" s="283">
        <v>0</v>
      </c>
      <c r="Y21" s="277">
        <v>0</v>
      </c>
      <c r="Z21" s="281">
        <v>0</v>
      </c>
      <c r="AA21" s="278">
        <v>0</v>
      </c>
      <c r="AB21" s="280">
        <v>0</v>
      </c>
      <c r="AC21" s="281">
        <v>6</v>
      </c>
      <c r="AD21" s="281">
        <v>5</v>
      </c>
      <c r="AE21" s="281">
        <v>1</v>
      </c>
      <c r="AF21" s="281">
        <v>3</v>
      </c>
      <c r="AG21" s="281">
        <v>0</v>
      </c>
      <c r="AH21" s="278">
        <v>15</v>
      </c>
      <c r="AI21" s="283">
        <v>15</v>
      </c>
      <c r="AJ21" s="277">
        <v>0</v>
      </c>
      <c r="AK21" s="281">
        <v>0</v>
      </c>
      <c r="AL21" s="278">
        <v>0</v>
      </c>
      <c r="AM21" s="280">
        <v>0</v>
      </c>
      <c r="AN21" s="281">
        <v>0</v>
      </c>
      <c r="AO21" s="281">
        <v>4</v>
      </c>
      <c r="AP21" s="281">
        <v>0</v>
      </c>
      <c r="AQ21" s="281">
        <v>0</v>
      </c>
      <c r="AR21" s="281">
        <v>0</v>
      </c>
      <c r="AS21" s="278">
        <v>4</v>
      </c>
      <c r="AT21" s="283">
        <v>4</v>
      </c>
      <c r="AU21" s="277">
        <v>0</v>
      </c>
      <c r="AV21" s="281">
        <v>0</v>
      </c>
      <c r="AW21" s="278">
        <v>0</v>
      </c>
      <c r="AX21" s="280">
        <v>0</v>
      </c>
      <c r="AY21" s="281">
        <v>2</v>
      </c>
      <c r="AZ21" s="281">
        <v>3</v>
      </c>
      <c r="BA21" s="281">
        <v>1</v>
      </c>
      <c r="BB21" s="281">
        <v>0</v>
      </c>
      <c r="BC21" s="281">
        <v>2</v>
      </c>
      <c r="BD21" s="278">
        <v>8</v>
      </c>
      <c r="BE21" s="283">
        <v>8</v>
      </c>
      <c r="BF21" s="277">
        <v>0</v>
      </c>
      <c r="BG21" s="281">
        <v>0</v>
      </c>
      <c r="BH21" s="278">
        <v>0</v>
      </c>
      <c r="BI21" s="280">
        <v>0</v>
      </c>
      <c r="BJ21" s="281">
        <v>2</v>
      </c>
      <c r="BK21" s="281">
        <v>1</v>
      </c>
      <c r="BL21" s="281">
        <v>0</v>
      </c>
      <c r="BM21" s="281">
        <v>1</v>
      </c>
      <c r="BN21" s="281">
        <v>0</v>
      </c>
      <c r="BO21" s="282">
        <v>4</v>
      </c>
      <c r="BP21" s="283">
        <v>4</v>
      </c>
      <c r="BQ21" s="277">
        <v>0</v>
      </c>
      <c r="BR21" s="281">
        <v>0</v>
      </c>
      <c r="BS21" s="278">
        <v>0</v>
      </c>
      <c r="BT21" s="280">
        <v>0</v>
      </c>
      <c r="BU21" s="281">
        <v>0</v>
      </c>
      <c r="BV21" s="281">
        <v>0</v>
      </c>
      <c r="BW21" s="281">
        <v>0</v>
      </c>
      <c r="BX21" s="281">
        <v>0</v>
      </c>
      <c r="BY21" s="281">
        <v>0</v>
      </c>
      <c r="BZ21" s="278">
        <v>0</v>
      </c>
      <c r="CA21" s="283">
        <v>0</v>
      </c>
      <c r="CB21" s="277">
        <v>0</v>
      </c>
      <c r="CC21" s="281">
        <v>0</v>
      </c>
      <c r="CD21" s="278">
        <v>0</v>
      </c>
      <c r="CE21" s="280">
        <v>0</v>
      </c>
      <c r="CF21" s="281">
        <v>0</v>
      </c>
      <c r="CG21" s="281">
        <v>0</v>
      </c>
      <c r="CH21" s="281">
        <v>0</v>
      </c>
      <c r="CI21" s="281">
        <v>0</v>
      </c>
      <c r="CJ21" s="281">
        <v>0</v>
      </c>
      <c r="CK21" s="278">
        <v>0</v>
      </c>
      <c r="CL21" s="283">
        <v>0</v>
      </c>
      <c r="CM21" s="277">
        <v>0</v>
      </c>
      <c r="CN21" s="281">
        <v>0</v>
      </c>
      <c r="CO21" s="278">
        <v>0</v>
      </c>
      <c r="CP21" s="280">
        <v>0</v>
      </c>
      <c r="CQ21" s="281">
        <v>0</v>
      </c>
      <c r="CR21" s="281">
        <v>0</v>
      </c>
      <c r="CS21" s="281">
        <v>0</v>
      </c>
      <c r="CT21" s="281">
        <v>2</v>
      </c>
      <c r="CU21" s="281">
        <v>1</v>
      </c>
      <c r="CV21" s="278">
        <v>3</v>
      </c>
      <c r="CW21" s="283">
        <v>3</v>
      </c>
    </row>
    <row r="22" spans="2:101" ht="19.8" customHeight="1" x14ac:dyDescent="0.2">
      <c r="B22" s="262" t="s">
        <v>20</v>
      </c>
      <c r="C22" s="277">
        <v>0</v>
      </c>
      <c r="D22" s="278">
        <v>0</v>
      </c>
      <c r="E22" s="279">
        <v>0</v>
      </c>
      <c r="F22" s="280">
        <v>0</v>
      </c>
      <c r="G22" s="281">
        <v>0</v>
      </c>
      <c r="H22" s="281">
        <v>0</v>
      </c>
      <c r="I22" s="281">
        <v>0</v>
      </c>
      <c r="J22" s="281">
        <v>0</v>
      </c>
      <c r="K22" s="281">
        <v>0</v>
      </c>
      <c r="L22" s="282">
        <v>0</v>
      </c>
      <c r="M22" s="283">
        <v>0</v>
      </c>
      <c r="N22" s="277">
        <v>0</v>
      </c>
      <c r="O22" s="281">
        <v>0</v>
      </c>
      <c r="P22" s="278">
        <v>0</v>
      </c>
      <c r="Q22" s="280">
        <v>0</v>
      </c>
      <c r="R22" s="281">
        <v>0</v>
      </c>
      <c r="S22" s="281">
        <v>0</v>
      </c>
      <c r="T22" s="281">
        <v>0</v>
      </c>
      <c r="U22" s="281">
        <v>0</v>
      </c>
      <c r="V22" s="281">
        <v>0</v>
      </c>
      <c r="W22" s="278">
        <v>0</v>
      </c>
      <c r="X22" s="283">
        <v>0</v>
      </c>
      <c r="Y22" s="277">
        <v>0</v>
      </c>
      <c r="Z22" s="281">
        <v>0</v>
      </c>
      <c r="AA22" s="278">
        <v>0</v>
      </c>
      <c r="AB22" s="280">
        <v>0</v>
      </c>
      <c r="AC22" s="281">
        <v>13</v>
      </c>
      <c r="AD22" s="281">
        <v>9</v>
      </c>
      <c r="AE22" s="281">
        <v>3</v>
      </c>
      <c r="AF22" s="281">
        <v>2</v>
      </c>
      <c r="AG22" s="281">
        <v>0</v>
      </c>
      <c r="AH22" s="278">
        <v>27</v>
      </c>
      <c r="AI22" s="283">
        <v>27</v>
      </c>
      <c r="AJ22" s="277">
        <v>0</v>
      </c>
      <c r="AK22" s="281">
        <v>0</v>
      </c>
      <c r="AL22" s="278">
        <v>0</v>
      </c>
      <c r="AM22" s="280">
        <v>0</v>
      </c>
      <c r="AN22" s="281">
        <v>0</v>
      </c>
      <c r="AO22" s="281">
        <v>0</v>
      </c>
      <c r="AP22" s="281">
        <v>1</v>
      </c>
      <c r="AQ22" s="281">
        <v>1</v>
      </c>
      <c r="AR22" s="281">
        <v>0</v>
      </c>
      <c r="AS22" s="278">
        <v>2</v>
      </c>
      <c r="AT22" s="283">
        <v>2</v>
      </c>
      <c r="AU22" s="277">
        <v>0</v>
      </c>
      <c r="AV22" s="281">
        <v>0</v>
      </c>
      <c r="AW22" s="278">
        <v>0</v>
      </c>
      <c r="AX22" s="280">
        <v>0</v>
      </c>
      <c r="AY22" s="281">
        <v>1</v>
      </c>
      <c r="AZ22" s="281">
        <v>0</v>
      </c>
      <c r="BA22" s="281">
        <v>0</v>
      </c>
      <c r="BB22" s="281">
        <v>0</v>
      </c>
      <c r="BC22" s="281">
        <v>0</v>
      </c>
      <c r="BD22" s="278">
        <v>1</v>
      </c>
      <c r="BE22" s="283">
        <v>1</v>
      </c>
      <c r="BF22" s="277">
        <v>0</v>
      </c>
      <c r="BG22" s="281">
        <v>0</v>
      </c>
      <c r="BH22" s="278">
        <v>0</v>
      </c>
      <c r="BI22" s="280">
        <v>0</v>
      </c>
      <c r="BJ22" s="281">
        <v>1</v>
      </c>
      <c r="BK22" s="281">
        <v>1</v>
      </c>
      <c r="BL22" s="281">
        <v>1</v>
      </c>
      <c r="BM22" s="281">
        <v>4</v>
      </c>
      <c r="BN22" s="281">
        <v>0</v>
      </c>
      <c r="BO22" s="282">
        <v>7</v>
      </c>
      <c r="BP22" s="283">
        <v>7</v>
      </c>
      <c r="BQ22" s="277">
        <v>0</v>
      </c>
      <c r="BR22" s="281">
        <v>0</v>
      </c>
      <c r="BS22" s="278">
        <v>0</v>
      </c>
      <c r="BT22" s="280">
        <v>0</v>
      </c>
      <c r="BU22" s="281">
        <v>0</v>
      </c>
      <c r="BV22" s="281">
        <v>0</v>
      </c>
      <c r="BW22" s="281">
        <v>0</v>
      </c>
      <c r="BX22" s="281">
        <v>0</v>
      </c>
      <c r="BY22" s="281">
        <v>0</v>
      </c>
      <c r="BZ22" s="278">
        <v>0</v>
      </c>
      <c r="CA22" s="283">
        <v>0</v>
      </c>
      <c r="CB22" s="277">
        <v>0</v>
      </c>
      <c r="CC22" s="281">
        <v>0</v>
      </c>
      <c r="CD22" s="278">
        <v>0</v>
      </c>
      <c r="CE22" s="280">
        <v>0</v>
      </c>
      <c r="CF22" s="281">
        <v>0</v>
      </c>
      <c r="CG22" s="281">
        <v>0</v>
      </c>
      <c r="CH22" s="281">
        <v>0</v>
      </c>
      <c r="CI22" s="281">
        <v>0</v>
      </c>
      <c r="CJ22" s="281">
        <v>0</v>
      </c>
      <c r="CK22" s="278">
        <v>0</v>
      </c>
      <c r="CL22" s="283">
        <v>0</v>
      </c>
      <c r="CM22" s="277">
        <v>0</v>
      </c>
      <c r="CN22" s="281">
        <v>0</v>
      </c>
      <c r="CO22" s="278">
        <v>0</v>
      </c>
      <c r="CP22" s="280">
        <v>0</v>
      </c>
      <c r="CQ22" s="281">
        <v>0</v>
      </c>
      <c r="CR22" s="281">
        <v>0</v>
      </c>
      <c r="CS22" s="281">
        <v>0</v>
      </c>
      <c r="CT22" s="281">
        <v>0</v>
      </c>
      <c r="CU22" s="281">
        <v>0</v>
      </c>
      <c r="CV22" s="278">
        <v>0</v>
      </c>
      <c r="CW22" s="283">
        <v>0</v>
      </c>
    </row>
    <row r="23" spans="2:101" ht="19.8" customHeight="1" x14ac:dyDescent="0.2">
      <c r="B23" s="262" t="s">
        <v>21</v>
      </c>
      <c r="C23" s="277">
        <v>0</v>
      </c>
      <c r="D23" s="278">
        <v>0</v>
      </c>
      <c r="E23" s="279">
        <v>0</v>
      </c>
      <c r="F23" s="280">
        <v>0</v>
      </c>
      <c r="G23" s="281">
        <v>0</v>
      </c>
      <c r="H23" s="281">
        <v>0</v>
      </c>
      <c r="I23" s="281">
        <v>0</v>
      </c>
      <c r="J23" s="281">
        <v>0</v>
      </c>
      <c r="K23" s="281">
        <v>0</v>
      </c>
      <c r="L23" s="282">
        <v>0</v>
      </c>
      <c r="M23" s="283">
        <v>0</v>
      </c>
      <c r="N23" s="277">
        <v>0</v>
      </c>
      <c r="O23" s="281">
        <v>0</v>
      </c>
      <c r="P23" s="278">
        <v>0</v>
      </c>
      <c r="Q23" s="280">
        <v>0</v>
      </c>
      <c r="R23" s="281">
        <v>0</v>
      </c>
      <c r="S23" s="281">
        <v>0</v>
      </c>
      <c r="T23" s="281">
        <v>0</v>
      </c>
      <c r="U23" s="281">
        <v>0</v>
      </c>
      <c r="V23" s="281">
        <v>0</v>
      </c>
      <c r="W23" s="278">
        <v>0</v>
      </c>
      <c r="X23" s="283">
        <v>0</v>
      </c>
      <c r="Y23" s="277">
        <v>0</v>
      </c>
      <c r="Z23" s="281">
        <v>0</v>
      </c>
      <c r="AA23" s="278">
        <v>0</v>
      </c>
      <c r="AB23" s="280">
        <v>0</v>
      </c>
      <c r="AC23" s="281">
        <v>9</v>
      </c>
      <c r="AD23" s="281">
        <v>8</v>
      </c>
      <c r="AE23" s="281">
        <v>3</v>
      </c>
      <c r="AF23" s="281">
        <v>2</v>
      </c>
      <c r="AG23" s="281">
        <v>0</v>
      </c>
      <c r="AH23" s="278">
        <v>22</v>
      </c>
      <c r="AI23" s="283">
        <v>22</v>
      </c>
      <c r="AJ23" s="277">
        <v>0</v>
      </c>
      <c r="AK23" s="281">
        <v>0</v>
      </c>
      <c r="AL23" s="278">
        <v>0</v>
      </c>
      <c r="AM23" s="280">
        <v>0</v>
      </c>
      <c r="AN23" s="281">
        <v>0</v>
      </c>
      <c r="AO23" s="281">
        <v>0</v>
      </c>
      <c r="AP23" s="281">
        <v>0</v>
      </c>
      <c r="AQ23" s="281">
        <v>0</v>
      </c>
      <c r="AR23" s="281">
        <v>0</v>
      </c>
      <c r="AS23" s="278">
        <v>0</v>
      </c>
      <c r="AT23" s="283">
        <v>0</v>
      </c>
      <c r="AU23" s="277">
        <v>0</v>
      </c>
      <c r="AV23" s="281">
        <v>0</v>
      </c>
      <c r="AW23" s="278">
        <v>0</v>
      </c>
      <c r="AX23" s="280">
        <v>0</v>
      </c>
      <c r="AY23" s="281">
        <v>0</v>
      </c>
      <c r="AZ23" s="281">
        <v>0</v>
      </c>
      <c r="BA23" s="281">
        <v>3</v>
      </c>
      <c r="BB23" s="281">
        <v>0</v>
      </c>
      <c r="BC23" s="281">
        <v>0</v>
      </c>
      <c r="BD23" s="278">
        <v>3</v>
      </c>
      <c r="BE23" s="283">
        <v>3</v>
      </c>
      <c r="BF23" s="277">
        <v>0</v>
      </c>
      <c r="BG23" s="281">
        <v>0</v>
      </c>
      <c r="BH23" s="278">
        <v>0</v>
      </c>
      <c r="BI23" s="280">
        <v>0</v>
      </c>
      <c r="BJ23" s="281">
        <v>1</v>
      </c>
      <c r="BK23" s="281">
        <v>2</v>
      </c>
      <c r="BL23" s="281">
        <v>0</v>
      </c>
      <c r="BM23" s="281">
        <v>1</v>
      </c>
      <c r="BN23" s="281">
        <v>0</v>
      </c>
      <c r="BO23" s="282">
        <v>4</v>
      </c>
      <c r="BP23" s="283">
        <v>4</v>
      </c>
      <c r="BQ23" s="277">
        <v>0</v>
      </c>
      <c r="BR23" s="281">
        <v>0</v>
      </c>
      <c r="BS23" s="278">
        <v>0</v>
      </c>
      <c r="BT23" s="280">
        <v>0</v>
      </c>
      <c r="BU23" s="281">
        <v>0</v>
      </c>
      <c r="BV23" s="281">
        <v>0</v>
      </c>
      <c r="BW23" s="281">
        <v>0</v>
      </c>
      <c r="BX23" s="281">
        <v>0</v>
      </c>
      <c r="BY23" s="281">
        <v>0</v>
      </c>
      <c r="BZ23" s="278">
        <v>0</v>
      </c>
      <c r="CA23" s="283">
        <v>0</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0</v>
      </c>
      <c r="CR23" s="281">
        <v>0</v>
      </c>
      <c r="CS23" s="281">
        <v>0</v>
      </c>
      <c r="CT23" s="281">
        <v>0</v>
      </c>
      <c r="CU23" s="281">
        <v>0</v>
      </c>
      <c r="CV23" s="278">
        <v>0</v>
      </c>
      <c r="CW23" s="283">
        <v>0</v>
      </c>
    </row>
    <row r="24" spans="2:101" ht="19.8" customHeight="1" x14ac:dyDescent="0.2">
      <c r="B24" s="262" t="s">
        <v>22</v>
      </c>
      <c r="C24" s="277">
        <v>0</v>
      </c>
      <c r="D24" s="278">
        <v>0</v>
      </c>
      <c r="E24" s="279">
        <v>0</v>
      </c>
      <c r="F24" s="280">
        <v>0</v>
      </c>
      <c r="G24" s="281">
        <v>0</v>
      </c>
      <c r="H24" s="281">
        <v>1</v>
      </c>
      <c r="I24" s="281">
        <v>1</v>
      </c>
      <c r="J24" s="281">
        <v>0</v>
      </c>
      <c r="K24" s="281">
        <v>0</v>
      </c>
      <c r="L24" s="282">
        <v>2</v>
      </c>
      <c r="M24" s="283">
        <v>2</v>
      </c>
      <c r="N24" s="277">
        <v>0</v>
      </c>
      <c r="O24" s="281">
        <v>0</v>
      </c>
      <c r="P24" s="278">
        <v>0</v>
      </c>
      <c r="Q24" s="280">
        <v>0</v>
      </c>
      <c r="R24" s="281">
        <v>0</v>
      </c>
      <c r="S24" s="281">
        <v>0</v>
      </c>
      <c r="T24" s="281">
        <v>0</v>
      </c>
      <c r="U24" s="281">
        <v>0</v>
      </c>
      <c r="V24" s="281">
        <v>0</v>
      </c>
      <c r="W24" s="278">
        <v>0</v>
      </c>
      <c r="X24" s="283">
        <v>0</v>
      </c>
      <c r="Y24" s="277">
        <v>0</v>
      </c>
      <c r="Z24" s="281">
        <v>0</v>
      </c>
      <c r="AA24" s="278">
        <v>0</v>
      </c>
      <c r="AB24" s="280">
        <v>0</v>
      </c>
      <c r="AC24" s="281">
        <v>7</v>
      </c>
      <c r="AD24" s="281">
        <v>4</v>
      </c>
      <c r="AE24" s="281">
        <v>2</v>
      </c>
      <c r="AF24" s="281">
        <v>3</v>
      </c>
      <c r="AG24" s="281">
        <v>0</v>
      </c>
      <c r="AH24" s="278">
        <v>16</v>
      </c>
      <c r="AI24" s="283">
        <v>16</v>
      </c>
      <c r="AJ24" s="277">
        <v>0</v>
      </c>
      <c r="AK24" s="281">
        <v>0</v>
      </c>
      <c r="AL24" s="278">
        <v>0</v>
      </c>
      <c r="AM24" s="280">
        <v>0</v>
      </c>
      <c r="AN24" s="281">
        <v>1</v>
      </c>
      <c r="AO24" s="281">
        <v>0</v>
      </c>
      <c r="AP24" s="281">
        <v>1</v>
      </c>
      <c r="AQ24" s="281">
        <v>1</v>
      </c>
      <c r="AR24" s="281">
        <v>0</v>
      </c>
      <c r="AS24" s="278">
        <v>3</v>
      </c>
      <c r="AT24" s="283">
        <v>3</v>
      </c>
      <c r="AU24" s="277">
        <v>0</v>
      </c>
      <c r="AV24" s="281">
        <v>0</v>
      </c>
      <c r="AW24" s="278">
        <v>0</v>
      </c>
      <c r="AX24" s="280">
        <v>0</v>
      </c>
      <c r="AY24" s="281">
        <v>4</v>
      </c>
      <c r="AZ24" s="281">
        <v>3</v>
      </c>
      <c r="BA24" s="281">
        <v>0</v>
      </c>
      <c r="BB24" s="281">
        <v>0</v>
      </c>
      <c r="BC24" s="281">
        <v>0</v>
      </c>
      <c r="BD24" s="278">
        <v>7</v>
      </c>
      <c r="BE24" s="283">
        <v>7</v>
      </c>
      <c r="BF24" s="277">
        <v>0</v>
      </c>
      <c r="BG24" s="281">
        <v>0</v>
      </c>
      <c r="BH24" s="278">
        <v>0</v>
      </c>
      <c r="BI24" s="280">
        <v>0</v>
      </c>
      <c r="BJ24" s="281">
        <v>1</v>
      </c>
      <c r="BK24" s="281">
        <v>2</v>
      </c>
      <c r="BL24" s="281">
        <v>0</v>
      </c>
      <c r="BM24" s="281">
        <v>0</v>
      </c>
      <c r="BN24" s="281">
        <v>0</v>
      </c>
      <c r="BO24" s="282">
        <v>3</v>
      </c>
      <c r="BP24" s="283">
        <v>3</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0</v>
      </c>
      <c r="CI24" s="281">
        <v>4</v>
      </c>
      <c r="CJ24" s="281">
        <v>0</v>
      </c>
      <c r="CK24" s="278">
        <v>4</v>
      </c>
      <c r="CL24" s="283">
        <v>4</v>
      </c>
      <c r="CM24" s="277">
        <v>0</v>
      </c>
      <c r="CN24" s="281">
        <v>0</v>
      </c>
      <c r="CO24" s="278">
        <v>0</v>
      </c>
      <c r="CP24" s="280">
        <v>0</v>
      </c>
      <c r="CQ24" s="281">
        <v>0</v>
      </c>
      <c r="CR24" s="281">
        <v>0</v>
      </c>
      <c r="CS24" s="281">
        <v>0</v>
      </c>
      <c r="CT24" s="281">
        <v>0</v>
      </c>
      <c r="CU24" s="281">
        <v>0</v>
      </c>
      <c r="CV24" s="278">
        <v>0</v>
      </c>
      <c r="CW24" s="283">
        <v>0</v>
      </c>
    </row>
    <row r="25" spans="2:101" ht="19.8" customHeight="1" x14ac:dyDescent="0.2">
      <c r="B25" s="262" t="s">
        <v>23</v>
      </c>
      <c r="C25" s="277">
        <v>0</v>
      </c>
      <c r="D25" s="278">
        <v>0</v>
      </c>
      <c r="E25" s="279">
        <v>0</v>
      </c>
      <c r="F25" s="280">
        <v>0</v>
      </c>
      <c r="G25" s="281">
        <v>0</v>
      </c>
      <c r="H25" s="281">
        <v>0</v>
      </c>
      <c r="I25" s="281">
        <v>0</v>
      </c>
      <c r="J25" s="281">
        <v>0</v>
      </c>
      <c r="K25" s="281">
        <v>0</v>
      </c>
      <c r="L25" s="282">
        <v>0</v>
      </c>
      <c r="M25" s="283">
        <v>0</v>
      </c>
      <c r="N25" s="277">
        <v>0</v>
      </c>
      <c r="O25" s="281">
        <v>0</v>
      </c>
      <c r="P25" s="278">
        <v>0</v>
      </c>
      <c r="Q25" s="280">
        <v>0</v>
      </c>
      <c r="R25" s="281">
        <v>0</v>
      </c>
      <c r="S25" s="281">
        <v>0</v>
      </c>
      <c r="T25" s="281">
        <v>0</v>
      </c>
      <c r="U25" s="281">
        <v>0</v>
      </c>
      <c r="V25" s="281">
        <v>0</v>
      </c>
      <c r="W25" s="278">
        <v>0</v>
      </c>
      <c r="X25" s="283">
        <v>0</v>
      </c>
      <c r="Y25" s="277">
        <v>0</v>
      </c>
      <c r="Z25" s="281">
        <v>0</v>
      </c>
      <c r="AA25" s="278">
        <v>0</v>
      </c>
      <c r="AB25" s="280">
        <v>0</v>
      </c>
      <c r="AC25" s="281">
        <v>2</v>
      </c>
      <c r="AD25" s="281">
        <v>2</v>
      </c>
      <c r="AE25" s="281">
        <v>1</v>
      </c>
      <c r="AF25" s="281">
        <v>2</v>
      </c>
      <c r="AG25" s="281">
        <v>0</v>
      </c>
      <c r="AH25" s="278">
        <v>7</v>
      </c>
      <c r="AI25" s="283">
        <v>7</v>
      </c>
      <c r="AJ25" s="277">
        <v>0</v>
      </c>
      <c r="AK25" s="281">
        <v>0</v>
      </c>
      <c r="AL25" s="278">
        <v>0</v>
      </c>
      <c r="AM25" s="280">
        <v>0</v>
      </c>
      <c r="AN25" s="281">
        <v>0</v>
      </c>
      <c r="AO25" s="281">
        <v>0</v>
      </c>
      <c r="AP25" s="281">
        <v>0</v>
      </c>
      <c r="AQ25" s="281">
        <v>0</v>
      </c>
      <c r="AR25" s="281">
        <v>0</v>
      </c>
      <c r="AS25" s="278">
        <v>0</v>
      </c>
      <c r="AT25" s="283">
        <v>0</v>
      </c>
      <c r="AU25" s="277">
        <v>0</v>
      </c>
      <c r="AV25" s="281">
        <v>0</v>
      </c>
      <c r="AW25" s="278">
        <v>0</v>
      </c>
      <c r="AX25" s="280">
        <v>0</v>
      </c>
      <c r="AY25" s="281">
        <v>0</v>
      </c>
      <c r="AZ25" s="281">
        <v>0</v>
      </c>
      <c r="BA25" s="281">
        <v>0</v>
      </c>
      <c r="BB25" s="281">
        <v>0</v>
      </c>
      <c r="BC25" s="281">
        <v>0</v>
      </c>
      <c r="BD25" s="278">
        <v>0</v>
      </c>
      <c r="BE25" s="283">
        <v>0</v>
      </c>
      <c r="BF25" s="277">
        <v>0</v>
      </c>
      <c r="BG25" s="281">
        <v>0</v>
      </c>
      <c r="BH25" s="278">
        <v>0</v>
      </c>
      <c r="BI25" s="280">
        <v>0</v>
      </c>
      <c r="BJ25" s="281">
        <v>3</v>
      </c>
      <c r="BK25" s="281">
        <v>1</v>
      </c>
      <c r="BL25" s="281">
        <v>3</v>
      </c>
      <c r="BM25" s="281">
        <v>2</v>
      </c>
      <c r="BN25" s="281">
        <v>0</v>
      </c>
      <c r="BO25" s="282">
        <v>9</v>
      </c>
      <c r="BP25" s="283">
        <v>9</v>
      </c>
      <c r="BQ25" s="277">
        <v>0</v>
      </c>
      <c r="BR25" s="281">
        <v>0</v>
      </c>
      <c r="BS25" s="278">
        <v>0</v>
      </c>
      <c r="BT25" s="280">
        <v>0</v>
      </c>
      <c r="BU25" s="281">
        <v>0</v>
      </c>
      <c r="BV25" s="281">
        <v>0</v>
      </c>
      <c r="BW25" s="281">
        <v>0</v>
      </c>
      <c r="BX25" s="281">
        <v>0</v>
      </c>
      <c r="BY25" s="281">
        <v>0</v>
      </c>
      <c r="BZ25" s="278">
        <v>0</v>
      </c>
      <c r="CA25" s="283">
        <v>0</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0</v>
      </c>
      <c r="CU25" s="281">
        <v>0</v>
      </c>
      <c r="CV25" s="278">
        <v>0</v>
      </c>
      <c r="CW25" s="283">
        <v>0</v>
      </c>
    </row>
    <row r="26" spans="2:101" ht="19.8" customHeight="1" x14ac:dyDescent="0.2">
      <c r="B26" s="262" t="s">
        <v>24</v>
      </c>
      <c r="C26" s="277">
        <v>0</v>
      </c>
      <c r="D26" s="278">
        <v>0</v>
      </c>
      <c r="E26" s="279">
        <v>0</v>
      </c>
      <c r="F26" s="280">
        <v>0</v>
      </c>
      <c r="G26" s="281">
        <v>0</v>
      </c>
      <c r="H26" s="281">
        <v>0</v>
      </c>
      <c r="I26" s="281">
        <v>1</v>
      </c>
      <c r="J26" s="281">
        <v>0</v>
      </c>
      <c r="K26" s="281">
        <v>0</v>
      </c>
      <c r="L26" s="282">
        <v>1</v>
      </c>
      <c r="M26" s="283">
        <v>1</v>
      </c>
      <c r="N26" s="277">
        <v>0</v>
      </c>
      <c r="O26" s="281">
        <v>0</v>
      </c>
      <c r="P26" s="278">
        <v>0</v>
      </c>
      <c r="Q26" s="280">
        <v>0</v>
      </c>
      <c r="R26" s="281">
        <v>0</v>
      </c>
      <c r="S26" s="281">
        <v>0</v>
      </c>
      <c r="T26" s="281">
        <v>0</v>
      </c>
      <c r="U26" s="281">
        <v>0</v>
      </c>
      <c r="V26" s="281">
        <v>0</v>
      </c>
      <c r="W26" s="278">
        <v>0</v>
      </c>
      <c r="X26" s="283">
        <v>0</v>
      </c>
      <c r="Y26" s="277">
        <v>0</v>
      </c>
      <c r="Z26" s="281">
        <v>0</v>
      </c>
      <c r="AA26" s="278">
        <v>0</v>
      </c>
      <c r="AB26" s="280">
        <v>0</v>
      </c>
      <c r="AC26" s="281">
        <v>3</v>
      </c>
      <c r="AD26" s="281">
        <v>0</v>
      </c>
      <c r="AE26" s="281">
        <v>3</v>
      </c>
      <c r="AF26" s="281">
        <v>1</v>
      </c>
      <c r="AG26" s="281">
        <v>0</v>
      </c>
      <c r="AH26" s="278">
        <v>7</v>
      </c>
      <c r="AI26" s="283">
        <v>7</v>
      </c>
      <c r="AJ26" s="277">
        <v>0</v>
      </c>
      <c r="AK26" s="281">
        <v>0</v>
      </c>
      <c r="AL26" s="278">
        <v>0</v>
      </c>
      <c r="AM26" s="280">
        <v>0</v>
      </c>
      <c r="AN26" s="281">
        <v>0</v>
      </c>
      <c r="AO26" s="281">
        <v>0</v>
      </c>
      <c r="AP26" s="281">
        <v>1</v>
      </c>
      <c r="AQ26" s="281">
        <v>0</v>
      </c>
      <c r="AR26" s="281">
        <v>0</v>
      </c>
      <c r="AS26" s="278">
        <v>1</v>
      </c>
      <c r="AT26" s="283">
        <v>1</v>
      </c>
      <c r="AU26" s="277">
        <v>0</v>
      </c>
      <c r="AV26" s="281">
        <v>0</v>
      </c>
      <c r="AW26" s="278">
        <v>0</v>
      </c>
      <c r="AX26" s="280">
        <v>0</v>
      </c>
      <c r="AY26" s="281">
        <v>1</v>
      </c>
      <c r="AZ26" s="281">
        <v>2</v>
      </c>
      <c r="BA26" s="281">
        <v>0</v>
      </c>
      <c r="BB26" s="281">
        <v>0</v>
      </c>
      <c r="BC26" s="281">
        <v>0</v>
      </c>
      <c r="BD26" s="278">
        <v>3</v>
      </c>
      <c r="BE26" s="283">
        <v>3</v>
      </c>
      <c r="BF26" s="277">
        <v>0</v>
      </c>
      <c r="BG26" s="281">
        <v>0</v>
      </c>
      <c r="BH26" s="278">
        <v>0</v>
      </c>
      <c r="BI26" s="280">
        <v>0</v>
      </c>
      <c r="BJ26" s="281">
        <v>0</v>
      </c>
      <c r="BK26" s="281">
        <v>0</v>
      </c>
      <c r="BL26" s="281">
        <v>2</v>
      </c>
      <c r="BM26" s="281">
        <v>0</v>
      </c>
      <c r="BN26" s="281">
        <v>1</v>
      </c>
      <c r="BO26" s="282">
        <v>3</v>
      </c>
      <c r="BP26" s="283">
        <v>3</v>
      </c>
      <c r="BQ26" s="277">
        <v>0</v>
      </c>
      <c r="BR26" s="281">
        <v>0</v>
      </c>
      <c r="BS26" s="278">
        <v>0</v>
      </c>
      <c r="BT26" s="280">
        <v>0</v>
      </c>
      <c r="BU26" s="281">
        <v>0</v>
      </c>
      <c r="BV26" s="281">
        <v>0</v>
      </c>
      <c r="BW26" s="281">
        <v>0</v>
      </c>
      <c r="BX26" s="281">
        <v>0</v>
      </c>
      <c r="BY26" s="281">
        <v>0</v>
      </c>
      <c r="BZ26" s="278">
        <v>0</v>
      </c>
      <c r="CA26" s="283">
        <v>0</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row>
    <row r="27" spans="2:101" ht="19.8" customHeight="1" x14ac:dyDescent="0.2">
      <c r="B27" s="262" t="s">
        <v>25</v>
      </c>
      <c r="C27" s="277">
        <v>0</v>
      </c>
      <c r="D27" s="278">
        <v>0</v>
      </c>
      <c r="E27" s="279">
        <v>0</v>
      </c>
      <c r="F27" s="280">
        <v>0</v>
      </c>
      <c r="G27" s="281">
        <v>0</v>
      </c>
      <c r="H27" s="281">
        <v>0</v>
      </c>
      <c r="I27" s="281">
        <v>0</v>
      </c>
      <c r="J27" s="281">
        <v>0</v>
      </c>
      <c r="K27" s="281">
        <v>0</v>
      </c>
      <c r="L27" s="282">
        <v>0</v>
      </c>
      <c r="M27" s="283">
        <v>0</v>
      </c>
      <c r="N27" s="277">
        <v>0</v>
      </c>
      <c r="O27" s="281">
        <v>0</v>
      </c>
      <c r="P27" s="278">
        <v>0</v>
      </c>
      <c r="Q27" s="280">
        <v>0</v>
      </c>
      <c r="R27" s="281">
        <v>0</v>
      </c>
      <c r="S27" s="281">
        <v>0</v>
      </c>
      <c r="T27" s="281">
        <v>0</v>
      </c>
      <c r="U27" s="281">
        <v>0</v>
      </c>
      <c r="V27" s="281">
        <v>0</v>
      </c>
      <c r="W27" s="278">
        <v>0</v>
      </c>
      <c r="X27" s="283">
        <v>0</v>
      </c>
      <c r="Y27" s="277">
        <v>0</v>
      </c>
      <c r="Z27" s="281">
        <v>0</v>
      </c>
      <c r="AA27" s="278">
        <v>0</v>
      </c>
      <c r="AB27" s="280">
        <v>0</v>
      </c>
      <c r="AC27" s="281">
        <v>6</v>
      </c>
      <c r="AD27" s="281">
        <v>0</v>
      </c>
      <c r="AE27" s="281">
        <v>0</v>
      </c>
      <c r="AF27" s="281">
        <v>0</v>
      </c>
      <c r="AG27" s="281">
        <v>0</v>
      </c>
      <c r="AH27" s="278">
        <v>6</v>
      </c>
      <c r="AI27" s="283">
        <v>6</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0</v>
      </c>
      <c r="AZ27" s="281">
        <v>0</v>
      </c>
      <c r="BA27" s="281">
        <v>0</v>
      </c>
      <c r="BB27" s="281">
        <v>0</v>
      </c>
      <c r="BC27" s="281">
        <v>0</v>
      </c>
      <c r="BD27" s="278">
        <v>0</v>
      </c>
      <c r="BE27" s="283">
        <v>0</v>
      </c>
      <c r="BF27" s="277">
        <v>0</v>
      </c>
      <c r="BG27" s="281">
        <v>0</v>
      </c>
      <c r="BH27" s="278">
        <v>0</v>
      </c>
      <c r="BI27" s="280">
        <v>0</v>
      </c>
      <c r="BJ27" s="281">
        <v>0</v>
      </c>
      <c r="BK27" s="281">
        <v>0</v>
      </c>
      <c r="BL27" s="281">
        <v>0</v>
      </c>
      <c r="BM27" s="281">
        <v>0</v>
      </c>
      <c r="BN27" s="281">
        <v>0</v>
      </c>
      <c r="BO27" s="282">
        <v>0</v>
      </c>
      <c r="BP27" s="283">
        <v>0</v>
      </c>
      <c r="BQ27" s="277">
        <v>0</v>
      </c>
      <c r="BR27" s="281">
        <v>0</v>
      </c>
      <c r="BS27" s="278">
        <v>0</v>
      </c>
      <c r="BT27" s="280">
        <v>0</v>
      </c>
      <c r="BU27" s="281">
        <v>0</v>
      </c>
      <c r="BV27" s="281">
        <v>0</v>
      </c>
      <c r="BW27" s="281">
        <v>0</v>
      </c>
      <c r="BX27" s="281">
        <v>0</v>
      </c>
      <c r="BY27" s="281">
        <v>0</v>
      </c>
      <c r="BZ27" s="278">
        <v>0</v>
      </c>
      <c r="CA27" s="283">
        <v>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row>
    <row r="28" spans="2:101" ht="19.8" customHeight="1" x14ac:dyDescent="0.2">
      <c r="B28" s="262" t="s">
        <v>26</v>
      </c>
      <c r="C28" s="277">
        <v>0</v>
      </c>
      <c r="D28" s="278">
        <v>0</v>
      </c>
      <c r="E28" s="279">
        <v>0</v>
      </c>
      <c r="F28" s="280">
        <v>0</v>
      </c>
      <c r="G28" s="281">
        <v>0</v>
      </c>
      <c r="H28" s="281">
        <v>0</v>
      </c>
      <c r="I28" s="281">
        <v>0</v>
      </c>
      <c r="J28" s="281">
        <v>0</v>
      </c>
      <c r="K28" s="281">
        <v>0</v>
      </c>
      <c r="L28" s="282">
        <v>0</v>
      </c>
      <c r="M28" s="283">
        <v>0</v>
      </c>
      <c r="N28" s="277">
        <v>0</v>
      </c>
      <c r="O28" s="281">
        <v>0</v>
      </c>
      <c r="P28" s="278">
        <v>0</v>
      </c>
      <c r="Q28" s="280">
        <v>0</v>
      </c>
      <c r="R28" s="281">
        <v>0</v>
      </c>
      <c r="S28" s="281">
        <v>0</v>
      </c>
      <c r="T28" s="281">
        <v>0</v>
      </c>
      <c r="U28" s="281">
        <v>0</v>
      </c>
      <c r="V28" s="281">
        <v>0</v>
      </c>
      <c r="W28" s="278">
        <v>0</v>
      </c>
      <c r="X28" s="283">
        <v>0</v>
      </c>
      <c r="Y28" s="277">
        <v>0</v>
      </c>
      <c r="Z28" s="281">
        <v>0</v>
      </c>
      <c r="AA28" s="278">
        <v>0</v>
      </c>
      <c r="AB28" s="280">
        <v>0</v>
      </c>
      <c r="AC28" s="281">
        <v>1</v>
      </c>
      <c r="AD28" s="281">
        <v>6</v>
      </c>
      <c r="AE28" s="281">
        <v>2</v>
      </c>
      <c r="AF28" s="281">
        <v>0</v>
      </c>
      <c r="AG28" s="281">
        <v>1</v>
      </c>
      <c r="AH28" s="278">
        <v>10</v>
      </c>
      <c r="AI28" s="283">
        <v>10</v>
      </c>
      <c r="AJ28" s="277">
        <v>0</v>
      </c>
      <c r="AK28" s="281">
        <v>0</v>
      </c>
      <c r="AL28" s="278">
        <v>0</v>
      </c>
      <c r="AM28" s="280">
        <v>0</v>
      </c>
      <c r="AN28" s="281">
        <v>0</v>
      </c>
      <c r="AO28" s="281">
        <v>0</v>
      </c>
      <c r="AP28" s="281">
        <v>0</v>
      </c>
      <c r="AQ28" s="281">
        <v>0</v>
      </c>
      <c r="AR28" s="281">
        <v>0</v>
      </c>
      <c r="AS28" s="278">
        <v>0</v>
      </c>
      <c r="AT28" s="283">
        <v>0</v>
      </c>
      <c r="AU28" s="277">
        <v>0</v>
      </c>
      <c r="AV28" s="281">
        <v>0</v>
      </c>
      <c r="AW28" s="278">
        <v>0</v>
      </c>
      <c r="AX28" s="280">
        <v>0</v>
      </c>
      <c r="AY28" s="281">
        <v>0</v>
      </c>
      <c r="AZ28" s="281">
        <v>0</v>
      </c>
      <c r="BA28" s="281">
        <v>0</v>
      </c>
      <c r="BB28" s="281">
        <v>0</v>
      </c>
      <c r="BC28" s="281">
        <v>0</v>
      </c>
      <c r="BD28" s="278">
        <v>0</v>
      </c>
      <c r="BE28" s="283">
        <v>0</v>
      </c>
      <c r="BF28" s="277">
        <v>0</v>
      </c>
      <c r="BG28" s="281">
        <v>0</v>
      </c>
      <c r="BH28" s="278">
        <v>0</v>
      </c>
      <c r="BI28" s="280">
        <v>0</v>
      </c>
      <c r="BJ28" s="281">
        <v>0</v>
      </c>
      <c r="BK28" s="281">
        <v>0</v>
      </c>
      <c r="BL28" s="281">
        <v>1</v>
      </c>
      <c r="BM28" s="281">
        <v>1</v>
      </c>
      <c r="BN28" s="281">
        <v>0</v>
      </c>
      <c r="BO28" s="282">
        <v>2</v>
      </c>
      <c r="BP28" s="283">
        <v>2</v>
      </c>
      <c r="BQ28" s="277">
        <v>0</v>
      </c>
      <c r="BR28" s="281">
        <v>0</v>
      </c>
      <c r="BS28" s="278">
        <v>0</v>
      </c>
      <c r="BT28" s="280">
        <v>0</v>
      </c>
      <c r="BU28" s="281">
        <v>0</v>
      </c>
      <c r="BV28" s="281">
        <v>0</v>
      </c>
      <c r="BW28" s="281">
        <v>0</v>
      </c>
      <c r="BX28" s="281">
        <v>0</v>
      </c>
      <c r="BY28" s="281">
        <v>0</v>
      </c>
      <c r="BZ28" s="278">
        <v>0</v>
      </c>
      <c r="CA28" s="283">
        <v>0</v>
      </c>
      <c r="CB28" s="277">
        <v>0</v>
      </c>
      <c r="CC28" s="281">
        <v>0</v>
      </c>
      <c r="CD28" s="278">
        <v>0</v>
      </c>
      <c r="CE28" s="280">
        <v>0</v>
      </c>
      <c r="CF28" s="281">
        <v>0</v>
      </c>
      <c r="CG28" s="281">
        <v>0</v>
      </c>
      <c r="CH28" s="281">
        <v>0</v>
      </c>
      <c r="CI28" s="281">
        <v>0</v>
      </c>
      <c r="CJ28" s="281">
        <v>0</v>
      </c>
      <c r="CK28" s="278">
        <v>0</v>
      </c>
      <c r="CL28" s="283">
        <v>0</v>
      </c>
      <c r="CM28" s="277">
        <v>0</v>
      </c>
      <c r="CN28" s="281">
        <v>0</v>
      </c>
      <c r="CO28" s="278">
        <v>0</v>
      </c>
      <c r="CP28" s="280">
        <v>0</v>
      </c>
      <c r="CQ28" s="281">
        <v>0</v>
      </c>
      <c r="CR28" s="281">
        <v>0</v>
      </c>
      <c r="CS28" s="281">
        <v>0</v>
      </c>
      <c r="CT28" s="281">
        <v>0</v>
      </c>
      <c r="CU28" s="281">
        <v>0</v>
      </c>
      <c r="CV28" s="278">
        <v>0</v>
      </c>
      <c r="CW28" s="283">
        <v>0</v>
      </c>
    </row>
    <row r="29" spans="2:101" ht="19.8" customHeight="1" x14ac:dyDescent="0.2">
      <c r="B29" s="262" t="s">
        <v>27</v>
      </c>
      <c r="C29" s="277">
        <v>0</v>
      </c>
      <c r="D29" s="278">
        <v>0</v>
      </c>
      <c r="E29" s="279">
        <v>0</v>
      </c>
      <c r="F29" s="280">
        <v>0</v>
      </c>
      <c r="G29" s="281">
        <v>0</v>
      </c>
      <c r="H29" s="281">
        <v>1</v>
      </c>
      <c r="I29" s="281">
        <v>0</v>
      </c>
      <c r="J29" s="281">
        <v>0</v>
      </c>
      <c r="K29" s="281">
        <v>0</v>
      </c>
      <c r="L29" s="282">
        <v>1</v>
      </c>
      <c r="M29" s="283">
        <v>1</v>
      </c>
      <c r="N29" s="277">
        <v>0</v>
      </c>
      <c r="O29" s="281">
        <v>0</v>
      </c>
      <c r="P29" s="278">
        <v>0</v>
      </c>
      <c r="Q29" s="280">
        <v>0</v>
      </c>
      <c r="R29" s="281">
        <v>0</v>
      </c>
      <c r="S29" s="281">
        <v>0</v>
      </c>
      <c r="T29" s="281">
        <v>0</v>
      </c>
      <c r="U29" s="281">
        <v>0</v>
      </c>
      <c r="V29" s="281">
        <v>0</v>
      </c>
      <c r="W29" s="278">
        <v>0</v>
      </c>
      <c r="X29" s="283">
        <v>0</v>
      </c>
      <c r="Y29" s="277">
        <v>0</v>
      </c>
      <c r="Z29" s="281">
        <v>0</v>
      </c>
      <c r="AA29" s="278">
        <v>0</v>
      </c>
      <c r="AB29" s="280">
        <v>0</v>
      </c>
      <c r="AC29" s="281">
        <v>1</v>
      </c>
      <c r="AD29" s="281">
        <v>2</v>
      </c>
      <c r="AE29" s="281">
        <v>0</v>
      </c>
      <c r="AF29" s="281">
        <v>0</v>
      </c>
      <c r="AG29" s="281">
        <v>0</v>
      </c>
      <c r="AH29" s="278">
        <v>3</v>
      </c>
      <c r="AI29" s="283">
        <v>3</v>
      </c>
      <c r="AJ29" s="277">
        <v>0</v>
      </c>
      <c r="AK29" s="281">
        <v>0</v>
      </c>
      <c r="AL29" s="278">
        <v>0</v>
      </c>
      <c r="AM29" s="280">
        <v>0</v>
      </c>
      <c r="AN29" s="281">
        <v>2</v>
      </c>
      <c r="AO29" s="281">
        <v>1</v>
      </c>
      <c r="AP29" s="281">
        <v>0</v>
      </c>
      <c r="AQ29" s="281">
        <v>0</v>
      </c>
      <c r="AR29" s="281">
        <v>0</v>
      </c>
      <c r="AS29" s="278">
        <v>3</v>
      </c>
      <c r="AT29" s="283">
        <v>3</v>
      </c>
      <c r="AU29" s="277">
        <v>0</v>
      </c>
      <c r="AV29" s="281">
        <v>0</v>
      </c>
      <c r="AW29" s="278">
        <v>0</v>
      </c>
      <c r="AX29" s="280">
        <v>0</v>
      </c>
      <c r="AY29" s="281">
        <v>0</v>
      </c>
      <c r="AZ29" s="281">
        <v>0</v>
      </c>
      <c r="BA29" s="281">
        <v>0</v>
      </c>
      <c r="BB29" s="281">
        <v>0</v>
      </c>
      <c r="BC29" s="281">
        <v>0</v>
      </c>
      <c r="BD29" s="278">
        <v>0</v>
      </c>
      <c r="BE29" s="283">
        <v>0</v>
      </c>
      <c r="BF29" s="277">
        <v>0</v>
      </c>
      <c r="BG29" s="281">
        <v>0</v>
      </c>
      <c r="BH29" s="278">
        <v>0</v>
      </c>
      <c r="BI29" s="280">
        <v>0</v>
      </c>
      <c r="BJ29" s="281">
        <v>0</v>
      </c>
      <c r="BK29" s="281">
        <v>2</v>
      </c>
      <c r="BL29" s="281">
        <v>1</v>
      </c>
      <c r="BM29" s="281">
        <v>0</v>
      </c>
      <c r="BN29" s="281">
        <v>0</v>
      </c>
      <c r="BO29" s="282">
        <v>3</v>
      </c>
      <c r="BP29" s="283">
        <v>3</v>
      </c>
      <c r="BQ29" s="277">
        <v>0</v>
      </c>
      <c r="BR29" s="281">
        <v>0</v>
      </c>
      <c r="BS29" s="278">
        <v>0</v>
      </c>
      <c r="BT29" s="280">
        <v>0</v>
      </c>
      <c r="BU29" s="281">
        <v>0</v>
      </c>
      <c r="BV29" s="281">
        <v>0</v>
      </c>
      <c r="BW29" s="281">
        <v>0</v>
      </c>
      <c r="BX29" s="281">
        <v>0</v>
      </c>
      <c r="BY29" s="281">
        <v>0</v>
      </c>
      <c r="BZ29" s="278">
        <v>0</v>
      </c>
      <c r="CA29" s="283">
        <v>0</v>
      </c>
      <c r="CB29" s="277">
        <v>0</v>
      </c>
      <c r="CC29" s="281">
        <v>0</v>
      </c>
      <c r="CD29" s="278">
        <v>0</v>
      </c>
      <c r="CE29" s="280">
        <v>0</v>
      </c>
      <c r="CF29" s="281">
        <v>0</v>
      </c>
      <c r="CG29" s="281">
        <v>0</v>
      </c>
      <c r="CH29" s="281">
        <v>3</v>
      </c>
      <c r="CI29" s="281">
        <v>1</v>
      </c>
      <c r="CJ29" s="281">
        <v>1</v>
      </c>
      <c r="CK29" s="278">
        <v>5</v>
      </c>
      <c r="CL29" s="283">
        <v>5</v>
      </c>
      <c r="CM29" s="277">
        <v>0</v>
      </c>
      <c r="CN29" s="281">
        <v>0</v>
      </c>
      <c r="CO29" s="278">
        <v>0</v>
      </c>
      <c r="CP29" s="280">
        <v>0</v>
      </c>
      <c r="CQ29" s="281">
        <v>0</v>
      </c>
      <c r="CR29" s="281">
        <v>0</v>
      </c>
      <c r="CS29" s="281">
        <v>0</v>
      </c>
      <c r="CT29" s="281">
        <v>0</v>
      </c>
      <c r="CU29" s="281">
        <v>0</v>
      </c>
      <c r="CV29" s="278">
        <v>0</v>
      </c>
      <c r="CW29" s="283">
        <v>0</v>
      </c>
    </row>
    <row r="30" spans="2:101" ht="19.8" customHeight="1" x14ac:dyDescent="0.2">
      <c r="B30" s="262" t="s">
        <v>28</v>
      </c>
      <c r="C30" s="277">
        <v>0</v>
      </c>
      <c r="D30" s="278">
        <v>0</v>
      </c>
      <c r="E30" s="279">
        <v>0</v>
      </c>
      <c r="F30" s="280">
        <v>0</v>
      </c>
      <c r="G30" s="281">
        <v>0</v>
      </c>
      <c r="H30" s="281">
        <v>0</v>
      </c>
      <c r="I30" s="281">
        <v>0</v>
      </c>
      <c r="J30" s="281">
        <v>0</v>
      </c>
      <c r="K30" s="281">
        <v>0</v>
      </c>
      <c r="L30" s="282">
        <v>0</v>
      </c>
      <c r="M30" s="283">
        <v>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5</v>
      </c>
      <c r="AD30" s="281">
        <v>2</v>
      </c>
      <c r="AE30" s="281">
        <v>0</v>
      </c>
      <c r="AF30" s="281">
        <v>0</v>
      </c>
      <c r="AG30" s="281">
        <v>0</v>
      </c>
      <c r="AH30" s="278">
        <v>7</v>
      </c>
      <c r="AI30" s="283">
        <v>7</v>
      </c>
      <c r="AJ30" s="277">
        <v>0</v>
      </c>
      <c r="AK30" s="281">
        <v>0</v>
      </c>
      <c r="AL30" s="278">
        <v>0</v>
      </c>
      <c r="AM30" s="280">
        <v>0</v>
      </c>
      <c r="AN30" s="281">
        <v>0</v>
      </c>
      <c r="AO30" s="281">
        <v>0</v>
      </c>
      <c r="AP30" s="281">
        <v>0</v>
      </c>
      <c r="AQ30" s="281">
        <v>0</v>
      </c>
      <c r="AR30" s="281">
        <v>1</v>
      </c>
      <c r="AS30" s="278">
        <v>1</v>
      </c>
      <c r="AT30" s="283">
        <v>1</v>
      </c>
      <c r="AU30" s="277">
        <v>0</v>
      </c>
      <c r="AV30" s="281">
        <v>0</v>
      </c>
      <c r="AW30" s="278">
        <v>0</v>
      </c>
      <c r="AX30" s="280">
        <v>0</v>
      </c>
      <c r="AY30" s="281">
        <v>0</v>
      </c>
      <c r="AZ30" s="281">
        <v>0</v>
      </c>
      <c r="BA30" s="281">
        <v>0</v>
      </c>
      <c r="BB30" s="281">
        <v>0</v>
      </c>
      <c r="BC30" s="281">
        <v>0</v>
      </c>
      <c r="BD30" s="278">
        <v>0</v>
      </c>
      <c r="BE30" s="283">
        <v>0</v>
      </c>
      <c r="BF30" s="277">
        <v>0</v>
      </c>
      <c r="BG30" s="281">
        <v>0</v>
      </c>
      <c r="BH30" s="278">
        <v>0</v>
      </c>
      <c r="BI30" s="280">
        <v>0</v>
      </c>
      <c r="BJ30" s="281">
        <v>0</v>
      </c>
      <c r="BK30" s="281">
        <v>0</v>
      </c>
      <c r="BL30" s="281">
        <v>0</v>
      </c>
      <c r="BM30" s="281">
        <v>0</v>
      </c>
      <c r="BN30" s="281">
        <v>1</v>
      </c>
      <c r="BO30" s="282">
        <v>1</v>
      </c>
      <c r="BP30" s="283">
        <v>1</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row>
    <row r="31" spans="2:101" ht="19.8" customHeight="1" x14ac:dyDescent="0.2">
      <c r="B31" s="262" t="s">
        <v>29</v>
      </c>
      <c r="C31" s="277">
        <v>0</v>
      </c>
      <c r="D31" s="278">
        <v>0</v>
      </c>
      <c r="E31" s="279">
        <v>0</v>
      </c>
      <c r="F31" s="280">
        <v>0</v>
      </c>
      <c r="G31" s="281">
        <v>0</v>
      </c>
      <c r="H31" s="281">
        <v>0</v>
      </c>
      <c r="I31" s="281">
        <v>0</v>
      </c>
      <c r="J31" s="281">
        <v>0</v>
      </c>
      <c r="K31" s="281">
        <v>0</v>
      </c>
      <c r="L31" s="282">
        <v>0</v>
      </c>
      <c r="M31" s="283">
        <v>0</v>
      </c>
      <c r="N31" s="277">
        <v>0</v>
      </c>
      <c r="O31" s="281">
        <v>0</v>
      </c>
      <c r="P31" s="278">
        <v>0</v>
      </c>
      <c r="Q31" s="280">
        <v>0</v>
      </c>
      <c r="R31" s="281">
        <v>0</v>
      </c>
      <c r="S31" s="281">
        <v>0</v>
      </c>
      <c r="T31" s="281">
        <v>0</v>
      </c>
      <c r="U31" s="281">
        <v>0</v>
      </c>
      <c r="V31" s="281">
        <v>0</v>
      </c>
      <c r="W31" s="278">
        <v>0</v>
      </c>
      <c r="X31" s="283">
        <v>0</v>
      </c>
      <c r="Y31" s="277">
        <v>0</v>
      </c>
      <c r="Z31" s="281">
        <v>0</v>
      </c>
      <c r="AA31" s="278">
        <v>0</v>
      </c>
      <c r="AB31" s="280">
        <v>0</v>
      </c>
      <c r="AC31" s="281">
        <v>2</v>
      </c>
      <c r="AD31" s="281">
        <v>1</v>
      </c>
      <c r="AE31" s="281">
        <v>0</v>
      </c>
      <c r="AF31" s="281">
        <v>0</v>
      </c>
      <c r="AG31" s="281">
        <v>0</v>
      </c>
      <c r="AH31" s="278">
        <v>3</v>
      </c>
      <c r="AI31" s="283">
        <v>3</v>
      </c>
      <c r="AJ31" s="277">
        <v>0</v>
      </c>
      <c r="AK31" s="281">
        <v>0</v>
      </c>
      <c r="AL31" s="278">
        <v>0</v>
      </c>
      <c r="AM31" s="280">
        <v>0</v>
      </c>
      <c r="AN31" s="281">
        <v>0</v>
      </c>
      <c r="AO31" s="281">
        <v>0</v>
      </c>
      <c r="AP31" s="281">
        <v>0</v>
      </c>
      <c r="AQ31" s="281">
        <v>0</v>
      </c>
      <c r="AR31" s="281">
        <v>0</v>
      </c>
      <c r="AS31" s="278">
        <v>0</v>
      </c>
      <c r="AT31" s="283">
        <v>0</v>
      </c>
      <c r="AU31" s="277">
        <v>0</v>
      </c>
      <c r="AV31" s="281">
        <v>0</v>
      </c>
      <c r="AW31" s="278">
        <v>0</v>
      </c>
      <c r="AX31" s="280">
        <v>0</v>
      </c>
      <c r="AY31" s="281">
        <v>0</v>
      </c>
      <c r="AZ31" s="281">
        <v>0</v>
      </c>
      <c r="BA31" s="281">
        <v>0</v>
      </c>
      <c r="BB31" s="281">
        <v>0</v>
      </c>
      <c r="BC31" s="281">
        <v>0</v>
      </c>
      <c r="BD31" s="278">
        <v>0</v>
      </c>
      <c r="BE31" s="283">
        <v>0</v>
      </c>
      <c r="BF31" s="277">
        <v>0</v>
      </c>
      <c r="BG31" s="281">
        <v>0</v>
      </c>
      <c r="BH31" s="278">
        <v>0</v>
      </c>
      <c r="BI31" s="280">
        <v>0</v>
      </c>
      <c r="BJ31" s="281">
        <v>0</v>
      </c>
      <c r="BK31" s="281">
        <v>0</v>
      </c>
      <c r="BL31" s="281">
        <v>0</v>
      </c>
      <c r="BM31" s="281">
        <v>0</v>
      </c>
      <c r="BN31" s="281">
        <v>0</v>
      </c>
      <c r="BO31" s="282">
        <v>0</v>
      </c>
      <c r="BP31" s="283">
        <v>0</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0</v>
      </c>
      <c r="CH31" s="281">
        <v>0</v>
      </c>
      <c r="CI31" s="281">
        <v>1</v>
      </c>
      <c r="CJ31" s="281">
        <v>0</v>
      </c>
      <c r="CK31" s="278">
        <v>1</v>
      </c>
      <c r="CL31" s="283">
        <v>1</v>
      </c>
      <c r="CM31" s="277">
        <v>0</v>
      </c>
      <c r="CN31" s="281">
        <v>0</v>
      </c>
      <c r="CO31" s="278">
        <v>0</v>
      </c>
      <c r="CP31" s="280">
        <v>0</v>
      </c>
      <c r="CQ31" s="281">
        <v>0</v>
      </c>
      <c r="CR31" s="281">
        <v>0</v>
      </c>
      <c r="CS31" s="281">
        <v>0</v>
      </c>
      <c r="CT31" s="281">
        <v>0</v>
      </c>
      <c r="CU31" s="281">
        <v>0</v>
      </c>
      <c r="CV31" s="278">
        <v>0</v>
      </c>
      <c r="CW31" s="283">
        <v>0</v>
      </c>
    </row>
    <row r="32" spans="2:101" ht="19.8" customHeight="1" x14ac:dyDescent="0.2">
      <c r="B32" s="262" t="s">
        <v>30</v>
      </c>
      <c r="C32" s="277">
        <v>0</v>
      </c>
      <c r="D32" s="278">
        <v>0</v>
      </c>
      <c r="E32" s="279">
        <v>0</v>
      </c>
      <c r="F32" s="280">
        <v>0</v>
      </c>
      <c r="G32" s="281">
        <v>0</v>
      </c>
      <c r="H32" s="281">
        <v>0</v>
      </c>
      <c r="I32" s="281">
        <v>0</v>
      </c>
      <c r="J32" s="281">
        <v>0</v>
      </c>
      <c r="K32" s="281">
        <v>0</v>
      </c>
      <c r="L32" s="282">
        <v>0</v>
      </c>
      <c r="M32" s="283">
        <v>0</v>
      </c>
      <c r="N32" s="277">
        <v>0</v>
      </c>
      <c r="O32" s="281">
        <v>0</v>
      </c>
      <c r="P32" s="278">
        <v>0</v>
      </c>
      <c r="Q32" s="280">
        <v>0</v>
      </c>
      <c r="R32" s="281">
        <v>0</v>
      </c>
      <c r="S32" s="281">
        <v>0</v>
      </c>
      <c r="T32" s="281">
        <v>0</v>
      </c>
      <c r="U32" s="281">
        <v>0</v>
      </c>
      <c r="V32" s="281">
        <v>0</v>
      </c>
      <c r="W32" s="278">
        <v>0</v>
      </c>
      <c r="X32" s="283">
        <v>0</v>
      </c>
      <c r="Y32" s="277">
        <v>0</v>
      </c>
      <c r="Z32" s="281">
        <v>0</v>
      </c>
      <c r="AA32" s="278">
        <v>0</v>
      </c>
      <c r="AB32" s="280">
        <v>0</v>
      </c>
      <c r="AC32" s="281">
        <v>2</v>
      </c>
      <c r="AD32" s="281">
        <v>1</v>
      </c>
      <c r="AE32" s="281">
        <v>0</v>
      </c>
      <c r="AF32" s="281">
        <v>0</v>
      </c>
      <c r="AG32" s="281">
        <v>0</v>
      </c>
      <c r="AH32" s="278">
        <v>3</v>
      </c>
      <c r="AI32" s="283">
        <v>3</v>
      </c>
      <c r="AJ32" s="277">
        <v>1</v>
      </c>
      <c r="AK32" s="281">
        <v>0</v>
      </c>
      <c r="AL32" s="278">
        <v>1</v>
      </c>
      <c r="AM32" s="280">
        <v>0</v>
      </c>
      <c r="AN32" s="281">
        <v>0</v>
      </c>
      <c r="AO32" s="281">
        <v>0</v>
      </c>
      <c r="AP32" s="281">
        <v>0</v>
      </c>
      <c r="AQ32" s="281">
        <v>0</v>
      </c>
      <c r="AR32" s="281">
        <v>0</v>
      </c>
      <c r="AS32" s="278">
        <v>0</v>
      </c>
      <c r="AT32" s="283">
        <v>1</v>
      </c>
      <c r="AU32" s="277">
        <v>0</v>
      </c>
      <c r="AV32" s="281">
        <v>0</v>
      </c>
      <c r="AW32" s="278">
        <v>0</v>
      </c>
      <c r="AX32" s="280">
        <v>0</v>
      </c>
      <c r="AY32" s="281">
        <v>0</v>
      </c>
      <c r="AZ32" s="281">
        <v>0</v>
      </c>
      <c r="BA32" s="281">
        <v>0</v>
      </c>
      <c r="BB32" s="281">
        <v>0</v>
      </c>
      <c r="BC32" s="281">
        <v>0</v>
      </c>
      <c r="BD32" s="278">
        <v>0</v>
      </c>
      <c r="BE32" s="283">
        <v>0</v>
      </c>
      <c r="BF32" s="277">
        <v>0</v>
      </c>
      <c r="BG32" s="281">
        <v>0</v>
      </c>
      <c r="BH32" s="278">
        <v>0</v>
      </c>
      <c r="BI32" s="280">
        <v>0</v>
      </c>
      <c r="BJ32" s="281">
        <v>0</v>
      </c>
      <c r="BK32" s="281">
        <v>1</v>
      </c>
      <c r="BL32" s="281">
        <v>0</v>
      </c>
      <c r="BM32" s="281">
        <v>1</v>
      </c>
      <c r="BN32" s="281">
        <v>0</v>
      </c>
      <c r="BO32" s="282">
        <v>2</v>
      </c>
      <c r="BP32" s="283">
        <v>2</v>
      </c>
      <c r="BQ32" s="277">
        <v>0</v>
      </c>
      <c r="BR32" s="281">
        <v>0</v>
      </c>
      <c r="BS32" s="278">
        <v>0</v>
      </c>
      <c r="BT32" s="280">
        <v>0</v>
      </c>
      <c r="BU32" s="281">
        <v>0</v>
      </c>
      <c r="BV32" s="281">
        <v>0</v>
      </c>
      <c r="BW32" s="281">
        <v>0</v>
      </c>
      <c r="BX32" s="281">
        <v>0</v>
      </c>
      <c r="BY32" s="281">
        <v>0</v>
      </c>
      <c r="BZ32" s="278">
        <v>0</v>
      </c>
      <c r="CA32" s="283">
        <v>0</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row>
    <row r="33" spans="2:101" ht="19.8" customHeight="1" x14ac:dyDescent="0.2">
      <c r="B33" s="262" t="s">
        <v>31</v>
      </c>
      <c r="C33" s="277">
        <v>0</v>
      </c>
      <c r="D33" s="278">
        <v>0</v>
      </c>
      <c r="E33" s="279">
        <v>0</v>
      </c>
      <c r="F33" s="280">
        <v>0</v>
      </c>
      <c r="G33" s="281">
        <v>0</v>
      </c>
      <c r="H33" s="281">
        <v>0</v>
      </c>
      <c r="I33" s="281">
        <v>0</v>
      </c>
      <c r="J33" s="281">
        <v>0</v>
      </c>
      <c r="K33" s="281">
        <v>0</v>
      </c>
      <c r="L33" s="282">
        <v>0</v>
      </c>
      <c r="M33" s="283">
        <v>0</v>
      </c>
      <c r="N33" s="277">
        <v>0</v>
      </c>
      <c r="O33" s="281">
        <v>0</v>
      </c>
      <c r="P33" s="278">
        <v>0</v>
      </c>
      <c r="Q33" s="280">
        <v>0</v>
      </c>
      <c r="R33" s="281">
        <v>0</v>
      </c>
      <c r="S33" s="281">
        <v>0</v>
      </c>
      <c r="T33" s="281">
        <v>0</v>
      </c>
      <c r="U33" s="281">
        <v>0</v>
      </c>
      <c r="V33" s="281">
        <v>0</v>
      </c>
      <c r="W33" s="278">
        <v>0</v>
      </c>
      <c r="X33" s="283">
        <v>0</v>
      </c>
      <c r="Y33" s="277">
        <v>0</v>
      </c>
      <c r="Z33" s="281">
        <v>0</v>
      </c>
      <c r="AA33" s="278">
        <v>0</v>
      </c>
      <c r="AB33" s="280">
        <v>0</v>
      </c>
      <c r="AC33" s="281">
        <v>3</v>
      </c>
      <c r="AD33" s="281">
        <v>1</v>
      </c>
      <c r="AE33" s="281">
        <v>0</v>
      </c>
      <c r="AF33" s="281">
        <v>0</v>
      </c>
      <c r="AG33" s="281">
        <v>0</v>
      </c>
      <c r="AH33" s="278">
        <v>4</v>
      </c>
      <c r="AI33" s="283">
        <v>4</v>
      </c>
      <c r="AJ33" s="277">
        <v>0</v>
      </c>
      <c r="AK33" s="281">
        <v>0</v>
      </c>
      <c r="AL33" s="278">
        <v>0</v>
      </c>
      <c r="AM33" s="280">
        <v>0</v>
      </c>
      <c r="AN33" s="281">
        <v>0</v>
      </c>
      <c r="AO33" s="281">
        <v>0</v>
      </c>
      <c r="AP33" s="281">
        <v>1</v>
      </c>
      <c r="AQ33" s="281">
        <v>0</v>
      </c>
      <c r="AR33" s="281">
        <v>0</v>
      </c>
      <c r="AS33" s="278">
        <v>1</v>
      </c>
      <c r="AT33" s="283">
        <v>1</v>
      </c>
      <c r="AU33" s="277">
        <v>0</v>
      </c>
      <c r="AV33" s="281">
        <v>0</v>
      </c>
      <c r="AW33" s="278">
        <v>0</v>
      </c>
      <c r="AX33" s="280">
        <v>0</v>
      </c>
      <c r="AY33" s="281">
        <v>1</v>
      </c>
      <c r="AZ33" s="281">
        <v>0</v>
      </c>
      <c r="BA33" s="281">
        <v>0</v>
      </c>
      <c r="BB33" s="281">
        <v>0</v>
      </c>
      <c r="BC33" s="281">
        <v>0</v>
      </c>
      <c r="BD33" s="278">
        <v>1</v>
      </c>
      <c r="BE33" s="283">
        <v>1</v>
      </c>
      <c r="BF33" s="277">
        <v>0</v>
      </c>
      <c r="BG33" s="281">
        <v>0</v>
      </c>
      <c r="BH33" s="278">
        <v>0</v>
      </c>
      <c r="BI33" s="280">
        <v>0</v>
      </c>
      <c r="BJ33" s="281">
        <v>0</v>
      </c>
      <c r="BK33" s="281">
        <v>2</v>
      </c>
      <c r="BL33" s="281">
        <v>0</v>
      </c>
      <c r="BM33" s="281">
        <v>1</v>
      </c>
      <c r="BN33" s="281">
        <v>0</v>
      </c>
      <c r="BO33" s="282">
        <v>3</v>
      </c>
      <c r="BP33" s="283">
        <v>3</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row>
    <row r="34" spans="2:101" ht="19.8" customHeight="1" x14ac:dyDescent="0.2">
      <c r="B34" s="262" t="s">
        <v>32</v>
      </c>
      <c r="C34" s="277">
        <v>0</v>
      </c>
      <c r="D34" s="278">
        <v>0</v>
      </c>
      <c r="E34" s="279">
        <v>0</v>
      </c>
      <c r="F34" s="280">
        <v>0</v>
      </c>
      <c r="G34" s="281">
        <v>0</v>
      </c>
      <c r="H34" s="281">
        <v>0</v>
      </c>
      <c r="I34" s="281">
        <v>0</v>
      </c>
      <c r="J34" s="281">
        <v>0</v>
      </c>
      <c r="K34" s="281">
        <v>0</v>
      </c>
      <c r="L34" s="282">
        <v>0</v>
      </c>
      <c r="M34" s="283">
        <v>0</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2</v>
      </c>
      <c r="AD34" s="281">
        <v>2</v>
      </c>
      <c r="AE34" s="281">
        <v>1</v>
      </c>
      <c r="AF34" s="281">
        <v>0</v>
      </c>
      <c r="AG34" s="281">
        <v>1</v>
      </c>
      <c r="AH34" s="278">
        <v>6</v>
      </c>
      <c r="AI34" s="283">
        <v>6</v>
      </c>
      <c r="AJ34" s="277">
        <v>0</v>
      </c>
      <c r="AK34" s="281">
        <v>0</v>
      </c>
      <c r="AL34" s="278">
        <v>0</v>
      </c>
      <c r="AM34" s="280">
        <v>0</v>
      </c>
      <c r="AN34" s="281">
        <v>0</v>
      </c>
      <c r="AO34" s="281">
        <v>0</v>
      </c>
      <c r="AP34" s="281">
        <v>0</v>
      </c>
      <c r="AQ34" s="281">
        <v>1</v>
      </c>
      <c r="AR34" s="281">
        <v>0</v>
      </c>
      <c r="AS34" s="278">
        <v>1</v>
      </c>
      <c r="AT34" s="283">
        <v>1</v>
      </c>
      <c r="AU34" s="277">
        <v>0</v>
      </c>
      <c r="AV34" s="281">
        <v>0</v>
      </c>
      <c r="AW34" s="278">
        <v>0</v>
      </c>
      <c r="AX34" s="280">
        <v>0</v>
      </c>
      <c r="AY34" s="281">
        <v>0</v>
      </c>
      <c r="AZ34" s="281">
        <v>0</v>
      </c>
      <c r="BA34" s="281">
        <v>0</v>
      </c>
      <c r="BB34" s="281">
        <v>0</v>
      </c>
      <c r="BC34" s="281">
        <v>0</v>
      </c>
      <c r="BD34" s="278">
        <v>0</v>
      </c>
      <c r="BE34" s="283">
        <v>0</v>
      </c>
      <c r="BF34" s="277">
        <v>0</v>
      </c>
      <c r="BG34" s="281">
        <v>0</v>
      </c>
      <c r="BH34" s="278">
        <v>0</v>
      </c>
      <c r="BI34" s="280">
        <v>0</v>
      </c>
      <c r="BJ34" s="281">
        <v>0</v>
      </c>
      <c r="BK34" s="281">
        <v>0</v>
      </c>
      <c r="BL34" s="281">
        <v>2</v>
      </c>
      <c r="BM34" s="281">
        <v>0</v>
      </c>
      <c r="BN34" s="281">
        <v>0</v>
      </c>
      <c r="BO34" s="282">
        <v>2</v>
      </c>
      <c r="BP34" s="283">
        <v>2</v>
      </c>
      <c r="BQ34" s="277">
        <v>0</v>
      </c>
      <c r="BR34" s="281">
        <v>0</v>
      </c>
      <c r="BS34" s="278">
        <v>0</v>
      </c>
      <c r="BT34" s="280">
        <v>0</v>
      </c>
      <c r="BU34" s="281">
        <v>0</v>
      </c>
      <c r="BV34" s="281">
        <v>0</v>
      </c>
      <c r="BW34" s="281">
        <v>0</v>
      </c>
      <c r="BX34" s="281">
        <v>0</v>
      </c>
      <c r="BY34" s="281">
        <v>0</v>
      </c>
      <c r="BZ34" s="278">
        <v>0</v>
      </c>
      <c r="CA34" s="283">
        <v>0</v>
      </c>
      <c r="CB34" s="277">
        <v>0</v>
      </c>
      <c r="CC34" s="281">
        <v>0</v>
      </c>
      <c r="CD34" s="278">
        <v>0</v>
      </c>
      <c r="CE34" s="280">
        <v>0</v>
      </c>
      <c r="CF34" s="281">
        <v>0</v>
      </c>
      <c r="CG34" s="281">
        <v>0</v>
      </c>
      <c r="CH34" s="281">
        <v>1</v>
      </c>
      <c r="CI34" s="281">
        <v>0</v>
      </c>
      <c r="CJ34" s="281">
        <v>0</v>
      </c>
      <c r="CK34" s="278">
        <v>1</v>
      </c>
      <c r="CL34" s="283">
        <v>1</v>
      </c>
      <c r="CM34" s="277">
        <v>0</v>
      </c>
      <c r="CN34" s="281">
        <v>0</v>
      </c>
      <c r="CO34" s="278">
        <v>0</v>
      </c>
      <c r="CP34" s="280">
        <v>0</v>
      </c>
      <c r="CQ34" s="281">
        <v>0</v>
      </c>
      <c r="CR34" s="281">
        <v>0</v>
      </c>
      <c r="CS34" s="281">
        <v>0</v>
      </c>
      <c r="CT34" s="281">
        <v>0</v>
      </c>
      <c r="CU34" s="281">
        <v>0</v>
      </c>
      <c r="CV34" s="278">
        <v>0</v>
      </c>
      <c r="CW34" s="283">
        <v>0</v>
      </c>
    </row>
    <row r="35" spans="2:101" ht="19.8" customHeight="1" x14ac:dyDescent="0.2">
      <c r="B35" s="262" t="s">
        <v>33</v>
      </c>
      <c r="C35" s="277">
        <v>0</v>
      </c>
      <c r="D35" s="278">
        <v>0</v>
      </c>
      <c r="E35" s="279">
        <v>0</v>
      </c>
      <c r="F35" s="280">
        <v>0</v>
      </c>
      <c r="G35" s="281">
        <v>0</v>
      </c>
      <c r="H35" s="281">
        <v>0</v>
      </c>
      <c r="I35" s="281">
        <v>0</v>
      </c>
      <c r="J35" s="281">
        <v>0</v>
      </c>
      <c r="K35" s="281">
        <v>0</v>
      </c>
      <c r="L35" s="282">
        <v>0</v>
      </c>
      <c r="M35" s="283">
        <v>0</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1</v>
      </c>
      <c r="AD35" s="281">
        <v>0</v>
      </c>
      <c r="AE35" s="281">
        <v>0</v>
      </c>
      <c r="AF35" s="281">
        <v>0</v>
      </c>
      <c r="AG35" s="281">
        <v>0</v>
      </c>
      <c r="AH35" s="278">
        <v>1</v>
      </c>
      <c r="AI35" s="283">
        <v>1</v>
      </c>
      <c r="AJ35" s="277">
        <v>0</v>
      </c>
      <c r="AK35" s="281">
        <v>0</v>
      </c>
      <c r="AL35" s="278">
        <v>0</v>
      </c>
      <c r="AM35" s="280">
        <v>0</v>
      </c>
      <c r="AN35" s="281">
        <v>0</v>
      </c>
      <c r="AO35" s="281">
        <v>0</v>
      </c>
      <c r="AP35" s="281">
        <v>0</v>
      </c>
      <c r="AQ35" s="281">
        <v>0</v>
      </c>
      <c r="AR35" s="281">
        <v>0</v>
      </c>
      <c r="AS35" s="278">
        <v>0</v>
      </c>
      <c r="AT35" s="283">
        <v>0</v>
      </c>
      <c r="AU35" s="277">
        <v>0</v>
      </c>
      <c r="AV35" s="281">
        <v>0</v>
      </c>
      <c r="AW35" s="278">
        <v>0</v>
      </c>
      <c r="AX35" s="280">
        <v>0</v>
      </c>
      <c r="AY35" s="281">
        <v>0</v>
      </c>
      <c r="AZ35" s="281">
        <v>0</v>
      </c>
      <c r="BA35" s="281">
        <v>0</v>
      </c>
      <c r="BB35" s="281">
        <v>0</v>
      </c>
      <c r="BC35" s="281">
        <v>0</v>
      </c>
      <c r="BD35" s="278">
        <v>0</v>
      </c>
      <c r="BE35" s="283">
        <v>0</v>
      </c>
      <c r="BF35" s="277">
        <v>0</v>
      </c>
      <c r="BG35" s="281">
        <v>0</v>
      </c>
      <c r="BH35" s="278">
        <v>0</v>
      </c>
      <c r="BI35" s="280">
        <v>0</v>
      </c>
      <c r="BJ35" s="281">
        <v>0</v>
      </c>
      <c r="BK35" s="281">
        <v>0</v>
      </c>
      <c r="BL35" s="281">
        <v>1</v>
      </c>
      <c r="BM35" s="281">
        <v>0</v>
      </c>
      <c r="BN35" s="281">
        <v>0</v>
      </c>
      <c r="BO35" s="282">
        <v>1</v>
      </c>
      <c r="BP35" s="283">
        <v>1</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1</v>
      </c>
      <c r="CR35" s="281">
        <v>0</v>
      </c>
      <c r="CS35" s="281">
        <v>1</v>
      </c>
      <c r="CT35" s="281">
        <v>0</v>
      </c>
      <c r="CU35" s="281">
        <v>0</v>
      </c>
      <c r="CV35" s="278">
        <v>2</v>
      </c>
      <c r="CW35" s="283">
        <v>2</v>
      </c>
    </row>
    <row r="36" spans="2:101" ht="19.8" customHeight="1" x14ac:dyDescent="0.2">
      <c r="B36" s="262" t="s">
        <v>34</v>
      </c>
      <c r="C36" s="277">
        <v>0</v>
      </c>
      <c r="D36" s="278">
        <v>0</v>
      </c>
      <c r="E36" s="279">
        <v>0</v>
      </c>
      <c r="F36" s="280">
        <v>0</v>
      </c>
      <c r="G36" s="281">
        <v>0</v>
      </c>
      <c r="H36" s="281">
        <v>0</v>
      </c>
      <c r="I36" s="281">
        <v>0</v>
      </c>
      <c r="J36" s="281">
        <v>0</v>
      </c>
      <c r="K36" s="281">
        <v>0</v>
      </c>
      <c r="L36" s="282">
        <v>0</v>
      </c>
      <c r="M36" s="283">
        <v>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2</v>
      </c>
      <c r="AD36" s="281">
        <v>0</v>
      </c>
      <c r="AE36" s="281">
        <v>0</v>
      </c>
      <c r="AF36" s="281">
        <v>0</v>
      </c>
      <c r="AG36" s="281">
        <v>0</v>
      </c>
      <c r="AH36" s="278">
        <v>2</v>
      </c>
      <c r="AI36" s="283">
        <v>2</v>
      </c>
      <c r="AJ36" s="277">
        <v>0</v>
      </c>
      <c r="AK36" s="281">
        <v>0</v>
      </c>
      <c r="AL36" s="278">
        <v>0</v>
      </c>
      <c r="AM36" s="280">
        <v>0</v>
      </c>
      <c r="AN36" s="281">
        <v>0</v>
      </c>
      <c r="AO36" s="281">
        <v>0</v>
      </c>
      <c r="AP36" s="281">
        <v>0</v>
      </c>
      <c r="AQ36" s="281">
        <v>0</v>
      </c>
      <c r="AR36" s="281">
        <v>0</v>
      </c>
      <c r="AS36" s="278">
        <v>0</v>
      </c>
      <c r="AT36" s="283">
        <v>0</v>
      </c>
      <c r="AU36" s="277">
        <v>0</v>
      </c>
      <c r="AV36" s="281">
        <v>0</v>
      </c>
      <c r="AW36" s="278">
        <v>0</v>
      </c>
      <c r="AX36" s="280">
        <v>0</v>
      </c>
      <c r="AY36" s="281">
        <v>1</v>
      </c>
      <c r="AZ36" s="281">
        <v>0</v>
      </c>
      <c r="BA36" s="281">
        <v>0</v>
      </c>
      <c r="BB36" s="281">
        <v>0</v>
      </c>
      <c r="BC36" s="281">
        <v>0</v>
      </c>
      <c r="BD36" s="278">
        <v>1</v>
      </c>
      <c r="BE36" s="283">
        <v>1</v>
      </c>
      <c r="BF36" s="277">
        <v>0</v>
      </c>
      <c r="BG36" s="281">
        <v>0</v>
      </c>
      <c r="BH36" s="278">
        <v>0</v>
      </c>
      <c r="BI36" s="280">
        <v>0</v>
      </c>
      <c r="BJ36" s="281">
        <v>0</v>
      </c>
      <c r="BK36" s="281">
        <v>0</v>
      </c>
      <c r="BL36" s="281">
        <v>0</v>
      </c>
      <c r="BM36" s="281">
        <v>0</v>
      </c>
      <c r="BN36" s="281">
        <v>0</v>
      </c>
      <c r="BO36" s="282">
        <v>0</v>
      </c>
      <c r="BP36" s="283">
        <v>0</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1</v>
      </c>
      <c r="CT36" s="281">
        <v>0</v>
      </c>
      <c r="CU36" s="281">
        <v>0</v>
      </c>
      <c r="CV36" s="278">
        <v>1</v>
      </c>
      <c r="CW36" s="283">
        <v>1</v>
      </c>
    </row>
    <row r="37" spans="2:101" ht="19.8" customHeight="1" x14ac:dyDescent="0.2">
      <c r="B37" s="262" t="s">
        <v>35</v>
      </c>
      <c r="C37" s="277">
        <v>0</v>
      </c>
      <c r="D37" s="278">
        <v>0</v>
      </c>
      <c r="E37" s="279">
        <v>0</v>
      </c>
      <c r="F37" s="280">
        <v>0</v>
      </c>
      <c r="G37" s="281">
        <v>0</v>
      </c>
      <c r="H37" s="281">
        <v>1</v>
      </c>
      <c r="I37" s="281">
        <v>0</v>
      </c>
      <c r="J37" s="281">
        <v>0</v>
      </c>
      <c r="K37" s="281">
        <v>0</v>
      </c>
      <c r="L37" s="282">
        <v>1</v>
      </c>
      <c r="M37" s="283">
        <v>1</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0</v>
      </c>
      <c r="AD37" s="281">
        <v>1</v>
      </c>
      <c r="AE37" s="281">
        <v>0</v>
      </c>
      <c r="AF37" s="281">
        <v>0</v>
      </c>
      <c r="AG37" s="281">
        <v>0</v>
      </c>
      <c r="AH37" s="278">
        <v>1</v>
      </c>
      <c r="AI37" s="283">
        <v>1</v>
      </c>
      <c r="AJ37" s="277">
        <v>0</v>
      </c>
      <c r="AK37" s="281">
        <v>0</v>
      </c>
      <c r="AL37" s="278">
        <v>0</v>
      </c>
      <c r="AM37" s="280">
        <v>0</v>
      </c>
      <c r="AN37" s="281">
        <v>0</v>
      </c>
      <c r="AO37" s="281">
        <v>0</v>
      </c>
      <c r="AP37" s="281">
        <v>0</v>
      </c>
      <c r="AQ37" s="281">
        <v>0</v>
      </c>
      <c r="AR37" s="281">
        <v>0</v>
      </c>
      <c r="AS37" s="278">
        <v>0</v>
      </c>
      <c r="AT37" s="283">
        <v>0</v>
      </c>
      <c r="AU37" s="277">
        <v>0</v>
      </c>
      <c r="AV37" s="281">
        <v>0</v>
      </c>
      <c r="AW37" s="278">
        <v>0</v>
      </c>
      <c r="AX37" s="280">
        <v>0</v>
      </c>
      <c r="AY37" s="281">
        <v>1</v>
      </c>
      <c r="AZ37" s="281">
        <v>1</v>
      </c>
      <c r="BA37" s="281">
        <v>0</v>
      </c>
      <c r="BB37" s="281">
        <v>0</v>
      </c>
      <c r="BC37" s="281">
        <v>0</v>
      </c>
      <c r="BD37" s="278">
        <v>2</v>
      </c>
      <c r="BE37" s="283">
        <v>2</v>
      </c>
      <c r="BF37" s="277">
        <v>0</v>
      </c>
      <c r="BG37" s="281">
        <v>0</v>
      </c>
      <c r="BH37" s="278">
        <v>0</v>
      </c>
      <c r="BI37" s="280">
        <v>0</v>
      </c>
      <c r="BJ37" s="281">
        <v>0</v>
      </c>
      <c r="BK37" s="281">
        <v>1</v>
      </c>
      <c r="BL37" s="281">
        <v>0</v>
      </c>
      <c r="BM37" s="281">
        <v>0</v>
      </c>
      <c r="BN37" s="281">
        <v>0</v>
      </c>
      <c r="BO37" s="282">
        <v>1</v>
      </c>
      <c r="BP37" s="283">
        <v>1</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row>
    <row r="38" spans="2:101" ht="19.8" customHeight="1" x14ac:dyDescent="0.2">
      <c r="B38" s="262" t="s">
        <v>36</v>
      </c>
      <c r="C38" s="277">
        <v>0</v>
      </c>
      <c r="D38" s="278">
        <v>0</v>
      </c>
      <c r="E38" s="279">
        <v>0</v>
      </c>
      <c r="F38" s="280">
        <v>0</v>
      </c>
      <c r="G38" s="281">
        <v>0</v>
      </c>
      <c r="H38" s="281">
        <v>0</v>
      </c>
      <c r="I38" s="281">
        <v>0</v>
      </c>
      <c r="J38" s="281">
        <v>0</v>
      </c>
      <c r="K38" s="281">
        <v>0</v>
      </c>
      <c r="L38" s="282">
        <v>0</v>
      </c>
      <c r="M38" s="283">
        <v>0</v>
      </c>
      <c r="N38" s="277">
        <v>0</v>
      </c>
      <c r="O38" s="281">
        <v>0</v>
      </c>
      <c r="P38" s="278">
        <v>0</v>
      </c>
      <c r="Q38" s="280">
        <v>0</v>
      </c>
      <c r="R38" s="281">
        <v>0</v>
      </c>
      <c r="S38" s="281">
        <v>0</v>
      </c>
      <c r="T38" s="281">
        <v>0</v>
      </c>
      <c r="U38" s="281">
        <v>0</v>
      </c>
      <c r="V38" s="281">
        <v>0</v>
      </c>
      <c r="W38" s="278">
        <v>0</v>
      </c>
      <c r="X38" s="283">
        <v>0</v>
      </c>
      <c r="Y38" s="277">
        <v>0</v>
      </c>
      <c r="Z38" s="281">
        <v>0</v>
      </c>
      <c r="AA38" s="278">
        <v>0</v>
      </c>
      <c r="AB38" s="280">
        <v>0</v>
      </c>
      <c r="AC38" s="281">
        <v>3</v>
      </c>
      <c r="AD38" s="281">
        <v>2</v>
      </c>
      <c r="AE38" s="281">
        <v>0</v>
      </c>
      <c r="AF38" s="281">
        <v>0</v>
      </c>
      <c r="AG38" s="281">
        <v>1</v>
      </c>
      <c r="AH38" s="278">
        <v>6</v>
      </c>
      <c r="AI38" s="283">
        <v>6</v>
      </c>
      <c r="AJ38" s="277">
        <v>0</v>
      </c>
      <c r="AK38" s="281">
        <v>0</v>
      </c>
      <c r="AL38" s="278">
        <v>0</v>
      </c>
      <c r="AM38" s="280">
        <v>0</v>
      </c>
      <c r="AN38" s="281">
        <v>0</v>
      </c>
      <c r="AO38" s="281">
        <v>0</v>
      </c>
      <c r="AP38" s="281">
        <v>0</v>
      </c>
      <c r="AQ38" s="281">
        <v>0</v>
      </c>
      <c r="AR38" s="281">
        <v>0</v>
      </c>
      <c r="AS38" s="278">
        <v>0</v>
      </c>
      <c r="AT38" s="283">
        <v>0</v>
      </c>
      <c r="AU38" s="277">
        <v>0</v>
      </c>
      <c r="AV38" s="281">
        <v>0</v>
      </c>
      <c r="AW38" s="278">
        <v>0</v>
      </c>
      <c r="AX38" s="280">
        <v>0</v>
      </c>
      <c r="AY38" s="281">
        <v>0</v>
      </c>
      <c r="AZ38" s="281">
        <v>0</v>
      </c>
      <c r="BA38" s="281">
        <v>0</v>
      </c>
      <c r="BB38" s="281">
        <v>0</v>
      </c>
      <c r="BC38" s="281">
        <v>0</v>
      </c>
      <c r="BD38" s="278">
        <v>0</v>
      </c>
      <c r="BE38" s="283">
        <v>0</v>
      </c>
      <c r="BF38" s="277">
        <v>0</v>
      </c>
      <c r="BG38" s="281">
        <v>0</v>
      </c>
      <c r="BH38" s="278">
        <v>0</v>
      </c>
      <c r="BI38" s="280">
        <v>0</v>
      </c>
      <c r="BJ38" s="281">
        <v>0</v>
      </c>
      <c r="BK38" s="281">
        <v>1</v>
      </c>
      <c r="BL38" s="281">
        <v>1</v>
      </c>
      <c r="BM38" s="281">
        <v>0</v>
      </c>
      <c r="BN38" s="281">
        <v>0</v>
      </c>
      <c r="BO38" s="282">
        <v>2</v>
      </c>
      <c r="BP38" s="283">
        <v>2</v>
      </c>
      <c r="BQ38" s="277">
        <v>0</v>
      </c>
      <c r="BR38" s="281">
        <v>0</v>
      </c>
      <c r="BS38" s="278">
        <v>0</v>
      </c>
      <c r="BT38" s="280">
        <v>0</v>
      </c>
      <c r="BU38" s="281">
        <v>0</v>
      </c>
      <c r="BV38" s="281">
        <v>0</v>
      </c>
      <c r="BW38" s="281">
        <v>0</v>
      </c>
      <c r="BX38" s="281">
        <v>0</v>
      </c>
      <c r="BY38" s="281">
        <v>0</v>
      </c>
      <c r="BZ38" s="278">
        <v>0</v>
      </c>
      <c r="CA38" s="283">
        <v>0</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row>
    <row r="39" spans="2:101" ht="19.8" customHeight="1" thickBot="1" x14ac:dyDescent="0.25">
      <c r="B39" s="263" t="s">
        <v>37</v>
      </c>
      <c r="C39" s="284">
        <v>0</v>
      </c>
      <c r="D39" s="285">
        <v>0</v>
      </c>
      <c r="E39" s="286">
        <v>0</v>
      </c>
      <c r="F39" s="287">
        <v>0</v>
      </c>
      <c r="G39" s="288">
        <v>0</v>
      </c>
      <c r="H39" s="288">
        <v>0</v>
      </c>
      <c r="I39" s="288">
        <v>0</v>
      </c>
      <c r="J39" s="288">
        <v>0</v>
      </c>
      <c r="K39" s="288">
        <v>0</v>
      </c>
      <c r="L39" s="289">
        <v>0</v>
      </c>
      <c r="M39" s="290">
        <v>0</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0</v>
      </c>
      <c r="AH39" s="285">
        <v>0</v>
      </c>
      <c r="AI39" s="290">
        <v>0</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0</v>
      </c>
      <c r="BC39" s="288">
        <v>0</v>
      </c>
      <c r="BD39" s="285">
        <v>0</v>
      </c>
      <c r="BE39" s="290">
        <v>0</v>
      </c>
      <c r="BF39" s="284">
        <v>0</v>
      </c>
      <c r="BG39" s="288">
        <v>0</v>
      </c>
      <c r="BH39" s="285">
        <v>0</v>
      </c>
      <c r="BI39" s="287">
        <v>0</v>
      </c>
      <c r="BJ39" s="288">
        <v>0</v>
      </c>
      <c r="BK39" s="288">
        <v>0</v>
      </c>
      <c r="BL39" s="288">
        <v>0</v>
      </c>
      <c r="BM39" s="288">
        <v>0</v>
      </c>
      <c r="BN39" s="288">
        <v>0</v>
      </c>
      <c r="BO39" s="289">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8.44140625" style="256" customWidth="1"/>
    <col min="8" max="8" width="8.7773437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6640625" style="256" customWidth="1"/>
    <col min="51" max="60" width="9" style="256"/>
    <col min="61" max="61" width="7.21875" style="256" customWidth="1"/>
    <col min="62" max="71" width="9" style="256"/>
    <col min="72" max="72" width="7.21875" style="256" customWidth="1"/>
    <col min="73" max="82" width="9" style="256"/>
    <col min="83" max="83" width="7.33203125" style="256" customWidth="1"/>
    <col min="84" max="93" width="9" style="256"/>
    <col min="94" max="94" width="7.44140625" style="256" customWidth="1"/>
    <col min="95" max="16384" width="9" style="256"/>
  </cols>
  <sheetData>
    <row r="1" spans="1:101" ht="24" customHeight="1" x14ac:dyDescent="0.2">
      <c r="B1" s="291" t="s">
        <v>124</v>
      </c>
      <c r="I1" s="528">
        <f>第１表!F2</f>
        <v>4</v>
      </c>
      <c r="J1" s="528"/>
      <c r="K1" s="248">
        <f>第１表!G2</f>
        <v>8</v>
      </c>
      <c r="L1" s="529">
        <f>IF(K1&lt;3,K1+12-2,K1-2)</f>
        <v>6</v>
      </c>
      <c r="M1" s="529"/>
    </row>
    <row r="2" spans="1:101" s="292" customFormat="1" ht="24" customHeight="1" thickBot="1" x14ac:dyDescent="0.25">
      <c r="A2" s="44"/>
      <c r="B2" s="291" t="s">
        <v>155</v>
      </c>
    </row>
    <row r="3" spans="1:101" ht="23.25" customHeight="1" thickBot="1" x14ac:dyDescent="0.25">
      <c r="B3" s="542"/>
      <c r="C3" s="533" t="s">
        <v>94</v>
      </c>
      <c r="D3" s="534"/>
      <c r="E3" s="534"/>
      <c r="F3" s="534"/>
      <c r="G3" s="534"/>
      <c r="H3" s="534"/>
      <c r="I3" s="534"/>
      <c r="J3" s="534"/>
      <c r="K3" s="534"/>
      <c r="L3" s="534"/>
      <c r="M3" s="535"/>
      <c r="N3" s="533" t="s">
        <v>88</v>
      </c>
      <c r="O3" s="534"/>
      <c r="P3" s="534"/>
      <c r="Q3" s="534"/>
      <c r="R3" s="534"/>
      <c r="S3" s="534"/>
      <c r="T3" s="534"/>
      <c r="U3" s="534"/>
      <c r="V3" s="534"/>
      <c r="W3" s="534"/>
      <c r="X3" s="535"/>
      <c r="Y3" s="533" t="s">
        <v>142</v>
      </c>
      <c r="Z3" s="534"/>
      <c r="AA3" s="534"/>
      <c r="AB3" s="534"/>
      <c r="AC3" s="534"/>
      <c r="AD3" s="534"/>
      <c r="AE3" s="534"/>
      <c r="AF3" s="534"/>
      <c r="AG3" s="534"/>
      <c r="AH3" s="534"/>
      <c r="AI3" s="535"/>
      <c r="AJ3" s="533" t="s">
        <v>90</v>
      </c>
      <c r="AK3" s="534"/>
      <c r="AL3" s="534"/>
      <c r="AM3" s="534"/>
      <c r="AN3" s="534"/>
      <c r="AO3" s="534"/>
      <c r="AP3" s="534"/>
      <c r="AQ3" s="534"/>
      <c r="AR3" s="534"/>
      <c r="AS3" s="534"/>
      <c r="AT3" s="535"/>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64" t="s">
        <v>61</v>
      </c>
      <c r="AV4" s="562"/>
      <c r="AW4" s="563"/>
      <c r="AX4" s="561" t="s">
        <v>62</v>
      </c>
      <c r="AY4" s="562"/>
      <c r="AZ4" s="562"/>
      <c r="BA4" s="562"/>
      <c r="BB4" s="562"/>
      <c r="BC4" s="562"/>
      <c r="BD4" s="563"/>
      <c r="BE4" s="559" t="s">
        <v>52</v>
      </c>
      <c r="BF4" s="564" t="s">
        <v>61</v>
      </c>
      <c r="BG4" s="562"/>
      <c r="BH4" s="563"/>
      <c r="BI4" s="561" t="s">
        <v>62</v>
      </c>
      <c r="BJ4" s="562"/>
      <c r="BK4" s="562"/>
      <c r="BL4" s="562"/>
      <c r="BM4" s="562"/>
      <c r="BN4" s="562"/>
      <c r="BO4" s="563"/>
      <c r="BP4" s="559" t="s">
        <v>52</v>
      </c>
      <c r="BQ4" s="564" t="s">
        <v>61</v>
      </c>
      <c r="BR4" s="562"/>
      <c r="BS4" s="563"/>
      <c r="BT4" s="561" t="s">
        <v>62</v>
      </c>
      <c r="BU4" s="562"/>
      <c r="BV4" s="562"/>
      <c r="BW4" s="562"/>
      <c r="BX4" s="562"/>
      <c r="BY4" s="562"/>
      <c r="BZ4" s="563"/>
      <c r="CA4" s="559" t="s">
        <v>52</v>
      </c>
      <c r="CB4" s="564" t="s">
        <v>61</v>
      </c>
      <c r="CC4" s="562"/>
      <c r="CD4" s="563"/>
      <c r="CE4" s="561" t="s">
        <v>62</v>
      </c>
      <c r="CF4" s="562"/>
      <c r="CG4" s="562"/>
      <c r="CH4" s="562"/>
      <c r="CI4" s="562"/>
      <c r="CJ4" s="562"/>
      <c r="CK4" s="563"/>
      <c r="CL4" s="559" t="s">
        <v>52</v>
      </c>
      <c r="CM4" s="564" t="s">
        <v>61</v>
      </c>
      <c r="CN4" s="562"/>
      <c r="CO4" s="563"/>
      <c r="CP4" s="561" t="s">
        <v>62</v>
      </c>
      <c r="CQ4" s="562"/>
      <c r="CR4" s="562"/>
      <c r="CS4" s="562"/>
      <c r="CT4" s="562"/>
      <c r="CU4" s="562"/>
      <c r="CV4" s="563"/>
      <c r="CW4" s="559" t="s">
        <v>52</v>
      </c>
    </row>
    <row r="5" spans="1:101" ht="34.5" customHeight="1" thickBot="1" x14ac:dyDescent="0.25">
      <c r="B5" s="544"/>
      <c r="C5" s="351" t="s">
        <v>43</v>
      </c>
      <c r="D5" s="266" t="s">
        <v>44</v>
      </c>
      <c r="E5" s="267" t="s">
        <v>45</v>
      </c>
      <c r="F5" s="268" t="s">
        <v>83</v>
      </c>
      <c r="G5" s="260" t="s">
        <v>47</v>
      </c>
      <c r="H5" s="260" t="s">
        <v>48</v>
      </c>
      <c r="I5" s="260" t="s">
        <v>49</v>
      </c>
      <c r="J5" s="260" t="s">
        <v>50</v>
      </c>
      <c r="K5" s="260" t="s">
        <v>51</v>
      </c>
      <c r="L5" s="269" t="s">
        <v>45</v>
      </c>
      <c r="M5" s="540"/>
      <c r="N5" s="351" t="s">
        <v>43</v>
      </c>
      <c r="O5" s="260" t="s">
        <v>44</v>
      </c>
      <c r="P5" s="266" t="s">
        <v>45</v>
      </c>
      <c r="Q5" s="268" t="s">
        <v>83</v>
      </c>
      <c r="R5" s="260" t="s">
        <v>47</v>
      </c>
      <c r="S5" s="260" t="s">
        <v>48</v>
      </c>
      <c r="T5" s="260" t="s">
        <v>49</v>
      </c>
      <c r="U5" s="260" t="s">
        <v>50</v>
      </c>
      <c r="V5" s="260" t="s">
        <v>51</v>
      </c>
      <c r="W5" s="266" t="s">
        <v>45</v>
      </c>
      <c r="X5" s="540"/>
      <c r="Y5" s="351" t="s">
        <v>43</v>
      </c>
      <c r="Z5" s="260" t="s">
        <v>44</v>
      </c>
      <c r="AA5" s="266" t="s">
        <v>45</v>
      </c>
      <c r="AB5" s="268" t="s">
        <v>83</v>
      </c>
      <c r="AC5" s="260" t="s">
        <v>47</v>
      </c>
      <c r="AD5" s="260" t="s">
        <v>48</v>
      </c>
      <c r="AE5" s="260" t="s">
        <v>49</v>
      </c>
      <c r="AF5" s="260" t="s">
        <v>50</v>
      </c>
      <c r="AG5" s="260" t="s">
        <v>51</v>
      </c>
      <c r="AH5" s="266" t="s">
        <v>45</v>
      </c>
      <c r="AI5" s="540"/>
      <c r="AJ5" s="351" t="s">
        <v>43</v>
      </c>
      <c r="AK5" s="260" t="s">
        <v>44</v>
      </c>
      <c r="AL5" s="266" t="s">
        <v>45</v>
      </c>
      <c r="AM5" s="268" t="s">
        <v>83</v>
      </c>
      <c r="AN5" s="260" t="s">
        <v>47</v>
      </c>
      <c r="AO5" s="260" t="s">
        <v>48</v>
      </c>
      <c r="AP5" s="260" t="s">
        <v>49</v>
      </c>
      <c r="AQ5" s="260" t="s">
        <v>50</v>
      </c>
      <c r="AR5" s="260" t="s">
        <v>51</v>
      </c>
      <c r="AS5" s="266" t="s">
        <v>45</v>
      </c>
      <c r="AT5" s="540"/>
      <c r="AU5" s="351" t="s">
        <v>43</v>
      </c>
      <c r="AV5" s="260" t="s">
        <v>44</v>
      </c>
      <c r="AW5" s="266" t="s">
        <v>45</v>
      </c>
      <c r="AX5" s="268" t="s">
        <v>83</v>
      </c>
      <c r="AY5" s="260" t="s">
        <v>47</v>
      </c>
      <c r="AZ5" s="260" t="s">
        <v>48</v>
      </c>
      <c r="BA5" s="260" t="s">
        <v>49</v>
      </c>
      <c r="BB5" s="260" t="s">
        <v>50</v>
      </c>
      <c r="BC5" s="260" t="s">
        <v>51</v>
      </c>
      <c r="BD5" s="266" t="s">
        <v>45</v>
      </c>
      <c r="BE5" s="560"/>
      <c r="BF5" s="351" t="s">
        <v>43</v>
      </c>
      <c r="BG5" s="260" t="s">
        <v>44</v>
      </c>
      <c r="BH5" s="266" t="s">
        <v>45</v>
      </c>
      <c r="BI5" s="268" t="s">
        <v>83</v>
      </c>
      <c r="BJ5" s="260" t="s">
        <v>47</v>
      </c>
      <c r="BK5" s="260" t="s">
        <v>48</v>
      </c>
      <c r="BL5" s="260" t="s">
        <v>49</v>
      </c>
      <c r="BM5" s="260" t="s">
        <v>50</v>
      </c>
      <c r="BN5" s="260" t="s">
        <v>51</v>
      </c>
      <c r="BO5" s="266" t="s">
        <v>45</v>
      </c>
      <c r="BP5" s="560"/>
      <c r="BQ5" s="351" t="s">
        <v>43</v>
      </c>
      <c r="BR5" s="260" t="s">
        <v>44</v>
      </c>
      <c r="BS5" s="266" t="s">
        <v>45</v>
      </c>
      <c r="BT5" s="268" t="s">
        <v>83</v>
      </c>
      <c r="BU5" s="260" t="s">
        <v>47</v>
      </c>
      <c r="BV5" s="260" t="s">
        <v>48</v>
      </c>
      <c r="BW5" s="260" t="s">
        <v>49</v>
      </c>
      <c r="BX5" s="260" t="s">
        <v>50</v>
      </c>
      <c r="BY5" s="260" t="s">
        <v>51</v>
      </c>
      <c r="BZ5" s="266" t="s">
        <v>45</v>
      </c>
      <c r="CA5" s="560"/>
      <c r="CB5" s="351" t="s">
        <v>43</v>
      </c>
      <c r="CC5" s="260" t="s">
        <v>44</v>
      </c>
      <c r="CD5" s="266" t="s">
        <v>45</v>
      </c>
      <c r="CE5" s="268" t="s">
        <v>83</v>
      </c>
      <c r="CF5" s="260" t="s">
        <v>47</v>
      </c>
      <c r="CG5" s="260" t="s">
        <v>48</v>
      </c>
      <c r="CH5" s="260" t="s">
        <v>49</v>
      </c>
      <c r="CI5" s="260" t="s">
        <v>50</v>
      </c>
      <c r="CJ5" s="260" t="s">
        <v>51</v>
      </c>
      <c r="CK5" s="266" t="s">
        <v>45</v>
      </c>
      <c r="CL5" s="560"/>
      <c r="CM5" s="351" t="s">
        <v>43</v>
      </c>
      <c r="CN5" s="260" t="s">
        <v>44</v>
      </c>
      <c r="CO5" s="266" t="s">
        <v>45</v>
      </c>
      <c r="CP5" s="268" t="s">
        <v>83</v>
      </c>
      <c r="CQ5" s="260" t="s">
        <v>47</v>
      </c>
      <c r="CR5" s="260" t="s">
        <v>48</v>
      </c>
      <c r="CS5" s="260" t="s">
        <v>49</v>
      </c>
      <c r="CT5" s="260" t="s">
        <v>50</v>
      </c>
      <c r="CU5" s="260" t="s">
        <v>51</v>
      </c>
      <c r="CV5" s="266" t="s">
        <v>45</v>
      </c>
      <c r="CW5" s="560"/>
    </row>
    <row r="6" spans="1:101" ht="19.8" customHeight="1" x14ac:dyDescent="0.2">
      <c r="B6" s="261" t="s">
        <v>4</v>
      </c>
      <c r="C6" s="270">
        <v>0</v>
      </c>
      <c r="D6" s="271">
        <v>0</v>
      </c>
      <c r="E6" s="272">
        <v>0</v>
      </c>
      <c r="F6" s="273">
        <v>0</v>
      </c>
      <c r="G6" s="274">
        <v>25</v>
      </c>
      <c r="H6" s="274">
        <v>31</v>
      </c>
      <c r="I6" s="274">
        <v>21</v>
      </c>
      <c r="J6" s="274">
        <v>24</v>
      </c>
      <c r="K6" s="274">
        <v>16</v>
      </c>
      <c r="L6" s="275">
        <v>117</v>
      </c>
      <c r="M6" s="276">
        <v>117</v>
      </c>
      <c r="N6" s="270">
        <v>0</v>
      </c>
      <c r="O6" s="274">
        <v>0</v>
      </c>
      <c r="P6" s="271">
        <v>0</v>
      </c>
      <c r="Q6" s="273">
        <v>0</v>
      </c>
      <c r="R6" s="274">
        <v>8</v>
      </c>
      <c r="S6" s="274">
        <v>32</v>
      </c>
      <c r="T6" s="274">
        <v>30</v>
      </c>
      <c r="U6" s="274">
        <v>25</v>
      </c>
      <c r="V6" s="274">
        <v>23</v>
      </c>
      <c r="W6" s="271">
        <v>118</v>
      </c>
      <c r="X6" s="276">
        <v>118</v>
      </c>
      <c r="Y6" s="270">
        <v>0</v>
      </c>
      <c r="Z6" s="274">
        <v>0</v>
      </c>
      <c r="AA6" s="271">
        <v>0</v>
      </c>
      <c r="AB6" s="273">
        <v>0</v>
      </c>
      <c r="AC6" s="274">
        <v>834</v>
      </c>
      <c r="AD6" s="274">
        <v>638</v>
      </c>
      <c r="AE6" s="274">
        <v>295</v>
      </c>
      <c r="AF6" s="274">
        <v>141</v>
      </c>
      <c r="AG6" s="274">
        <v>67</v>
      </c>
      <c r="AH6" s="271">
        <v>1975</v>
      </c>
      <c r="AI6" s="276">
        <v>1975</v>
      </c>
      <c r="AJ6" s="270">
        <v>2</v>
      </c>
      <c r="AK6" s="274">
        <v>0</v>
      </c>
      <c r="AL6" s="271">
        <v>2</v>
      </c>
      <c r="AM6" s="273">
        <v>0</v>
      </c>
      <c r="AN6" s="274">
        <v>46</v>
      </c>
      <c r="AO6" s="274">
        <v>65</v>
      </c>
      <c r="AP6" s="274">
        <v>66</v>
      </c>
      <c r="AQ6" s="274">
        <v>29</v>
      </c>
      <c r="AR6" s="274">
        <v>27</v>
      </c>
      <c r="AS6" s="271">
        <v>233</v>
      </c>
      <c r="AT6" s="276">
        <v>235</v>
      </c>
      <c r="AU6" s="270">
        <v>13</v>
      </c>
      <c r="AV6" s="274">
        <v>11</v>
      </c>
      <c r="AW6" s="271">
        <v>24</v>
      </c>
      <c r="AX6" s="273">
        <v>0</v>
      </c>
      <c r="AY6" s="274">
        <v>70</v>
      </c>
      <c r="AZ6" s="274">
        <v>46</v>
      </c>
      <c r="BA6" s="274">
        <v>55</v>
      </c>
      <c r="BB6" s="274">
        <v>36</v>
      </c>
      <c r="BC6" s="274">
        <v>18</v>
      </c>
      <c r="BD6" s="271">
        <v>225</v>
      </c>
      <c r="BE6" s="276">
        <v>249</v>
      </c>
      <c r="BF6" s="270">
        <v>0</v>
      </c>
      <c r="BG6" s="274">
        <v>0</v>
      </c>
      <c r="BH6" s="271">
        <v>0</v>
      </c>
      <c r="BI6" s="273">
        <v>0</v>
      </c>
      <c r="BJ6" s="274">
        <v>78</v>
      </c>
      <c r="BK6" s="274">
        <v>114</v>
      </c>
      <c r="BL6" s="274">
        <v>128</v>
      </c>
      <c r="BM6" s="274">
        <v>88</v>
      </c>
      <c r="BN6" s="274">
        <v>63</v>
      </c>
      <c r="BO6" s="275">
        <v>471</v>
      </c>
      <c r="BP6" s="276">
        <v>471</v>
      </c>
      <c r="BQ6" s="270">
        <v>0</v>
      </c>
      <c r="BR6" s="274">
        <v>0</v>
      </c>
      <c r="BS6" s="271">
        <v>0</v>
      </c>
      <c r="BT6" s="273">
        <v>0</v>
      </c>
      <c r="BU6" s="274">
        <v>3</v>
      </c>
      <c r="BV6" s="274">
        <v>7</v>
      </c>
      <c r="BW6" s="274">
        <v>6</v>
      </c>
      <c r="BX6" s="274">
        <v>6</v>
      </c>
      <c r="BY6" s="274">
        <v>7</v>
      </c>
      <c r="BZ6" s="271">
        <v>29</v>
      </c>
      <c r="CA6" s="276">
        <v>29</v>
      </c>
      <c r="CB6" s="270">
        <v>0</v>
      </c>
      <c r="CC6" s="274">
        <v>0</v>
      </c>
      <c r="CD6" s="271">
        <v>0</v>
      </c>
      <c r="CE6" s="273">
        <v>0</v>
      </c>
      <c r="CF6" s="274">
        <v>1</v>
      </c>
      <c r="CG6" s="274">
        <v>2</v>
      </c>
      <c r="CH6" s="274">
        <v>11</v>
      </c>
      <c r="CI6" s="274">
        <v>17</v>
      </c>
      <c r="CJ6" s="274">
        <v>9</v>
      </c>
      <c r="CK6" s="271">
        <v>40</v>
      </c>
      <c r="CL6" s="276">
        <v>40</v>
      </c>
      <c r="CM6" s="270">
        <v>0</v>
      </c>
      <c r="CN6" s="274">
        <v>0</v>
      </c>
      <c r="CO6" s="271">
        <v>0</v>
      </c>
      <c r="CP6" s="273">
        <v>0</v>
      </c>
      <c r="CQ6" s="274">
        <v>9</v>
      </c>
      <c r="CR6" s="274">
        <v>14</v>
      </c>
      <c r="CS6" s="274">
        <v>15</v>
      </c>
      <c r="CT6" s="274">
        <v>25</v>
      </c>
      <c r="CU6" s="274">
        <v>34</v>
      </c>
      <c r="CV6" s="271">
        <v>97</v>
      </c>
      <c r="CW6" s="276">
        <v>97</v>
      </c>
    </row>
    <row r="7" spans="1:101" ht="19.8" customHeight="1" x14ac:dyDescent="0.2">
      <c r="B7" s="262" t="s">
        <v>5</v>
      </c>
      <c r="C7" s="277">
        <v>0</v>
      </c>
      <c r="D7" s="278">
        <v>0</v>
      </c>
      <c r="E7" s="279">
        <v>0</v>
      </c>
      <c r="F7" s="280">
        <v>0</v>
      </c>
      <c r="G7" s="281">
        <v>9</v>
      </c>
      <c r="H7" s="281">
        <v>18</v>
      </c>
      <c r="I7" s="281">
        <v>9</v>
      </c>
      <c r="J7" s="281">
        <v>7</v>
      </c>
      <c r="K7" s="281">
        <v>5</v>
      </c>
      <c r="L7" s="282">
        <v>48</v>
      </c>
      <c r="M7" s="283">
        <v>48</v>
      </c>
      <c r="N7" s="277">
        <v>0</v>
      </c>
      <c r="O7" s="281">
        <v>0</v>
      </c>
      <c r="P7" s="278">
        <v>0</v>
      </c>
      <c r="Q7" s="280">
        <v>0</v>
      </c>
      <c r="R7" s="281">
        <v>7</v>
      </c>
      <c r="S7" s="281">
        <v>28</v>
      </c>
      <c r="T7" s="281">
        <v>20</v>
      </c>
      <c r="U7" s="281">
        <v>16</v>
      </c>
      <c r="V7" s="281">
        <v>14</v>
      </c>
      <c r="W7" s="278">
        <v>85</v>
      </c>
      <c r="X7" s="283">
        <v>85</v>
      </c>
      <c r="Y7" s="277">
        <v>0</v>
      </c>
      <c r="Z7" s="281">
        <v>0</v>
      </c>
      <c r="AA7" s="278">
        <v>0</v>
      </c>
      <c r="AB7" s="280">
        <v>0</v>
      </c>
      <c r="AC7" s="281">
        <v>316</v>
      </c>
      <c r="AD7" s="281">
        <v>358</v>
      </c>
      <c r="AE7" s="281">
        <v>119</v>
      </c>
      <c r="AF7" s="281">
        <v>72</v>
      </c>
      <c r="AG7" s="281">
        <v>33</v>
      </c>
      <c r="AH7" s="278">
        <v>898</v>
      </c>
      <c r="AI7" s="283">
        <v>898</v>
      </c>
      <c r="AJ7" s="277">
        <v>2</v>
      </c>
      <c r="AK7" s="281">
        <v>0</v>
      </c>
      <c r="AL7" s="278">
        <v>2</v>
      </c>
      <c r="AM7" s="280">
        <v>0</v>
      </c>
      <c r="AN7" s="281">
        <v>27</v>
      </c>
      <c r="AO7" s="281">
        <v>36</v>
      </c>
      <c r="AP7" s="281">
        <v>34</v>
      </c>
      <c r="AQ7" s="281">
        <v>22</v>
      </c>
      <c r="AR7" s="281">
        <v>19</v>
      </c>
      <c r="AS7" s="278">
        <v>138</v>
      </c>
      <c r="AT7" s="283">
        <v>140</v>
      </c>
      <c r="AU7" s="277">
        <v>8</v>
      </c>
      <c r="AV7" s="281">
        <v>4</v>
      </c>
      <c r="AW7" s="278">
        <v>12</v>
      </c>
      <c r="AX7" s="280">
        <v>0</v>
      </c>
      <c r="AY7" s="281">
        <v>26</v>
      </c>
      <c r="AZ7" s="281">
        <v>19</v>
      </c>
      <c r="BA7" s="281">
        <v>26</v>
      </c>
      <c r="BB7" s="281">
        <v>17</v>
      </c>
      <c r="BC7" s="281">
        <v>8</v>
      </c>
      <c r="BD7" s="278">
        <v>96</v>
      </c>
      <c r="BE7" s="283">
        <v>108</v>
      </c>
      <c r="BF7" s="277">
        <v>0</v>
      </c>
      <c r="BG7" s="281">
        <v>0</v>
      </c>
      <c r="BH7" s="278">
        <v>0</v>
      </c>
      <c r="BI7" s="280">
        <v>0</v>
      </c>
      <c r="BJ7" s="281">
        <v>30</v>
      </c>
      <c r="BK7" s="281">
        <v>43</v>
      </c>
      <c r="BL7" s="281">
        <v>58</v>
      </c>
      <c r="BM7" s="281">
        <v>31</v>
      </c>
      <c r="BN7" s="281">
        <v>23</v>
      </c>
      <c r="BO7" s="282">
        <v>185</v>
      </c>
      <c r="BP7" s="283">
        <v>185</v>
      </c>
      <c r="BQ7" s="277">
        <v>0</v>
      </c>
      <c r="BR7" s="281">
        <v>0</v>
      </c>
      <c r="BS7" s="278">
        <v>0</v>
      </c>
      <c r="BT7" s="280">
        <v>0</v>
      </c>
      <c r="BU7" s="281">
        <v>0</v>
      </c>
      <c r="BV7" s="281">
        <v>0</v>
      </c>
      <c r="BW7" s="281">
        <v>0</v>
      </c>
      <c r="BX7" s="281">
        <v>0</v>
      </c>
      <c r="BY7" s="281">
        <v>0</v>
      </c>
      <c r="BZ7" s="278">
        <v>0</v>
      </c>
      <c r="CA7" s="283">
        <v>0</v>
      </c>
      <c r="CB7" s="277">
        <v>0</v>
      </c>
      <c r="CC7" s="281">
        <v>0</v>
      </c>
      <c r="CD7" s="278">
        <v>0</v>
      </c>
      <c r="CE7" s="280">
        <v>0</v>
      </c>
      <c r="CF7" s="281">
        <v>0</v>
      </c>
      <c r="CG7" s="281">
        <v>0</v>
      </c>
      <c r="CH7" s="281">
        <v>2</v>
      </c>
      <c r="CI7" s="281">
        <v>0</v>
      </c>
      <c r="CJ7" s="281">
        <v>1</v>
      </c>
      <c r="CK7" s="278">
        <v>3</v>
      </c>
      <c r="CL7" s="283">
        <v>3</v>
      </c>
      <c r="CM7" s="277">
        <v>0</v>
      </c>
      <c r="CN7" s="281">
        <v>0</v>
      </c>
      <c r="CO7" s="278">
        <v>0</v>
      </c>
      <c r="CP7" s="280">
        <v>0</v>
      </c>
      <c r="CQ7" s="281">
        <v>2</v>
      </c>
      <c r="CR7" s="281">
        <v>4</v>
      </c>
      <c r="CS7" s="281">
        <v>6</v>
      </c>
      <c r="CT7" s="281">
        <v>7</v>
      </c>
      <c r="CU7" s="281">
        <v>19</v>
      </c>
      <c r="CV7" s="278">
        <v>38</v>
      </c>
      <c r="CW7" s="283">
        <v>38</v>
      </c>
    </row>
    <row r="8" spans="1:101" ht="19.8" customHeight="1" x14ac:dyDescent="0.2">
      <c r="B8" s="262" t="s">
        <v>6</v>
      </c>
      <c r="C8" s="277">
        <v>0</v>
      </c>
      <c r="D8" s="278">
        <v>0</v>
      </c>
      <c r="E8" s="279">
        <v>0</v>
      </c>
      <c r="F8" s="280">
        <v>0</v>
      </c>
      <c r="G8" s="281">
        <v>8</v>
      </c>
      <c r="H8" s="281">
        <v>5</v>
      </c>
      <c r="I8" s="281">
        <v>8</v>
      </c>
      <c r="J8" s="281">
        <v>8</v>
      </c>
      <c r="K8" s="281">
        <v>5</v>
      </c>
      <c r="L8" s="282">
        <v>34</v>
      </c>
      <c r="M8" s="283">
        <v>34</v>
      </c>
      <c r="N8" s="277">
        <v>0</v>
      </c>
      <c r="O8" s="281">
        <v>0</v>
      </c>
      <c r="P8" s="278">
        <v>0</v>
      </c>
      <c r="Q8" s="280">
        <v>0</v>
      </c>
      <c r="R8" s="281">
        <v>1</v>
      </c>
      <c r="S8" s="281">
        <v>4</v>
      </c>
      <c r="T8" s="281">
        <v>8</v>
      </c>
      <c r="U8" s="281">
        <v>7</v>
      </c>
      <c r="V8" s="281">
        <v>8</v>
      </c>
      <c r="W8" s="278">
        <v>28</v>
      </c>
      <c r="X8" s="283">
        <v>28</v>
      </c>
      <c r="Y8" s="277">
        <v>0</v>
      </c>
      <c r="Z8" s="281">
        <v>0</v>
      </c>
      <c r="AA8" s="278">
        <v>0</v>
      </c>
      <c r="AB8" s="280">
        <v>0</v>
      </c>
      <c r="AC8" s="281">
        <v>154</v>
      </c>
      <c r="AD8" s="281">
        <v>63</v>
      </c>
      <c r="AE8" s="281">
        <v>45</v>
      </c>
      <c r="AF8" s="281">
        <v>18</v>
      </c>
      <c r="AG8" s="281">
        <v>8</v>
      </c>
      <c r="AH8" s="278">
        <v>288</v>
      </c>
      <c r="AI8" s="283">
        <v>288</v>
      </c>
      <c r="AJ8" s="277">
        <v>0</v>
      </c>
      <c r="AK8" s="281">
        <v>0</v>
      </c>
      <c r="AL8" s="278">
        <v>0</v>
      </c>
      <c r="AM8" s="280">
        <v>0</v>
      </c>
      <c r="AN8" s="281">
        <v>8</v>
      </c>
      <c r="AO8" s="281">
        <v>12</v>
      </c>
      <c r="AP8" s="281">
        <v>17</v>
      </c>
      <c r="AQ8" s="281">
        <v>5</v>
      </c>
      <c r="AR8" s="281">
        <v>2</v>
      </c>
      <c r="AS8" s="278">
        <v>44</v>
      </c>
      <c r="AT8" s="283">
        <v>44</v>
      </c>
      <c r="AU8" s="277">
        <v>1</v>
      </c>
      <c r="AV8" s="281">
        <v>4</v>
      </c>
      <c r="AW8" s="278">
        <v>5</v>
      </c>
      <c r="AX8" s="280">
        <v>0</v>
      </c>
      <c r="AY8" s="281">
        <v>13</v>
      </c>
      <c r="AZ8" s="281">
        <v>9</v>
      </c>
      <c r="BA8" s="281">
        <v>9</v>
      </c>
      <c r="BB8" s="281">
        <v>4</v>
      </c>
      <c r="BC8" s="281">
        <v>0</v>
      </c>
      <c r="BD8" s="278">
        <v>35</v>
      </c>
      <c r="BE8" s="283">
        <v>40</v>
      </c>
      <c r="BF8" s="277">
        <v>0</v>
      </c>
      <c r="BG8" s="281">
        <v>0</v>
      </c>
      <c r="BH8" s="278">
        <v>0</v>
      </c>
      <c r="BI8" s="280">
        <v>0</v>
      </c>
      <c r="BJ8" s="281">
        <v>15</v>
      </c>
      <c r="BK8" s="281">
        <v>27</v>
      </c>
      <c r="BL8" s="281">
        <v>24</v>
      </c>
      <c r="BM8" s="281">
        <v>13</v>
      </c>
      <c r="BN8" s="281">
        <v>16</v>
      </c>
      <c r="BO8" s="282">
        <v>95</v>
      </c>
      <c r="BP8" s="283">
        <v>95</v>
      </c>
      <c r="BQ8" s="277">
        <v>0</v>
      </c>
      <c r="BR8" s="281">
        <v>0</v>
      </c>
      <c r="BS8" s="278">
        <v>0</v>
      </c>
      <c r="BT8" s="280">
        <v>0</v>
      </c>
      <c r="BU8" s="281">
        <v>0</v>
      </c>
      <c r="BV8" s="281">
        <v>0</v>
      </c>
      <c r="BW8" s="281">
        <v>0</v>
      </c>
      <c r="BX8" s="281">
        <v>0</v>
      </c>
      <c r="BY8" s="281">
        <v>0</v>
      </c>
      <c r="BZ8" s="278">
        <v>0</v>
      </c>
      <c r="CA8" s="283">
        <v>0</v>
      </c>
      <c r="CB8" s="277">
        <v>0</v>
      </c>
      <c r="CC8" s="281">
        <v>0</v>
      </c>
      <c r="CD8" s="278">
        <v>0</v>
      </c>
      <c r="CE8" s="280">
        <v>0</v>
      </c>
      <c r="CF8" s="281">
        <v>1</v>
      </c>
      <c r="CG8" s="281">
        <v>0</v>
      </c>
      <c r="CH8" s="281">
        <v>6</v>
      </c>
      <c r="CI8" s="281">
        <v>7</v>
      </c>
      <c r="CJ8" s="281">
        <v>1</v>
      </c>
      <c r="CK8" s="278">
        <v>15</v>
      </c>
      <c r="CL8" s="283">
        <v>15</v>
      </c>
      <c r="CM8" s="277">
        <v>0</v>
      </c>
      <c r="CN8" s="281">
        <v>0</v>
      </c>
      <c r="CO8" s="278">
        <v>0</v>
      </c>
      <c r="CP8" s="280">
        <v>0</v>
      </c>
      <c r="CQ8" s="281">
        <v>3</v>
      </c>
      <c r="CR8" s="281">
        <v>6</v>
      </c>
      <c r="CS8" s="281">
        <v>4</v>
      </c>
      <c r="CT8" s="281">
        <v>11</v>
      </c>
      <c r="CU8" s="281">
        <v>3</v>
      </c>
      <c r="CV8" s="278">
        <v>27</v>
      </c>
      <c r="CW8" s="283">
        <v>27</v>
      </c>
    </row>
    <row r="9" spans="1:101" ht="19.8" customHeight="1" x14ac:dyDescent="0.2">
      <c r="B9" s="262" t="s">
        <v>14</v>
      </c>
      <c r="C9" s="277">
        <v>0</v>
      </c>
      <c r="D9" s="278">
        <v>0</v>
      </c>
      <c r="E9" s="279">
        <v>0</v>
      </c>
      <c r="F9" s="280">
        <v>0</v>
      </c>
      <c r="G9" s="281">
        <v>0</v>
      </c>
      <c r="H9" s="281">
        <v>0</v>
      </c>
      <c r="I9" s="281">
        <v>1</v>
      </c>
      <c r="J9" s="281">
        <v>1</v>
      </c>
      <c r="K9" s="281">
        <v>3</v>
      </c>
      <c r="L9" s="282">
        <v>5</v>
      </c>
      <c r="M9" s="283">
        <v>5</v>
      </c>
      <c r="N9" s="277">
        <v>0</v>
      </c>
      <c r="O9" s="281">
        <v>0</v>
      </c>
      <c r="P9" s="278">
        <v>0</v>
      </c>
      <c r="Q9" s="280">
        <v>0</v>
      </c>
      <c r="R9" s="281">
        <v>0</v>
      </c>
      <c r="S9" s="281">
        <v>0</v>
      </c>
      <c r="T9" s="281">
        <v>0</v>
      </c>
      <c r="U9" s="281">
        <v>1</v>
      </c>
      <c r="V9" s="281">
        <v>0</v>
      </c>
      <c r="W9" s="278">
        <v>1</v>
      </c>
      <c r="X9" s="283">
        <v>1</v>
      </c>
      <c r="Y9" s="277">
        <v>0</v>
      </c>
      <c r="Z9" s="281">
        <v>0</v>
      </c>
      <c r="AA9" s="278">
        <v>0</v>
      </c>
      <c r="AB9" s="280">
        <v>0</v>
      </c>
      <c r="AC9" s="281">
        <v>55</v>
      </c>
      <c r="AD9" s="281">
        <v>43</v>
      </c>
      <c r="AE9" s="281">
        <v>24</v>
      </c>
      <c r="AF9" s="281">
        <v>7</v>
      </c>
      <c r="AG9" s="281">
        <v>3</v>
      </c>
      <c r="AH9" s="278">
        <v>132</v>
      </c>
      <c r="AI9" s="283">
        <v>132</v>
      </c>
      <c r="AJ9" s="277">
        <v>0</v>
      </c>
      <c r="AK9" s="281">
        <v>0</v>
      </c>
      <c r="AL9" s="278">
        <v>0</v>
      </c>
      <c r="AM9" s="280">
        <v>0</v>
      </c>
      <c r="AN9" s="281">
        <v>1</v>
      </c>
      <c r="AO9" s="281">
        <v>0</v>
      </c>
      <c r="AP9" s="281">
        <v>1</v>
      </c>
      <c r="AQ9" s="281">
        <v>1</v>
      </c>
      <c r="AR9" s="281">
        <v>1</v>
      </c>
      <c r="AS9" s="278">
        <v>4</v>
      </c>
      <c r="AT9" s="283">
        <v>4</v>
      </c>
      <c r="AU9" s="277">
        <v>0</v>
      </c>
      <c r="AV9" s="281">
        <v>0</v>
      </c>
      <c r="AW9" s="278">
        <v>0</v>
      </c>
      <c r="AX9" s="280">
        <v>0</v>
      </c>
      <c r="AY9" s="281">
        <v>3</v>
      </c>
      <c r="AZ9" s="281">
        <v>6</v>
      </c>
      <c r="BA9" s="281">
        <v>4</v>
      </c>
      <c r="BB9" s="281">
        <v>1</v>
      </c>
      <c r="BC9" s="281">
        <v>3</v>
      </c>
      <c r="BD9" s="278">
        <v>17</v>
      </c>
      <c r="BE9" s="283">
        <v>17</v>
      </c>
      <c r="BF9" s="277">
        <v>0</v>
      </c>
      <c r="BG9" s="281">
        <v>0</v>
      </c>
      <c r="BH9" s="278">
        <v>0</v>
      </c>
      <c r="BI9" s="280">
        <v>0</v>
      </c>
      <c r="BJ9" s="281">
        <v>12</v>
      </c>
      <c r="BK9" s="281">
        <v>10</v>
      </c>
      <c r="BL9" s="281">
        <v>9</v>
      </c>
      <c r="BM9" s="281">
        <v>10</v>
      </c>
      <c r="BN9" s="281">
        <v>4</v>
      </c>
      <c r="BO9" s="282">
        <v>45</v>
      </c>
      <c r="BP9" s="283">
        <v>45</v>
      </c>
      <c r="BQ9" s="277">
        <v>0</v>
      </c>
      <c r="BR9" s="281">
        <v>0</v>
      </c>
      <c r="BS9" s="278">
        <v>0</v>
      </c>
      <c r="BT9" s="280">
        <v>0</v>
      </c>
      <c r="BU9" s="281">
        <v>0</v>
      </c>
      <c r="BV9" s="281">
        <v>0</v>
      </c>
      <c r="BW9" s="281">
        <v>0</v>
      </c>
      <c r="BX9" s="281">
        <v>0</v>
      </c>
      <c r="BY9" s="281">
        <v>0</v>
      </c>
      <c r="BZ9" s="278">
        <v>0</v>
      </c>
      <c r="CA9" s="283">
        <v>0</v>
      </c>
      <c r="CB9" s="277">
        <v>0</v>
      </c>
      <c r="CC9" s="281">
        <v>0</v>
      </c>
      <c r="CD9" s="278">
        <v>0</v>
      </c>
      <c r="CE9" s="280">
        <v>0</v>
      </c>
      <c r="CF9" s="281">
        <v>0</v>
      </c>
      <c r="CG9" s="281">
        <v>1</v>
      </c>
      <c r="CH9" s="281">
        <v>0</v>
      </c>
      <c r="CI9" s="281">
        <v>0</v>
      </c>
      <c r="CJ9" s="281">
        <v>0</v>
      </c>
      <c r="CK9" s="278">
        <v>1</v>
      </c>
      <c r="CL9" s="283">
        <v>1</v>
      </c>
      <c r="CM9" s="277">
        <v>0</v>
      </c>
      <c r="CN9" s="281">
        <v>0</v>
      </c>
      <c r="CO9" s="278">
        <v>0</v>
      </c>
      <c r="CP9" s="280">
        <v>0</v>
      </c>
      <c r="CQ9" s="281">
        <v>1</v>
      </c>
      <c r="CR9" s="281">
        <v>2</v>
      </c>
      <c r="CS9" s="281">
        <v>0</v>
      </c>
      <c r="CT9" s="281">
        <v>1</v>
      </c>
      <c r="CU9" s="281">
        <v>0</v>
      </c>
      <c r="CV9" s="278">
        <v>4</v>
      </c>
      <c r="CW9" s="283">
        <v>4</v>
      </c>
    </row>
    <row r="10" spans="1:101" ht="19.8" customHeight="1" x14ac:dyDescent="0.2">
      <c r="B10" s="262" t="s">
        <v>7</v>
      </c>
      <c r="C10" s="277">
        <v>0</v>
      </c>
      <c r="D10" s="278">
        <v>0</v>
      </c>
      <c r="E10" s="279">
        <v>0</v>
      </c>
      <c r="F10" s="280">
        <v>0</v>
      </c>
      <c r="G10" s="281">
        <v>0</v>
      </c>
      <c r="H10" s="281">
        <v>0</v>
      </c>
      <c r="I10" s="281">
        <v>1</v>
      </c>
      <c r="J10" s="281">
        <v>1</v>
      </c>
      <c r="K10" s="281">
        <v>0</v>
      </c>
      <c r="L10" s="282">
        <v>2</v>
      </c>
      <c r="M10" s="283">
        <v>2</v>
      </c>
      <c r="N10" s="277">
        <v>0</v>
      </c>
      <c r="O10" s="281">
        <v>0</v>
      </c>
      <c r="P10" s="278">
        <v>0</v>
      </c>
      <c r="Q10" s="280">
        <v>0</v>
      </c>
      <c r="R10" s="281">
        <v>0</v>
      </c>
      <c r="S10" s="281">
        <v>0</v>
      </c>
      <c r="T10" s="281">
        <v>0</v>
      </c>
      <c r="U10" s="281">
        <v>0</v>
      </c>
      <c r="V10" s="281">
        <v>0</v>
      </c>
      <c r="W10" s="278">
        <v>0</v>
      </c>
      <c r="X10" s="283">
        <v>0</v>
      </c>
      <c r="Y10" s="277">
        <v>0</v>
      </c>
      <c r="Z10" s="281">
        <v>0</v>
      </c>
      <c r="AA10" s="278">
        <v>0</v>
      </c>
      <c r="AB10" s="280">
        <v>0</v>
      </c>
      <c r="AC10" s="281">
        <v>26</v>
      </c>
      <c r="AD10" s="281">
        <v>16</v>
      </c>
      <c r="AE10" s="281">
        <v>14</v>
      </c>
      <c r="AF10" s="281">
        <v>3</v>
      </c>
      <c r="AG10" s="281">
        <v>2</v>
      </c>
      <c r="AH10" s="278">
        <v>61</v>
      </c>
      <c r="AI10" s="283">
        <v>61</v>
      </c>
      <c r="AJ10" s="277">
        <v>0</v>
      </c>
      <c r="AK10" s="281">
        <v>0</v>
      </c>
      <c r="AL10" s="278">
        <v>0</v>
      </c>
      <c r="AM10" s="280">
        <v>0</v>
      </c>
      <c r="AN10" s="281">
        <v>2</v>
      </c>
      <c r="AO10" s="281">
        <v>3</v>
      </c>
      <c r="AP10" s="281">
        <v>4</v>
      </c>
      <c r="AQ10" s="281">
        <v>1</v>
      </c>
      <c r="AR10" s="281">
        <v>0</v>
      </c>
      <c r="AS10" s="278">
        <v>10</v>
      </c>
      <c r="AT10" s="283">
        <v>10</v>
      </c>
      <c r="AU10" s="277">
        <v>0</v>
      </c>
      <c r="AV10" s="281">
        <v>0</v>
      </c>
      <c r="AW10" s="278">
        <v>0</v>
      </c>
      <c r="AX10" s="280">
        <v>0</v>
      </c>
      <c r="AY10" s="281">
        <v>0</v>
      </c>
      <c r="AZ10" s="281">
        <v>2</v>
      </c>
      <c r="BA10" s="281">
        <v>1</v>
      </c>
      <c r="BB10" s="281">
        <v>0</v>
      </c>
      <c r="BC10" s="281">
        <v>0</v>
      </c>
      <c r="BD10" s="278">
        <v>3</v>
      </c>
      <c r="BE10" s="283">
        <v>3</v>
      </c>
      <c r="BF10" s="277">
        <v>0</v>
      </c>
      <c r="BG10" s="281">
        <v>0</v>
      </c>
      <c r="BH10" s="278">
        <v>0</v>
      </c>
      <c r="BI10" s="280">
        <v>0</v>
      </c>
      <c r="BJ10" s="281">
        <v>3</v>
      </c>
      <c r="BK10" s="281">
        <v>3</v>
      </c>
      <c r="BL10" s="281">
        <v>8</v>
      </c>
      <c r="BM10" s="281">
        <v>2</v>
      </c>
      <c r="BN10" s="281">
        <v>1</v>
      </c>
      <c r="BO10" s="282">
        <v>17</v>
      </c>
      <c r="BP10" s="283">
        <v>17</v>
      </c>
      <c r="BQ10" s="277">
        <v>0</v>
      </c>
      <c r="BR10" s="281">
        <v>0</v>
      </c>
      <c r="BS10" s="278">
        <v>0</v>
      </c>
      <c r="BT10" s="280">
        <v>0</v>
      </c>
      <c r="BU10" s="281">
        <v>0</v>
      </c>
      <c r="BV10" s="281">
        <v>0</v>
      </c>
      <c r="BW10" s="281">
        <v>0</v>
      </c>
      <c r="BX10" s="281">
        <v>0</v>
      </c>
      <c r="BY10" s="281">
        <v>0</v>
      </c>
      <c r="BZ10" s="278">
        <v>0</v>
      </c>
      <c r="CA10" s="283">
        <v>0</v>
      </c>
      <c r="CB10" s="277">
        <v>0</v>
      </c>
      <c r="CC10" s="281">
        <v>0</v>
      </c>
      <c r="CD10" s="278">
        <v>0</v>
      </c>
      <c r="CE10" s="280">
        <v>0</v>
      </c>
      <c r="CF10" s="281">
        <v>0</v>
      </c>
      <c r="CG10" s="281">
        <v>0</v>
      </c>
      <c r="CH10" s="281">
        <v>0</v>
      </c>
      <c r="CI10" s="281">
        <v>0</v>
      </c>
      <c r="CJ10" s="281">
        <v>0</v>
      </c>
      <c r="CK10" s="278">
        <v>0</v>
      </c>
      <c r="CL10" s="283">
        <v>0</v>
      </c>
      <c r="CM10" s="277">
        <v>0</v>
      </c>
      <c r="CN10" s="281">
        <v>0</v>
      </c>
      <c r="CO10" s="278">
        <v>0</v>
      </c>
      <c r="CP10" s="280">
        <v>0</v>
      </c>
      <c r="CQ10" s="281">
        <v>0</v>
      </c>
      <c r="CR10" s="281">
        <v>0</v>
      </c>
      <c r="CS10" s="281">
        <v>0</v>
      </c>
      <c r="CT10" s="281">
        <v>0</v>
      </c>
      <c r="CU10" s="281">
        <v>1</v>
      </c>
      <c r="CV10" s="278">
        <v>1</v>
      </c>
      <c r="CW10" s="283">
        <v>1</v>
      </c>
    </row>
    <row r="11" spans="1:101" ht="19.8" customHeight="1" x14ac:dyDescent="0.2">
      <c r="B11" s="262" t="s">
        <v>8</v>
      </c>
      <c r="C11" s="277">
        <v>0</v>
      </c>
      <c r="D11" s="278">
        <v>0</v>
      </c>
      <c r="E11" s="279">
        <v>0</v>
      </c>
      <c r="F11" s="280">
        <v>0</v>
      </c>
      <c r="G11" s="281">
        <v>0</v>
      </c>
      <c r="H11" s="281">
        <v>0</v>
      </c>
      <c r="I11" s="281">
        <v>0</v>
      </c>
      <c r="J11" s="281">
        <v>2</v>
      </c>
      <c r="K11" s="281">
        <v>0</v>
      </c>
      <c r="L11" s="282">
        <v>2</v>
      </c>
      <c r="M11" s="283">
        <v>2</v>
      </c>
      <c r="N11" s="277">
        <v>0</v>
      </c>
      <c r="O11" s="281">
        <v>0</v>
      </c>
      <c r="P11" s="278">
        <v>0</v>
      </c>
      <c r="Q11" s="280">
        <v>0</v>
      </c>
      <c r="R11" s="281">
        <v>0</v>
      </c>
      <c r="S11" s="281">
        <v>0</v>
      </c>
      <c r="T11" s="281">
        <v>0</v>
      </c>
      <c r="U11" s="281">
        <v>0</v>
      </c>
      <c r="V11" s="281">
        <v>0</v>
      </c>
      <c r="W11" s="278">
        <v>0</v>
      </c>
      <c r="X11" s="283">
        <v>0</v>
      </c>
      <c r="Y11" s="277">
        <v>0</v>
      </c>
      <c r="Z11" s="281">
        <v>0</v>
      </c>
      <c r="AA11" s="278">
        <v>0</v>
      </c>
      <c r="AB11" s="280">
        <v>0</v>
      </c>
      <c r="AC11" s="281">
        <v>36</v>
      </c>
      <c r="AD11" s="281">
        <v>21</v>
      </c>
      <c r="AE11" s="281">
        <v>7</v>
      </c>
      <c r="AF11" s="281">
        <v>3</v>
      </c>
      <c r="AG11" s="281">
        <v>3</v>
      </c>
      <c r="AH11" s="278">
        <v>70</v>
      </c>
      <c r="AI11" s="283">
        <v>70</v>
      </c>
      <c r="AJ11" s="277">
        <v>0</v>
      </c>
      <c r="AK11" s="281">
        <v>0</v>
      </c>
      <c r="AL11" s="278">
        <v>0</v>
      </c>
      <c r="AM11" s="280">
        <v>0</v>
      </c>
      <c r="AN11" s="281">
        <v>0</v>
      </c>
      <c r="AO11" s="281">
        <v>1</v>
      </c>
      <c r="AP11" s="281">
        <v>1</v>
      </c>
      <c r="AQ11" s="281">
        <v>0</v>
      </c>
      <c r="AR11" s="281">
        <v>0</v>
      </c>
      <c r="AS11" s="278">
        <v>2</v>
      </c>
      <c r="AT11" s="283">
        <v>2</v>
      </c>
      <c r="AU11" s="277">
        <v>0</v>
      </c>
      <c r="AV11" s="281">
        <v>0</v>
      </c>
      <c r="AW11" s="278">
        <v>0</v>
      </c>
      <c r="AX11" s="280">
        <v>0</v>
      </c>
      <c r="AY11" s="281">
        <v>2</v>
      </c>
      <c r="AZ11" s="281">
        <v>0</v>
      </c>
      <c r="BA11" s="281">
        <v>1</v>
      </c>
      <c r="BB11" s="281">
        <v>1</v>
      </c>
      <c r="BC11" s="281">
        <v>0</v>
      </c>
      <c r="BD11" s="278">
        <v>4</v>
      </c>
      <c r="BE11" s="283">
        <v>4</v>
      </c>
      <c r="BF11" s="277">
        <v>0</v>
      </c>
      <c r="BG11" s="281">
        <v>0</v>
      </c>
      <c r="BH11" s="278">
        <v>0</v>
      </c>
      <c r="BI11" s="280">
        <v>0</v>
      </c>
      <c r="BJ11" s="281">
        <v>0</v>
      </c>
      <c r="BK11" s="281">
        <v>1</v>
      </c>
      <c r="BL11" s="281">
        <v>0</v>
      </c>
      <c r="BM11" s="281">
        <v>5</v>
      </c>
      <c r="BN11" s="281">
        <v>0</v>
      </c>
      <c r="BO11" s="282">
        <v>6</v>
      </c>
      <c r="BP11" s="283">
        <v>6</v>
      </c>
      <c r="BQ11" s="277">
        <v>0</v>
      </c>
      <c r="BR11" s="281">
        <v>0</v>
      </c>
      <c r="BS11" s="278">
        <v>0</v>
      </c>
      <c r="BT11" s="280">
        <v>0</v>
      </c>
      <c r="BU11" s="281">
        <v>0</v>
      </c>
      <c r="BV11" s="281">
        <v>1</v>
      </c>
      <c r="BW11" s="281">
        <v>0</v>
      </c>
      <c r="BX11" s="281">
        <v>1</v>
      </c>
      <c r="BY11" s="281">
        <v>0</v>
      </c>
      <c r="BZ11" s="278">
        <v>2</v>
      </c>
      <c r="CA11" s="283">
        <v>2</v>
      </c>
      <c r="CB11" s="277">
        <v>0</v>
      </c>
      <c r="CC11" s="281">
        <v>0</v>
      </c>
      <c r="CD11" s="278">
        <v>0</v>
      </c>
      <c r="CE11" s="280">
        <v>0</v>
      </c>
      <c r="CF11" s="281">
        <v>0</v>
      </c>
      <c r="CG11" s="281">
        <v>0</v>
      </c>
      <c r="CH11" s="281">
        <v>0</v>
      </c>
      <c r="CI11" s="281">
        <v>1</v>
      </c>
      <c r="CJ11" s="281">
        <v>1</v>
      </c>
      <c r="CK11" s="278">
        <v>2</v>
      </c>
      <c r="CL11" s="283">
        <v>2</v>
      </c>
      <c r="CM11" s="277">
        <v>0</v>
      </c>
      <c r="CN11" s="281">
        <v>0</v>
      </c>
      <c r="CO11" s="278">
        <v>0</v>
      </c>
      <c r="CP11" s="280">
        <v>0</v>
      </c>
      <c r="CQ11" s="281">
        <v>0</v>
      </c>
      <c r="CR11" s="281">
        <v>0</v>
      </c>
      <c r="CS11" s="281">
        <v>0</v>
      </c>
      <c r="CT11" s="281">
        <v>0</v>
      </c>
      <c r="CU11" s="281">
        <v>0</v>
      </c>
      <c r="CV11" s="278">
        <v>0</v>
      </c>
      <c r="CW11" s="283">
        <v>0</v>
      </c>
    </row>
    <row r="12" spans="1:101" ht="19.8" customHeight="1" x14ac:dyDescent="0.2">
      <c r="B12" s="262" t="s">
        <v>9</v>
      </c>
      <c r="C12" s="277">
        <v>0</v>
      </c>
      <c r="D12" s="278">
        <v>0</v>
      </c>
      <c r="E12" s="279">
        <v>0</v>
      </c>
      <c r="F12" s="280">
        <v>0</v>
      </c>
      <c r="G12" s="281">
        <v>0</v>
      </c>
      <c r="H12" s="281">
        <v>1</v>
      </c>
      <c r="I12" s="281">
        <v>0</v>
      </c>
      <c r="J12" s="281">
        <v>1</v>
      </c>
      <c r="K12" s="281">
        <v>1</v>
      </c>
      <c r="L12" s="282">
        <v>3</v>
      </c>
      <c r="M12" s="283">
        <v>3</v>
      </c>
      <c r="N12" s="277">
        <v>0</v>
      </c>
      <c r="O12" s="281">
        <v>0</v>
      </c>
      <c r="P12" s="278">
        <v>0</v>
      </c>
      <c r="Q12" s="280">
        <v>0</v>
      </c>
      <c r="R12" s="281">
        <v>0</v>
      </c>
      <c r="S12" s="281">
        <v>0</v>
      </c>
      <c r="T12" s="281">
        <v>0</v>
      </c>
      <c r="U12" s="281">
        <v>0</v>
      </c>
      <c r="V12" s="281">
        <v>0</v>
      </c>
      <c r="W12" s="278">
        <v>0</v>
      </c>
      <c r="X12" s="283">
        <v>0</v>
      </c>
      <c r="Y12" s="277">
        <v>0</v>
      </c>
      <c r="Z12" s="281">
        <v>0</v>
      </c>
      <c r="AA12" s="278">
        <v>0</v>
      </c>
      <c r="AB12" s="280">
        <v>0</v>
      </c>
      <c r="AC12" s="281">
        <v>41</v>
      </c>
      <c r="AD12" s="281">
        <v>26</v>
      </c>
      <c r="AE12" s="281">
        <v>18</v>
      </c>
      <c r="AF12" s="281">
        <v>9</v>
      </c>
      <c r="AG12" s="281">
        <v>3</v>
      </c>
      <c r="AH12" s="278">
        <v>97</v>
      </c>
      <c r="AI12" s="283">
        <v>97</v>
      </c>
      <c r="AJ12" s="277">
        <v>0</v>
      </c>
      <c r="AK12" s="281">
        <v>0</v>
      </c>
      <c r="AL12" s="278">
        <v>0</v>
      </c>
      <c r="AM12" s="280">
        <v>0</v>
      </c>
      <c r="AN12" s="281">
        <v>3</v>
      </c>
      <c r="AO12" s="281">
        <v>0</v>
      </c>
      <c r="AP12" s="281">
        <v>1</v>
      </c>
      <c r="AQ12" s="281">
        <v>0</v>
      </c>
      <c r="AR12" s="281">
        <v>1</v>
      </c>
      <c r="AS12" s="278">
        <v>5</v>
      </c>
      <c r="AT12" s="283">
        <v>5</v>
      </c>
      <c r="AU12" s="277">
        <v>1</v>
      </c>
      <c r="AV12" s="281">
        <v>0</v>
      </c>
      <c r="AW12" s="278">
        <v>1</v>
      </c>
      <c r="AX12" s="280">
        <v>0</v>
      </c>
      <c r="AY12" s="281">
        <v>5</v>
      </c>
      <c r="AZ12" s="281">
        <v>1</v>
      </c>
      <c r="BA12" s="281">
        <v>2</v>
      </c>
      <c r="BB12" s="281">
        <v>4</v>
      </c>
      <c r="BC12" s="281">
        <v>1</v>
      </c>
      <c r="BD12" s="278">
        <v>13</v>
      </c>
      <c r="BE12" s="283">
        <v>14</v>
      </c>
      <c r="BF12" s="277">
        <v>0</v>
      </c>
      <c r="BG12" s="281">
        <v>0</v>
      </c>
      <c r="BH12" s="278">
        <v>0</v>
      </c>
      <c r="BI12" s="280">
        <v>0</v>
      </c>
      <c r="BJ12" s="281">
        <v>0</v>
      </c>
      <c r="BK12" s="281">
        <v>6</v>
      </c>
      <c r="BL12" s="281">
        <v>5</v>
      </c>
      <c r="BM12" s="281">
        <v>3</v>
      </c>
      <c r="BN12" s="281">
        <v>1</v>
      </c>
      <c r="BO12" s="282">
        <v>15</v>
      </c>
      <c r="BP12" s="283">
        <v>15</v>
      </c>
      <c r="BQ12" s="277">
        <v>0</v>
      </c>
      <c r="BR12" s="281">
        <v>0</v>
      </c>
      <c r="BS12" s="278">
        <v>0</v>
      </c>
      <c r="BT12" s="280">
        <v>0</v>
      </c>
      <c r="BU12" s="281">
        <v>0</v>
      </c>
      <c r="BV12" s="281">
        <v>2</v>
      </c>
      <c r="BW12" s="281">
        <v>0</v>
      </c>
      <c r="BX12" s="281">
        <v>1</v>
      </c>
      <c r="BY12" s="281">
        <v>0</v>
      </c>
      <c r="BZ12" s="278">
        <v>3</v>
      </c>
      <c r="CA12" s="283">
        <v>3</v>
      </c>
      <c r="CB12" s="277">
        <v>0</v>
      </c>
      <c r="CC12" s="281">
        <v>0</v>
      </c>
      <c r="CD12" s="278">
        <v>0</v>
      </c>
      <c r="CE12" s="280">
        <v>0</v>
      </c>
      <c r="CF12" s="281">
        <v>0</v>
      </c>
      <c r="CG12" s="281">
        <v>0</v>
      </c>
      <c r="CH12" s="281">
        <v>0</v>
      </c>
      <c r="CI12" s="281">
        <v>0</v>
      </c>
      <c r="CJ12" s="281">
        <v>0</v>
      </c>
      <c r="CK12" s="278">
        <v>0</v>
      </c>
      <c r="CL12" s="283">
        <v>0</v>
      </c>
      <c r="CM12" s="277">
        <v>0</v>
      </c>
      <c r="CN12" s="281">
        <v>0</v>
      </c>
      <c r="CO12" s="278">
        <v>0</v>
      </c>
      <c r="CP12" s="280">
        <v>0</v>
      </c>
      <c r="CQ12" s="281">
        <v>0</v>
      </c>
      <c r="CR12" s="281">
        <v>0</v>
      </c>
      <c r="CS12" s="281">
        <v>3</v>
      </c>
      <c r="CT12" s="281">
        <v>2</v>
      </c>
      <c r="CU12" s="281">
        <v>1</v>
      </c>
      <c r="CV12" s="278">
        <v>6</v>
      </c>
      <c r="CW12" s="283">
        <v>6</v>
      </c>
    </row>
    <row r="13" spans="1:101" ht="19.8" customHeight="1" x14ac:dyDescent="0.2">
      <c r="B13" s="262" t="s">
        <v>10</v>
      </c>
      <c r="C13" s="277">
        <v>0</v>
      </c>
      <c r="D13" s="278">
        <v>0</v>
      </c>
      <c r="E13" s="279">
        <v>0</v>
      </c>
      <c r="F13" s="280">
        <v>0</v>
      </c>
      <c r="G13" s="281">
        <v>2</v>
      </c>
      <c r="H13" s="281">
        <v>2</v>
      </c>
      <c r="I13" s="281">
        <v>0</v>
      </c>
      <c r="J13" s="281">
        <v>1</v>
      </c>
      <c r="K13" s="281">
        <v>0</v>
      </c>
      <c r="L13" s="282">
        <v>5</v>
      </c>
      <c r="M13" s="283">
        <v>5</v>
      </c>
      <c r="N13" s="277">
        <v>0</v>
      </c>
      <c r="O13" s="281">
        <v>0</v>
      </c>
      <c r="P13" s="278">
        <v>0</v>
      </c>
      <c r="Q13" s="280">
        <v>0</v>
      </c>
      <c r="R13" s="281">
        <v>0</v>
      </c>
      <c r="S13" s="281">
        <v>0</v>
      </c>
      <c r="T13" s="281">
        <v>1</v>
      </c>
      <c r="U13" s="281">
        <v>0</v>
      </c>
      <c r="V13" s="281">
        <v>1</v>
      </c>
      <c r="W13" s="278">
        <v>2</v>
      </c>
      <c r="X13" s="283">
        <v>2</v>
      </c>
      <c r="Y13" s="277">
        <v>0</v>
      </c>
      <c r="Z13" s="281">
        <v>0</v>
      </c>
      <c r="AA13" s="278">
        <v>0</v>
      </c>
      <c r="AB13" s="280">
        <v>0</v>
      </c>
      <c r="AC13" s="281">
        <v>42</v>
      </c>
      <c r="AD13" s="281">
        <v>19</v>
      </c>
      <c r="AE13" s="281">
        <v>9</v>
      </c>
      <c r="AF13" s="281">
        <v>3</v>
      </c>
      <c r="AG13" s="281">
        <v>2</v>
      </c>
      <c r="AH13" s="278">
        <v>75</v>
      </c>
      <c r="AI13" s="283">
        <v>75</v>
      </c>
      <c r="AJ13" s="277">
        <v>0</v>
      </c>
      <c r="AK13" s="281">
        <v>0</v>
      </c>
      <c r="AL13" s="278">
        <v>0</v>
      </c>
      <c r="AM13" s="280">
        <v>0</v>
      </c>
      <c r="AN13" s="281">
        <v>2</v>
      </c>
      <c r="AO13" s="281">
        <v>1</v>
      </c>
      <c r="AP13" s="281">
        <v>1</v>
      </c>
      <c r="AQ13" s="281">
        <v>0</v>
      </c>
      <c r="AR13" s="281">
        <v>1</v>
      </c>
      <c r="AS13" s="278">
        <v>5</v>
      </c>
      <c r="AT13" s="283">
        <v>5</v>
      </c>
      <c r="AU13" s="277">
        <v>2</v>
      </c>
      <c r="AV13" s="281">
        <v>2</v>
      </c>
      <c r="AW13" s="278">
        <v>4</v>
      </c>
      <c r="AX13" s="280">
        <v>0</v>
      </c>
      <c r="AY13" s="281">
        <v>3</v>
      </c>
      <c r="AZ13" s="281">
        <v>1</v>
      </c>
      <c r="BA13" s="281">
        <v>4</v>
      </c>
      <c r="BB13" s="281">
        <v>2</v>
      </c>
      <c r="BC13" s="281">
        <v>3</v>
      </c>
      <c r="BD13" s="278">
        <v>13</v>
      </c>
      <c r="BE13" s="283">
        <v>17</v>
      </c>
      <c r="BF13" s="277">
        <v>0</v>
      </c>
      <c r="BG13" s="281">
        <v>0</v>
      </c>
      <c r="BH13" s="278">
        <v>0</v>
      </c>
      <c r="BI13" s="280">
        <v>0</v>
      </c>
      <c r="BJ13" s="281">
        <v>3</v>
      </c>
      <c r="BK13" s="281">
        <v>6</v>
      </c>
      <c r="BL13" s="281">
        <v>6</v>
      </c>
      <c r="BM13" s="281">
        <v>6</v>
      </c>
      <c r="BN13" s="281">
        <v>6</v>
      </c>
      <c r="BO13" s="282">
        <v>27</v>
      </c>
      <c r="BP13" s="283">
        <v>27</v>
      </c>
      <c r="BQ13" s="277">
        <v>0</v>
      </c>
      <c r="BR13" s="281">
        <v>0</v>
      </c>
      <c r="BS13" s="278">
        <v>0</v>
      </c>
      <c r="BT13" s="280">
        <v>0</v>
      </c>
      <c r="BU13" s="281">
        <v>3</v>
      </c>
      <c r="BV13" s="281">
        <v>2</v>
      </c>
      <c r="BW13" s="281">
        <v>4</v>
      </c>
      <c r="BX13" s="281">
        <v>1</v>
      </c>
      <c r="BY13" s="281">
        <v>7</v>
      </c>
      <c r="BZ13" s="278">
        <v>17</v>
      </c>
      <c r="CA13" s="283">
        <v>17</v>
      </c>
      <c r="CB13" s="277">
        <v>0</v>
      </c>
      <c r="CC13" s="281">
        <v>0</v>
      </c>
      <c r="CD13" s="278">
        <v>0</v>
      </c>
      <c r="CE13" s="280">
        <v>0</v>
      </c>
      <c r="CF13" s="281">
        <v>0</v>
      </c>
      <c r="CG13" s="281">
        <v>0</v>
      </c>
      <c r="CH13" s="281">
        <v>0</v>
      </c>
      <c r="CI13" s="281">
        <v>4</v>
      </c>
      <c r="CJ13" s="281">
        <v>2</v>
      </c>
      <c r="CK13" s="278">
        <v>6</v>
      </c>
      <c r="CL13" s="283">
        <v>6</v>
      </c>
      <c r="CM13" s="277">
        <v>0</v>
      </c>
      <c r="CN13" s="281">
        <v>0</v>
      </c>
      <c r="CO13" s="278">
        <v>0</v>
      </c>
      <c r="CP13" s="280">
        <v>0</v>
      </c>
      <c r="CQ13" s="281">
        <v>3</v>
      </c>
      <c r="CR13" s="281">
        <v>0</v>
      </c>
      <c r="CS13" s="281">
        <v>1</v>
      </c>
      <c r="CT13" s="281">
        <v>0</v>
      </c>
      <c r="CU13" s="281">
        <v>4</v>
      </c>
      <c r="CV13" s="278">
        <v>8</v>
      </c>
      <c r="CW13" s="283">
        <v>8</v>
      </c>
    </row>
    <row r="14" spans="1:101" ht="19.8" customHeight="1" x14ac:dyDescent="0.2">
      <c r="B14" s="262" t="s">
        <v>11</v>
      </c>
      <c r="C14" s="277">
        <v>0</v>
      </c>
      <c r="D14" s="278">
        <v>0</v>
      </c>
      <c r="E14" s="279">
        <v>0</v>
      </c>
      <c r="F14" s="280">
        <v>0</v>
      </c>
      <c r="G14" s="281">
        <v>2</v>
      </c>
      <c r="H14" s="281">
        <v>1</v>
      </c>
      <c r="I14" s="281">
        <v>1</v>
      </c>
      <c r="J14" s="281">
        <v>0</v>
      </c>
      <c r="K14" s="281">
        <v>0</v>
      </c>
      <c r="L14" s="282">
        <v>4</v>
      </c>
      <c r="M14" s="283">
        <v>4</v>
      </c>
      <c r="N14" s="277">
        <v>0</v>
      </c>
      <c r="O14" s="281">
        <v>0</v>
      </c>
      <c r="P14" s="278">
        <v>0</v>
      </c>
      <c r="Q14" s="280">
        <v>0</v>
      </c>
      <c r="R14" s="281">
        <v>0</v>
      </c>
      <c r="S14" s="281">
        <v>0</v>
      </c>
      <c r="T14" s="281">
        <v>0</v>
      </c>
      <c r="U14" s="281">
        <v>0</v>
      </c>
      <c r="V14" s="281">
        <v>0</v>
      </c>
      <c r="W14" s="278">
        <v>0</v>
      </c>
      <c r="X14" s="283">
        <v>0</v>
      </c>
      <c r="Y14" s="277">
        <v>0</v>
      </c>
      <c r="Z14" s="281">
        <v>0</v>
      </c>
      <c r="AA14" s="278">
        <v>0</v>
      </c>
      <c r="AB14" s="280">
        <v>0</v>
      </c>
      <c r="AC14" s="281">
        <v>21</v>
      </c>
      <c r="AD14" s="281">
        <v>3</v>
      </c>
      <c r="AE14" s="281">
        <v>7</v>
      </c>
      <c r="AF14" s="281">
        <v>3</v>
      </c>
      <c r="AG14" s="281">
        <v>1</v>
      </c>
      <c r="AH14" s="278">
        <v>35</v>
      </c>
      <c r="AI14" s="283">
        <v>35</v>
      </c>
      <c r="AJ14" s="277">
        <v>0</v>
      </c>
      <c r="AK14" s="281">
        <v>0</v>
      </c>
      <c r="AL14" s="278">
        <v>0</v>
      </c>
      <c r="AM14" s="280">
        <v>0</v>
      </c>
      <c r="AN14" s="281">
        <v>0</v>
      </c>
      <c r="AO14" s="281">
        <v>0</v>
      </c>
      <c r="AP14" s="281">
        <v>0</v>
      </c>
      <c r="AQ14" s="281">
        <v>0</v>
      </c>
      <c r="AR14" s="281">
        <v>1</v>
      </c>
      <c r="AS14" s="278">
        <v>1</v>
      </c>
      <c r="AT14" s="283">
        <v>1</v>
      </c>
      <c r="AU14" s="277">
        <v>0</v>
      </c>
      <c r="AV14" s="281">
        <v>0</v>
      </c>
      <c r="AW14" s="278">
        <v>0</v>
      </c>
      <c r="AX14" s="280">
        <v>0</v>
      </c>
      <c r="AY14" s="281">
        <v>1</v>
      </c>
      <c r="AZ14" s="281">
        <v>1</v>
      </c>
      <c r="BA14" s="281">
        <v>2</v>
      </c>
      <c r="BB14" s="281">
        <v>0</v>
      </c>
      <c r="BC14" s="281">
        <v>0</v>
      </c>
      <c r="BD14" s="278">
        <v>4</v>
      </c>
      <c r="BE14" s="283">
        <v>4</v>
      </c>
      <c r="BF14" s="277">
        <v>0</v>
      </c>
      <c r="BG14" s="281">
        <v>0</v>
      </c>
      <c r="BH14" s="278">
        <v>0</v>
      </c>
      <c r="BI14" s="280">
        <v>0</v>
      </c>
      <c r="BJ14" s="281">
        <v>1</v>
      </c>
      <c r="BK14" s="281">
        <v>3</v>
      </c>
      <c r="BL14" s="281">
        <v>0</v>
      </c>
      <c r="BM14" s="281">
        <v>2</v>
      </c>
      <c r="BN14" s="281">
        <v>1</v>
      </c>
      <c r="BO14" s="282">
        <v>7</v>
      </c>
      <c r="BP14" s="283">
        <v>7</v>
      </c>
      <c r="BQ14" s="277">
        <v>0</v>
      </c>
      <c r="BR14" s="281">
        <v>0</v>
      </c>
      <c r="BS14" s="278">
        <v>0</v>
      </c>
      <c r="BT14" s="280">
        <v>0</v>
      </c>
      <c r="BU14" s="281">
        <v>0</v>
      </c>
      <c r="BV14" s="281">
        <v>0</v>
      </c>
      <c r="BW14" s="281">
        <v>0</v>
      </c>
      <c r="BX14" s="281">
        <v>0</v>
      </c>
      <c r="BY14" s="281">
        <v>0</v>
      </c>
      <c r="BZ14" s="278">
        <v>0</v>
      </c>
      <c r="CA14" s="283">
        <v>0</v>
      </c>
      <c r="CB14" s="277">
        <v>0</v>
      </c>
      <c r="CC14" s="281">
        <v>0</v>
      </c>
      <c r="CD14" s="278">
        <v>0</v>
      </c>
      <c r="CE14" s="280">
        <v>0</v>
      </c>
      <c r="CF14" s="281">
        <v>0</v>
      </c>
      <c r="CG14" s="281">
        <v>0</v>
      </c>
      <c r="CH14" s="281">
        <v>0</v>
      </c>
      <c r="CI14" s="281">
        <v>0</v>
      </c>
      <c r="CJ14" s="281">
        <v>0</v>
      </c>
      <c r="CK14" s="278">
        <v>0</v>
      </c>
      <c r="CL14" s="283">
        <v>0</v>
      </c>
      <c r="CM14" s="277">
        <v>0</v>
      </c>
      <c r="CN14" s="281">
        <v>0</v>
      </c>
      <c r="CO14" s="278">
        <v>0</v>
      </c>
      <c r="CP14" s="280">
        <v>0</v>
      </c>
      <c r="CQ14" s="281">
        <v>0</v>
      </c>
      <c r="CR14" s="281">
        <v>0</v>
      </c>
      <c r="CS14" s="281">
        <v>0</v>
      </c>
      <c r="CT14" s="281">
        <v>0</v>
      </c>
      <c r="CU14" s="281">
        <v>0</v>
      </c>
      <c r="CV14" s="278">
        <v>0</v>
      </c>
      <c r="CW14" s="283">
        <v>0</v>
      </c>
    </row>
    <row r="15" spans="1:101" ht="19.8" customHeight="1" x14ac:dyDescent="0.2">
      <c r="B15" s="262" t="s">
        <v>12</v>
      </c>
      <c r="C15" s="277">
        <v>0</v>
      </c>
      <c r="D15" s="278">
        <v>0</v>
      </c>
      <c r="E15" s="279">
        <v>0</v>
      </c>
      <c r="F15" s="280">
        <v>0</v>
      </c>
      <c r="G15" s="281">
        <v>1</v>
      </c>
      <c r="H15" s="281">
        <v>0</v>
      </c>
      <c r="I15" s="281">
        <v>0</v>
      </c>
      <c r="J15" s="281">
        <v>0</v>
      </c>
      <c r="K15" s="281">
        <v>0</v>
      </c>
      <c r="L15" s="282">
        <v>1</v>
      </c>
      <c r="M15" s="283">
        <v>1</v>
      </c>
      <c r="N15" s="277">
        <v>0</v>
      </c>
      <c r="O15" s="281">
        <v>0</v>
      </c>
      <c r="P15" s="278">
        <v>0</v>
      </c>
      <c r="Q15" s="280">
        <v>0</v>
      </c>
      <c r="R15" s="281">
        <v>0</v>
      </c>
      <c r="S15" s="281">
        <v>0</v>
      </c>
      <c r="T15" s="281">
        <v>0</v>
      </c>
      <c r="U15" s="281">
        <v>0</v>
      </c>
      <c r="V15" s="281">
        <v>0</v>
      </c>
      <c r="W15" s="278">
        <v>0</v>
      </c>
      <c r="X15" s="283">
        <v>0</v>
      </c>
      <c r="Y15" s="277">
        <v>0</v>
      </c>
      <c r="Z15" s="281">
        <v>0</v>
      </c>
      <c r="AA15" s="278">
        <v>0</v>
      </c>
      <c r="AB15" s="280">
        <v>0</v>
      </c>
      <c r="AC15" s="281">
        <v>22</v>
      </c>
      <c r="AD15" s="281">
        <v>9</v>
      </c>
      <c r="AE15" s="281">
        <v>9</v>
      </c>
      <c r="AF15" s="281">
        <v>6</v>
      </c>
      <c r="AG15" s="281">
        <v>1</v>
      </c>
      <c r="AH15" s="278">
        <v>47</v>
      </c>
      <c r="AI15" s="283">
        <v>47</v>
      </c>
      <c r="AJ15" s="277">
        <v>0</v>
      </c>
      <c r="AK15" s="281">
        <v>0</v>
      </c>
      <c r="AL15" s="278">
        <v>0</v>
      </c>
      <c r="AM15" s="280">
        <v>0</v>
      </c>
      <c r="AN15" s="281">
        <v>0</v>
      </c>
      <c r="AO15" s="281">
        <v>1</v>
      </c>
      <c r="AP15" s="281">
        <v>0</v>
      </c>
      <c r="AQ15" s="281">
        <v>0</v>
      </c>
      <c r="AR15" s="281">
        <v>0</v>
      </c>
      <c r="AS15" s="278">
        <v>1</v>
      </c>
      <c r="AT15" s="283">
        <v>1</v>
      </c>
      <c r="AU15" s="277">
        <v>0</v>
      </c>
      <c r="AV15" s="281">
        <v>0</v>
      </c>
      <c r="AW15" s="278">
        <v>0</v>
      </c>
      <c r="AX15" s="280">
        <v>0</v>
      </c>
      <c r="AY15" s="281">
        <v>1</v>
      </c>
      <c r="AZ15" s="281">
        <v>1</v>
      </c>
      <c r="BA15" s="281">
        <v>0</v>
      </c>
      <c r="BB15" s="281">
        <v>2</v>
      </c>
      <c r="BC15" s="281">
        <v>0</v>
      </c>
      <c r="BD15" s="278">
        <v>4</v>
      </c>
      <c r="BE15" s="283">
        <v>4</v>
      </c>
      <c r="BF15" s="277">
        <v>0</v>
      </c>
      <c r="BG15" s="281">
        <v>0</v>
      </c>
      <c r="BH15" s="278">
        <v>0</v>
      </c>
      <c r="BI15" s="280">
        <v>0</v>
      </c>
      <c r="BJ15" s="281">
        <v>3</v>
      </c>
      <c r="BK15" s="281">
        <v>2</v>
      </c>
      <c r="BL15" s="281">
        <v>1</v>
      </c>
      <c r="BM15" s="281">
        <v>2</v>
      </c>
      <c r="BN15" s="281">
        <v>0</v>
      </c>
      <c r="BO15" s="282">
        <v>8</v>
      </c>
      <c r="BP15" s="283">
        <v>8</v>
      </c>
      <c r="BQ15" s="277">
        <v>0</v>
      </c>
      <c r="BR15" s="281">
        <v>0</v>
      </c>
      <c r="BS15" s="278">
        <v>0</v>
      </c>
      <c r="BT15" s="280">
        <v>0</v>
      </c>
      <c r="BU15" s="281">
        <v>0</v>
      </c>
      <c r="BV15" s="281">
        <v>2</v>
      </c>
      <c r="BW15" s="281">
        <v>0</v>
      </c>
      <c r="BX15" s="281">
        <v>2</v>
      </c>
      <c r="BY15" s="281">
        <v>0</v>
      </c>
      <c r="BZ15" s="278">
        <v>4</v>
      </c>
      <c r="CA15" s="283">
        <v>4</v>
      </c>
      <c r="CB15" s="277">
        <v>0</v>
      </c>
      <c r="CC15" s="281">
        <v>0</v>
      </c>
      <c r="CD15" s="278">
        <v>0</v>
      </c>
      <c r="CE15" s="280">
        <v>0</v>
      </c>
      <c r="CF15" s="281">
        <v>0</v>
      </c>
      <c r="CG15" s="281">
        <v>0</v>
      </c>
      <c r="CH15" s="281">
        <v>0</v>
      </c>
      <c r="CI15" s="281">
        <v>0</v>
      </c>
      <c r="CJ15" s="281">
        <v>1</v>
      </c>
      <c r="CK15" s="278">
        <v>1</v>
      </c>
      <c r="CL15" s="283">
        <v>1</v>
      </c>
      <c r="CM15" s="277">
        <v>0</v>
      </c>
      <c r="CN15" s="281">
        <v>0</v>
      </c>
      <c r="CO15" s="278">
        <v>0</v>
      </c>
      <c r="CP15" s="280">
        <v>0</v>
      </c>
      <c r="CQ15" s="281">
        <v>0</v>
      </c>
      <c r="CR15" s="281">
        <v>1</v>
      </c>
      <c r="CS15" s="281">
        <v>0</v>
      </c>
      <c r="CT15" s="281">
        <v>2</v>
      </c>
      <c r="CU15" s="281">
        <v>3</v>
      </c>
      <c r="CV15" s="278">
        <v>6</v>
      </c>
      <c r="CW15" s="283">
        <v>6</v>
      </c>
    </row>
    <row r="16" spans="1:101" ht="19.8" customHeight="1" x14ac:dyDescent="0.2">
      <c r="B16" s="262" t="s">
        <v>13</v>
      </c>
      <c r="C16" s="277">
        <v>0</v>
      </c>
      <c r="D16" s="278">
        <v>0</v>
      </c>
      <c r="E16" s="279">
        <v>0</v>
      </c>
      <c r="F16" s="280">
        <v>0</v>
      </c>
      <c r="G16" s="281">
        <v>0</v>
      </c>
      <c r="H16" s="281">
        <v>0</v>
      </c>
      <c r="I16" s="281">
        <v>0</v>
      </c>
      <c r="J16" s="281">
        <v>0</v>
      </c>
      <c r="K16" s="281">
        <v>0</v>
      </c>
      <c r="L16" s="282">
        <v>0</v>
      </c>
      <c r="M16" s="283">
        <v>0</v>
      </c>
      <c r="N16" s="277">
        <v>0</v>
      </c>
      <c r="O16" s="281">
        <v>0</v>
      </c>
      <c r="P16" s="278">
        <v>0</v>
      </c>
      <c r="Q16" s="280">
        <v>0</v>
      </c>
      <c r="R16" s="281">
        <v>0</v>
      </c>
      <c r="S16" s="281">
        <v>0</v>
      </c>
      <c r="T16" s="281">
        <v>0</v>
      </c>
      <c r="U16" s="281">
        <v>0</v>
      </c>
      <c r="V16" s="281">
        <v>0</v>
      </c>
      <c r="W16" s="278">
        <v>0</v>
      </c>
      <c r="X16" s="283">
        <v>0</v>
      </c>
      <c r="Y16" s="277">
        <v>0</v>
      </c>
      <c r="Z16" s="281">
        <v>0</v>
      </c>
      <c r="AA16" s="278">
        <v>0</v>
      </c>
      <c r="AB16" s="280">
        <v>0</v>
      </c>
      <c r="AC16" s="281">
        <v>9</v>
      </c>
      <c r="AD16" s="281">
        <v>11</v>
      </c>
      <c r="AE16" s="281">
        <v>5</v>
      </c>
      <c r="AF16" s="281">
        <v>3</v>
      </c>
      <c r="AG16" s="281">
        <v>2</v>
      </c>
      <c r="AH16" s="278">
        <v>30</v>
      </c>
      <c r="AI16" s="283">
        <v>30</v>
      </c>
      <c r="AJ16" s="277">
        <v>0</v>
      </c>
      <c r="AK16" s="281">
        <v>0</v>
      </c>
      <c r="AL16" s="278">
        <v>0</v>
      </c>
      <c r="AM16" s="280">
        <v>0</v>
      </c>
      <c r="AN16" s="281">
        <v>0</v>
      </c>
      <c r="AO16" s="281">
        <v>0</v>
      </c>
      <c r="AP16" s="281">
        <v>0</v>
      </c>
      <c r="AQ16" s="281">
        <v>0</v>
      </c>
      <c r="AR16" s="281">
        <v>0</v>
      </c>
      <c r="AS16" s="278">
        <v>0</v>
      </c>
      <c r="AT16" s="283">
        <v>0</v>
      </c>
      <c r="AU16" s="277">
        <v>0</v>
      </c>
      <c r="AV16" s="281">
        <v>0</v>
      </c>
      <c r="AW16" s="278">
        <v>0</v>
      </c>
      <c r="AX16" s="280">
        <v>0</v>
      </c>
      <c r="AY16" s="281">
        <v>0</v>
      </c>
      <c r="AZ16" s="281">
        <v>0</v>
      </c>
      <c r="BA16" s="281">
        <v>1</v>
      </c>
      <c r="BB16" s="281">
        <v>0</v>
      </c>
      <c r="BC16" s="281">
        <v>0</v>
      </c>
      <c r="BD16" s="278">
        <v>1</v>
      </c>
      <c r="BE16" s="283">
        <v>1</v>
      </c>
      <c r="BF16" s="277">
        <v>0</v>
      </c>
      <c r="BG16" s="281">
        <v>0</v>
      </c>
      <c r="BH16" s="278">
        <v>0</v>
      </c>
      <c r="BI16" s="280">
        <v>0</v>
      </c>
      <c r="BJ16" s="281">
        <v>0</v>
      </c>
      <c r="BK16" s="281">
        <v>0</v>
      </c>
      <c r="BL16" s="281">
        <v>2</v>
      </c>
      <c r="BM16" s="281">
        <v>0</v>
      </c>
      <c r="BN16" s="281">
        <v>0</v>
      </c>
      <c r="BO16" s="282">
        <v>2</v>
      </c>
      <c r="BP16" s="283">
        <v>2</v>
      </c>
      <c r="BQ16" s="277">
        <v>0</v>
      </c>
      <c r="BR16" s="281">
        <v>0</v>
      </c>
      <c r="BS16" s="278">
        <v>0</v>
      </c>
      <c r="BT16" s="280">
        <v>0</v>
      </c>
      <c r="BU16" s="281">
        <v>0</v>
      </c>
      <c r="BV16" s="281">
        <v>0</v>
      </c>
      <c r="BW16" s="281">
        <v>2</v>
      </c>
      <c r="BX16" s="281">
        <v>1</v>
      </c>
      <c r="BY16" s="281">
        <v>0</v>
      </c>
      <c r="BZ16" s="278">
        <v>3</v>
      </c>
      <c r="CA16" s="283">
        <v>3</v>
      </c>
      <c r="CB16" s="277">
        <v>0</v>
      </c>
      <c r="CC16" s="281">
        <v>0</v>
      </c>
      <c r="CD16" s="278">
        <v>0</v>
      </c>
      <c r="CE16" s="280">
        <v>0</v>
      </c>
      <c r="CF16" s="281">
        <v>0</v>
      </c>
      <c r="CG16" s="281">
        <v>0</v>
      </c>
      <c r="CH16" s="281">
        <v>0</v>
      </c>
      <c r="CI16" s="281">
        <v>0</v>
      </c>
      <c r="CJ16" s="281">
        <v>0</v>
      </c>
      <c r="CK16" s="278">
        <v>0</v>
      </c>
      <c r="CL16" s="283">
        <v>0</v>
      </c>
      <c r="CM16" s="277">
        <v>0</v>
      </c>
      <c r="CN16" s="281">
        <v>0</v>
      </c>
      <c r="CO16" s="278">
        <v>0</v>
      </c>
      <c r="CP16" s="280">
        <v>0</v>
      </c>
      <c r="CQ16" s="281">
        <v>0</v>
      </c>
      <c r="CR16" s="281">
        <v>0</v>
      </c>
      <c r="CS16" s="281">
        <v>0</v>
      </c>
      <c r="CT16" s="281">
        <v>0</v>
      </c>
      <c r="CU16" s="281">
        <v>0</v>
      </c>
      <c r="CV16" s="278">
        <v>0</v>
      </c>
      <c r="CW16" s="283">
        <v>0</v>
      </c>
    </row>
    <row r="17" spans="2:101" ht="19.8" customHeight="1" x14ac:dyDescent="0.2">
      <c r="B17" s="262" t="s">
        <v>15</v>
      </c>
      <c r="C17" s="277">
        <v>0</v>
      </c>
      <c r="D17" s="278">
        <v>0</v>
      </c>
      <c r="E17" s="279">
        <v>0</v>
      </c>
      <c r="F17" s="280">
        <v>0</v>
      </c>
      <c r="G17" s="281">
        <v>0</v>
      </c>
      <c r="H17" s="281">
        <v>1</v>
      </c>
      <c r="I17" s="281">
        <v>0</v>
      </c>
      <c r="J17" s="281">
        <v>0</v>
      </c>
      <c r="K17" s="281">
        <v>0</v>
      </c>
      <c r="L17" s="282">
        <v>1</v>
      </c>
      <c r="M17" s="283">
        <v>1</v>
      </c>
      <c r="N17" s="277">
        <v>0</v>
      </c>
      <c r="O17" s="281">
        <v>0</v>
      </c>
      <c r="P17" s="278">
        <v>0</v>
      </c>
      <c r="Q17" s="280">
        <v>0</v>
      </c>
      <c r="R17" s="281">
        <v>0</v>
      </c>
      <c r="S17" s="281">
        <v>0</v>
      </c>
      <c r="T17" s="281">
        <v>0</v>
      </c>
      <c r="U17" s="281">
        <v>0</v>
      </c>
      <c r="V17" s="281">
        <v>0</v>
      </c>
      <c r="W17" s="278">
        <v>0</v>
      </c>
      <c r="X17" s="283">
        <v>0</v>
      </c>
      <c r="Y17" s="277">
        <v>0</v>
      </c>
      <c r="Z17" s="281">
        <v>0</v>
      </c>
      <c r="AA17" s="278">
        <v>0</v>
      </c>
      <c r="AB17" s="280">
        <v>0</v>
      </c>
      <c r="AC17" s="281">
        <v>8</v>
      </c>
      <c r="AD17" s="281">
        <v>8</v>
      </c>
      <c r="AE17" s="281">
        <v>2</v>
      </c>
      <c r="AF17" s="281">
        <v>2</v>
      </c>
      <c r="AG17" s="281">
        <v>1</v>
      </c>
      <c r="AH17" s="278">
        <v>21</v>
      </c>
      <c r="AI17" s="283">
        <v>21</v>
      </c>
      <c r="AJ17" s="277">
        <v>0</v>
      </c>
      <c r="AK17" s="281">
        <v>0</v>
      </c>
      <c r="AL17" s="278">
        <v>0</v>
      </c>
      <c r="AM17" s="280">
        <v>0</v>
      </c>
      <c r="AN17" s="281">
        <v>0</v>
      </c>
      <c r="AO17" s="281">
        <v>1</v>
      </c>
      <c r="AP17" s="281">
        <v>0</v>
      </c>
      <c r="AQ17" s="281">
        <v>0</v>
      </c>
      <c r="AR17" s="281">
        <v>0</v>
      </c>
      <c r="AS17" s="278">
        <v>1</v>
      </c>
      <c r="AT17" s="283">
        <v>1</v>
      </c>
      <c r="AU17" s="277">
        <v>0</v>
      </c>
      <c r="AV17" s="281">
        <v>0</v>
      </c>
      <c r="AW17" s="278">
        <v>0</v>
      </c>
      <c r="AX17" s="280">
        <v>0</v>
      </c>
      <c r="AY17" s="281">
        <v>0</v>
      </c>
      <c r="AZ17" s="281">
        <v>0</v>
      </c>
      <c r="BA17" s="281">
        <v>0</v>
      </c>
      <c r="BB17" s="281">
        <v>0</v>
      </c>
      <c r="BC17" s="281">
        <v>0</v>
      </c>
      <c r="BD17" s="278">
        <v>0</v>
      </c>
      <c r="BE17" s="283">
        <v>0</v>
      </c>
      <c r="BF17" s="277">
        <v>0</v>
      </c>
      <c r="BG17" s="281">
        <v>0</v>
      </c>
      <c r="BH17" s="278">
        <v>0</v>
      </c>
      <c r="BI17" s="280">
        <v>0</v>
      </c>
      <c r="BJ17" s="281">
        <v>0</v>
      </c>
      <c r="BK17" s="281">
        <v>1</v>
      </c>
      <c r="BL17" s="281">
        <v>0</v>
      </c>
      <c r="BM17" s="281">
        <v>3</v>
      </c>
      <c r="BN17" s="281">
        <v>1</v>
      </c>
      <c r="BO17" s="282">
        <v>5</v>
      </c>
      <c r="BP17" s="283">
        <v>5</v>
      </c>
      <c r="BQ17" s="277">
        <v>0</v>
      </c>
      <c r="BR17" s="281">
        <v>0</v>
      </c>
      <c r="BS17" s="278">
        <v>0</v>
      </c>
      <c r="BT17" s="280">
        <v>0</v>
      </c>
      <c r="BU17" s="281">
        <v>0</v>
      </c>
      <c r="BV17" s="281">
        <v>0</v>
      </c>
      <c r="BW17" s="281">
        <v>0</v>
      </c>
      <c r="BX17" s="281">
        <v>0</v>
      </c>
      <c r="BY17" s="281">
        <v>0</v>
      </c>
      <c r="BZ17" s="278">
        <v>0</v>
      </c>
      <c r="CA17" s="283">
        <v>0</v>
      </c>
      <c r="CB17" s="277">
        <v>0</v>
      </c>
      <c r="CC17" s="281">
        <v>0</v>
      </c>
      <c r="CD17" s="278">
        <v>0</v>
      </c>
      <c r="CE17" s="280">
        <v>0</v>
      </c>
      <c r="CF17" s="281">
        <v>0</v>
      </c>
      <c r="CG17" s="281">
        <v>0</v>
      </c>
      <c r="CH17" s="281">
        <v>1</v>
      </c>
      <c r="CI17" s="281">
        <v>0</v>
      </c>
      <c r="CJ17" s="281">
        <v>0</v>
      </c>
      <c r="CK17" s="278">
        <v>1</v>
      </c>
      <c r="CL17" s="283">
        <v>1</v>
      </c>
      <c r="CM17" s="277">
        <v>0</v>
      </c>
      <c r="CN17" s="281">
        <v>0</v>
      </c>
      <c r="CO17" s="278">
        <v>0</v>
      </c>
      <c r="CP17" s="280">
        <v>0</v>
      </c>
      <c r="CQ17" s="281">
        <v>0</v>
      </c>
      <c r="CR17" s="281">
        <v>0</v>
      </c>
      <c r="CS17" s="281">
        <v>0</v>
      </c>
      <c r="CT17" s="281">
        <v>0</v>
      </c>
      <c r="CU17" s="281">
        <v>0</v>
      </c>
      <c r="CV17" s="278">
        <v>0</v>
      </c>
      <c r="CW17" s="283">
        <v>0</v>
      </c>
    </row>
    <row r="18" spans="2:101" ht="19.8" customHeight="1" x14ac:dyDescent="0.2">
      <c r="B18" s="262" t="s">
        <v>16</v>
      </c>
      <c r="C18" s="277">
        <v>0</v>
      </c>
      <c r="D18" s="278">
        <v>0</v>
      </c>
      <c r="E18" s="279">
        <v>0</v>
      </c>
      <c r="F18" s="280">
        <v>0</v>
      </c>
      <c r="G18" s="281">
        <v>0</v>
      </c>
      <c r="H18" s="281">
        <v>0</v>
      </c>
      <c r="I18" s="281">
        <v>0</v>
      </c>
      <c r="J18" s="281">
        <v>0</v>
      </c>
      <c r="K18" s="281">
        <v>1</v>
      </c>
      <c r="L18" s="282">
        <v>1</v>
      </c>
      <c r="M18" s="283">
        <v>1</v>
      </c>
      <c r="N18" s="277">
        <v>0</v>
      </c>
      <c r="O18" s="281">
        <v>0</v>
      </c>
      <c r="P18" s="278">
        <v>0</v>
      </c>
      <c r="Q18" s="280">
        <v>0</v>
      </c>
      <c r="R18" s="281">
        <v>0</v>
      </c>
      <c r="S18" s="281">
        <v>0</v>
      </c>
      <c r="T18" s="281">
        <v>1</v>
      </c>
      <c r="U18" s="281">
        <v>0</v>
      </c>
      <c r="V18" s="281">
        <v>0</v>
      </c>
      <c r="W18" s="278">
        <v>1</v>
      </c>
      <c r="X18" s="283">
        <v>1</v>
      </c>
      <c r="Y18" s="277">
        <v>0</v>
      </c>
      <c r="Z18" s="281">
        <v>0</v>
      </c>
      <c r="AA18" s="278">
        <v>0</v>
      </c>
      <c r="AB18" s="280">
        <v>0</v>
      </c>
      <c r="AC18" s="281">
        <v>7</v>
      </c>
      <c r="AD18" s="281">
        <v>6</v>
      </c>
      <c r="AE18" s="281">
        <v>5</v>
      </c>
      <c r="AF18" s="281">
        <v>0</v>
      </c>
      <c r="AG18" s="281">
        <v>3</v>
      </c>
      <c r="AH18" s="278">
        <v>21</v>
      </c>
      <c r="AI18" s="283">
        <v>21</v>
      </c>
      <c r="AJ18" s="277">
        <v>0</v>
      </c>
      <c r="AK18" s="281">
        <v>0</v>
      </c>
      <c r="AL18" s="278">
        <v>0</v>
      </c>
      <c r="AM18" s="280">
        <v>0</v>
      </c>
      <c r="AN18" s="281">
        <v>0</v>
      </c>
      <c r="AO18" s="281">
        <v>1</v>
      </c>
      <c r="AP18" s="281">
        <v>1</v>
      </c>
      <c r="AQ18" s="281">
        <v>0</v>
      </c>
      <c r="AR18" s="281">
        <v>0</v>
      </c>
      <c r="AS18" s="278">
        <v>2</v>
      </c>
      <c r="AT18" s="283">
        <v>2</v>
      </c>
      <c r="AU18" s="277">
        <v>0</v>
      </c>
      <c r="AV18" s="281">
        <v>0</v>
      </c>
      <c r="AW18" s="278">
        <v>0</v>
      </c>
      <c r="AX18" s="280">
        <v>0</v>
      </c>
      <c r="AY18" s="281">
        <v>0</v>
      </c>
      <c r="AZ18" s="281">
        <v>0</v>
      </c>
      <c r="BA18" s="281">
        <v>0</v>
      </c>
      <c r="BB18" s="281">
        <v>0</v>
      </c>
      <c r="BC18" s="281">
        <v>1</v>
      </c>
      <c r="BD18" s="278">
        <v>1</v>
      </c>
      <c r="BE18" s="283">
        <v>1</v>
      </c>
      <c r="BF18" s="277">
        <v>0</v>
      </c>
      <c r="BG18" s="281">
        <v>0</v>
      </c>
      <c r="BH18" s="278">
        <v>0</v>
      </c>
      <c r="BI18" s="280">
        <v>0</v>
      </c>
      <c r="BJ18" s="281">
        <v>2</v>
      </c>
      <c r="BK18" s="281">
        <v>1</v>
      </c>
      <c r="BL18" s="281">
        <v>2</v>
      </c>
      <c r="BM18" s="281">
        <v>1</v>
      </c>
      <c r="BN18" s="281">
        <v>1</v>
      </c>
      <c r="BO18" s="282">
        <v>7</v>
      </c>
      <c r="BP18" s="283">
        <v>7</v>
      </c>
      <c r="BQ18" s="277">
        <v>0</v>
      </c>
      <c r="BR18" s="281">
        <v>0</v>
      </c>
      <c r="BS18" s="278">
        <v>0</v>
      </c>
      <c r="BT18" s="280">
        <v>0</v>
      </c>
      <c r="BU18" s="281">
        <v>0</v>
      </c>
      <c r="BV18" s="281">
        <v>0</v>
      </c>
      <c r="BW18" s="281">
        <v>0</v>
      </c>
      <c r="BX18" s="281">
        <v>0</v>
      </c>
      <c r="BY18" s="281">
        <v>0</v>
      </c>
      <c r="BZ18" s="278">
        <v>0</v>
      </c>
      <c r="CA18" s="283">
        <v>0</v>
      </c>
      <c r="CB18" s="277">
        <v>0</v>
      </c>
      <c r="CC18" s="281">
        <v>0</v>
      </c>
      <c r="CD18" s="278">
        <v>0</v>
      </c>
      <c r="CE18" s="280">
        <v>0</v>
      </c>
      <c r="CF18" s="281">
        <v>0</v>
      </c>
      <c r="CG18" s="281">
        <v>0</v>
      </c>
      <c r="CH18" s="281">
        <v>0</v>
      </c>
      <c r="CI18" s="281">
        <v>0</v>
      </c>
      <c r="CJ18" s="281">
        <v>0</v>
      </c>
      <c r="CK18" s="278">
        <v>0</v>
      </c>
      <c r="CL18" s="283">
        <v>0</v>
      </c>
      <c r="CM18" s="277">
        <v>0</v>
      </c>
      <c r="CN18" s="281">
        <v>0</v>
      </c>
      <c r="CO18" s="278">
        <v>0</v>
      </c>
      <c r="CP18" s="280">
        <v>0</v>
      </c>
      <c r="CQ18" s="281">
        <v>0</v>
      </c>
      <c r="CR18" s="281">
        <v>0</v>
      </c>
      <c r="CS18" s="281">
        <v>0</v>
      </c>
      <c r="CT18" s="281">
        <v>0</v>
      </c>
      <c r="CU18" s="281">
        <v>0</v>
      </c>
      <c r="CV18" s="278">
        <v>0</v>
      </c>
      <c r="CW18" s="283">
        <v>0</v>
      </c>
    </row>
    <row r="19" spans="2:101" ht="19.8" customHeight="1" x14ac:dyDescent="0.2">
      <c r="B19" s="262" t="s">
        <v>17</v>
      </c>
      <c r="C19" s="277">
        <v>0</v>
      </c>
      <c r="D19" s="278">
        <v>0</v>
      </c>
      <c r="E19" s="279">
        <v>0</v>
      </c>
      <c r="F19" s="280">
        <v>0</v>
      </c>
      <c r="G19" s="281">
        <v>0</v>
      </c>
      <c r="H19" s="281">
        <v>0</v>
      </c>
      <c r="I19" s="281">
        <v>0</v>
      </c>
      <c r="J19" s="281">
        <v>0</v>
      </c>
      <c r="K19" s="281">
        <v>0</v>
      </c>
      <c r="L19" s="282">
        <v>0</v>
      </c>
      <c r="M19" s="283">
        <v>0</v>
      </c>
      <c r="N19" s="277">
        <v>0</v>
      </c>
      <c r="O19" s="281">
        <v>0</v>
      </c>
      <c r="P19" s="278">
        <v>0</v>
      </c>
      <c r="Q19" s="280">
        <v>0</v>
      </c>
      <c r="R19" s="281">
        <v>0</v>
      </c>
      <c r="S19" s="281">
        <v>0</v>
      </c>
      <c r="T19" s="281">
        <v>0</v>
      </c>
      <c r="U19" s="281">
        <v>0</v>
      </c>
      <c r="V19" s="281">
        <v>0</v>
      </c>
      <c r="W19" s="278">
        <v>0</v>
      </c>
      <c r="X19" s="283">
        <v>0</v>
      </c>
      <c r="Y19" s="277">
        <v>0</v>
      </c>
      <c r="Z19" s="281">
        <v>0</v>
      </c>
      <c r="AA19" s="278">
        <v>0</v>
      </c>
      <c r="AB19" s="280">
        <v>0</v>
      </c>
      <c r="AC19" s="281">
        <v>14</v>
      </c>
      <c r="AD19" s="281">
        <v>17</v>
      </c>
      <c r="AE19" s="281">
        <v>8</v>
      </c>
      <c r="AF19" s="281">
        <v>6</v>
      </c>
      <c r="AG19" s="281">
        <v>1</v>
      </c>
      <c r="AH19" s="278">
        <v>46</v>
      </c>
      <c r="AI19" s="283">
        <v>46</v>
      </c>
      <c r="AJ19" s="277">
        <v>0</v>
      </c>
      <c r="AK19" s="281">
        <v>0</v>
      </c>
      <c r="AL19" s="278">
        <v>0</v>
      </c>
      <c r="AM19" s="280">
        <v>0</v>
      </c>
      <c r="AN19" s="281">
        <v>0</v>
      </c>
      <c r="AO19" s="281">
        <v>0</v>
      </c>
      <c r="AP19" s="281">
        <v>0</v>
      </c>
      <c r="AQ19" s="281">
        <v>0</v>
      </c>
      <c r="AR19" s="281">
        <v>0</v>
      </c>
      <c r="AS19" s="278">
        <v>0</v>
      </c>
      <c r="AT19" s="283">
        <v>0</v>
      </c>
      <c r="AU19" s="277">
        <v>0</v>
      </c>
      <c r="AV19" s="281">
        <v>0</v>
      </c>
      <c r="AW19" s="278">
        <v>0</v>
      </c>
      <c r="AX19" s="280">
        <v>0</v>
      </c>
      <c r="AY19" s="281">
        <v>1</v>
      </c>
      <c r="AZ19" s="281">
        <v>2</v>
      </c>
      <c r="BA19" s="281">
        <v>1</v>
      </c>
      <c r="BB19" s="281">
        <v>1</v>
      </c>
      <c r="BC19" s="281">
        <v>1</v>
      </c>
      <c r="BD19" s="278">
        <v>6</v>
      </c>
      <c r="BE19" s="283">
        <v>6</v>
      </c>
      <c r="BF19" s="277">
        <v>0</v>
      </c>
      <c r="BG19" s="281">
        <v>0</v>
      </c>
      <c r="BH19" s="278">
        <v>0</v>
      </c>
      <c r="BI19" s="280">
        <v>0</v>
      </c>
      <c r="BJ19" s="281">
        <v>2</v>
      </c>
      <c r="BK19" s="281">
        <v>5</v>
      </c>
      <c r="BL19" s="281">
        <v>3</v>
      </c>
      <c r="BM19" s="281">
        <v>3</v>
      </c>
      <c r="BN19" s="281">
        <v>2</v>
      </c>
      <c r="BO19" s="282">
        <v>15</v>
      </c>
      <c r="BP19" s="283">
        <v>15</v>
      </c>
      <c r="BQ19" s="277">
        <v>0</v>
      </c>
      <c r="BR19" s="281">
        <v>0</v>
      </c>
      <c r="BS19" s="278">
        <v>0</v>
      </c>
      <c r="BT19" s="280">
        <v>0</v>
      </c>
      <c r="BU19" s="281">
        <v>0</v>
      </c>
      <c r="BV19" s="281">
        <v>0</v>
      </c>
      <c r="BW19" s="281">
        <v>0</v>
      </c>
      <c r="BX19" s="281">
        <v>0</v>
      </c>
      <c r="BY19" s="281">
        <v>0</v>
      </c>
      <c r="BZ19" s="278">
        <v>0</v>
      </c>
      <c r="CA19" s="283">
        <v>0</v>
      </c>
      <c r="CB19" s="277">
        <v>0</v>
      </c>
      <c r="CC19" s="281">
        <v>0</v>
      </c>
      <c r="CD19" s="278">
        <v>0</v>
      </c>
      <c r="CE19" s="280">
        <v>0</v>
      </c>
      <c r="CF19" s="281">
        <v>0</v>
      </c>
      <c r="CG19" s="281">
        <v>0</v>
      </c>
      <c r="CH19" s="281">
        <v>2</v>
      </c>
      <c r="CI19" s="281">
        <v>1</v>
      </c>
      <c r="CJ19" s="281">
        <v>3</v>
      </c>
      <c r="CK19" s="278">
        <v>6</v>
      </c>
      <c r="CL19" s="283">
        <v>6</v>
      </c>
      <c r="CM19" s="277">
        <v>0</v>
      </c>
      <c r="CN19" s="281">
        <v>0</v>
      </c>
      <c r="CO19" s="278">
        <v>0</v>
      </c>
      <c r="CP19" s="280">
        <v>0</v>
      </c>
      <c r="CQ19" s="281">
        <v>0</v>
      </c>
      <c r="CR19" s="281">
        <v>0</v>
      </c>
      <c r="CS19" s="281">
        <v>0</v>
      </c>
      <c r="CT19" s="281">
        <v>0</v>
      </c>
      <c r="CU19" s="281">
        <v>0</v>
      </c>
      <c r="CV19" s="278">
        <v>0</v>
      </c>
      <c r="CW19" s="283">
        <v>0</v>
      </c>
    </row>
    <row r="20" spans="2:101" ht="19.8" customHeight="1" x14ac:dyDescent="0.2">
      <c r="B20" s="262" t="s">
        <v>18</v>
      </c>
      <c r="C20" s="277">
        <v>0</v>
      </c>
      <c r="D20" s="278">
        <v>0</v>
      </c>
      <c r="E20" s="279">
        <v>0</v>
      </c>
      <c r="F20" s="280">
        <v>0</v>
      </c>
      <c r="G20" s="281">
        <v>0</v>
      </c>
      <c r="H20" s="281">
        <v>0</v>
      </c>
      <c r="I20" s="281">
        <v>0</v>
      </c>
      <c r="J20" s="281">
        <v>0</v>
      </c>
      <c r="K20" s="281">
        <v>1</v>
      </c>
      <c r="L20" s="282">
        <v>1</v>
      </c>
      <c r="M20" s="283">
        <v>1</v>
      </c>
      <c r="N20" s="277">
        <v>0</v>
      </c>
      <c r="O20" s="281">
        <v>0</v>
      </c>
      <c r="P20" s="278">
        <v>0</v>
      </c>
      <c r="Q20" s="280">
        <v>0</v>
      </c>
      <c r="R20" s="281">
        <v>0</v>
      </c>
      <c r="S20" s="281">
        <v>0</v>
      </c>
      <c r="T20" s="281">
        <v>0</v>
      </c>
      <c r="U20" s="281">
        <v>0</v>
      </c>
      <c r="V20" s="281">
        <v>0</v>
      </c>
      <c r="W20" s="278">
        <v>0</v>
      </c>
      <c r="X20" s="283">
        <v>0</v>
      </c>
      <c r="Y20" s="277">
        <v>0</v>
      </c>
      <c r="Z20" s="281">
        <v>0</v>
      </c>
      <c r="AA20" s="278">
        <v>0</v>
      </c>
      <c r="AB20" s="280">
        <v>0</v>
      </c>
      <c r="AC20" s="281">
        <v>18</v>
      </c>
      <c r="AD20" s="281">
        <v>8</v>
      </c>
      <c r="AE20" s="281">
        <v>9</v>
      </c>
      <c r="AF20" s="281">
        <v>1</v>
      </c>
      <c r="AG20" s="281">
        <v>0</v>
      </c>
      <c r="AH20" s="278">
        <v>36</v>
      </c>
      <c r="AI20" s="283">
        <v>36</v>
      </c>
      <c r="AJ20" s="277">
        <v>0</v>
      </c>
      <c r="AK20" s="281">
        <v>0</v>
      </c>
      <c r="AL20" s="278">
        <v>0</v>
      </c>
      <c r="AM20" s="280">
        <v>0</v>
      </c>
      <c r="AN20" s="281">
        <v>1</v>
      </c>
      <c r="AO20" s="281">
        <v>0</v>
      </c>
      <c r="AP20" s="281">
        <v>3</v>
      </c>
      <c r="AQ20" s="281">
        <v>0</v>
      </c>
      <c r="AR20" s="281">
        <v>0</v>
      </c>
      <c r="AS20" s="278">
        <v>4</v>
      </c>
      <c r="AT20" s="283">
        <v>4</v>
      </c>
      <c r="AU20" s="277">
        <v>0</v>
      </c>
      <c r="AV20" s="281">
        <v>0</v>
      </c>
      <c r="AW20" s="278">
        <v>0</v>
      </c>
      <c r="AX20" s="280">
        <v>0</v>
      </c>
      <c r="AY20" s="281">
        <v>3</v>
      </c>
      <c r="AZ20" s="281">
        <v>1</v>
      </c>
      <c r="BA20" s="281">
        <v>0</v>
      </c>
      <c r="BB20" s="281">
        <v>1</v>
      </c>
      <c r="BC20" s="281">
        <v>0</v>
      </c>
      <c r="BD20" s="278">
        <v>5</v>
      </c>
      <c r="BE20" s="283">
        <v>5</v>
      </c>
      <c r="BF20" s="277">
        <v>0</v>
      </c>
      <c r="BG20" s="281">
        <v>0</v>
      </c>
      <c r="BH20" s="278">
        <v>0</v>
      </c>
      <c r="BI20" s="280">
        <v>0</v>
      </c>
      <c r="BJ20" s="281">
        <v>0</v>
      </c>
      <c r="BK20" s="281">
        <v>1</v>
      </c>
      <c r="BL20" s="281">
        <v>2</v>
      </c>
      <c r="BM20" s="281">
        <v>0</v>
      </c>
      <c r="BN20" s="281">
        <v>2</v>
      </c>
      <c r="BO20" s="282">
        <v>5</v>
      </c>
      <c r="BP20" s="283">
        <v>5</v>
      </c>
      <c r="BQ20" s="277">
        <v>0</v>
      </c>
      <c r="BR20" s="281">
        <v>0</v>
      </c>
      <c r="BS20" s="278">
        <v>0</v>
      </c>
      <c r="BT20" s="280">
        <v>0</v>
      </c>
      <c r="BU20" s="281">
        <v>0</v>
      </c>
      <c r="BV20" s="281">
        <v>0</v>
      </c>
      <c r="BW20" s="281">
        <v>0</v>
      </c>
      <c r="BX20" s="281">
        <v>0</v>
      </c>
      <c r="BY20" s="281">
        <v>0</v>
      </c>
      <c r="BZ20" s="278">
        <v>0</v>
      </c>
      <c r="CA20" s="283">
        <v>0</v>
      </c>
      <c r="CB20" s="277">
        <v>0</v>
      </c>
      <c r="CC20" s="281">
        <v>0</v>
      </c>
      <c r="CD20" s="278">
        <v>0</v>
      </c>
      <c r="CE20" s="280">
        <v>0</v>
      </c>
      <c r="CF20" s="281">
        <v>0</v>
      </c>
      <c r="CG20" s="281">
        <v>0</v>
      </c>
      <c r="CH20" s="281">
        <v>0</v>
      </c>
      <c r="CI20" s="281">
        <v>1</v>
      </c>
      <c r="CJ20" s="281">
        <v>0</v>
      </c>
      <c r="CK20" s="278">
        <v>1</v>
      </c>
      <c r="CL20" s="283">
        <v>1</v>
      </c>
      <c r="CM20" s="277">
        <v>0</v>
      </c>
      <c r="CN20" s="281">
        <v>0</v>
      </c>
      <c r="CO20" s="278">
        <v>0</v>
      </c>
      <c r="CP20" s="280">
        <v>0</v>
      </c>
      <c r="CQ20" s="281">
        <v>0</v>
      </c>
      <c r="CR20" s="281">
        <v>0</v>
      </c>
      <c r="CS20" s="281">
        <v>1</v>
      </c>
      <c r="CT20" s="281">
        <v>1</v>
      </c>
      <c r="CU20" s="281">
        <v>2</v>
      </c>
      <c r="CV20" s="278">
        <v>4</v>
      </c>
      <c r="CW20" s="283">
        <v>4</v>
      </c>
    </row>
    <row r="21" spans="2:101" ht="19.8" customHeight="1" x14ac:dyDescent="0.2">
      <c r="B21" s="262" t="s">
        <v>19</v>
      </c>
      <c r="C21" s="277">
        <v>0</v>
      </c>
      <c r="D21" s="278">
        <v>0</v>
      </c>
      <c r="E21" s="279">
        <v>0</v>
      </c>
      <c r="F21" s="280">
        <v>0</v>
      </c>
      <c r="G21" s="281">
        <v>0</v>
      </c>
      <c r="H21" s="281">
        <v>0</v>
      </c>
      <c r="I21" s="281">
        <v>1</v>
      </c>
      <c r="J21" s="281">
        <v>2</v>
      </c>
      <c r="K21" s="281">
        <v>0</v>
      </c>
      <c r="L21" s="282">
        <v>3</v>
      </c>
      <c r="M21" s="283">
        <v>3</v>
      </c>
      <c r="N21" s="277">
        <v>0</v>
      </c>
      <c r="O21" s="281">
        <v>0</v>
      </c>
      <c r="P21" s="278">
        <v>0</v>
      </c>
      <c r="Q21" s="280">
        <v>0</v>
      </c>
      <c r="R21" s="281">
        <v>0</v>
      </c>
      <c r="S21" s="281">
        <v>0</v>
      </c>
      <c r="T21" s="281">
        <v>0</v>
      </c>
      <c r="U21" s="281">
        <v>1</v>
      </c>
      <c r="V21" s="281">
        <v>0</v>
      </c>
      <c r="W21" s="278">
        <v>1</v>
      </c>
      <c r="X21" s="283">
        <v>1</v>
      </c>
      <c r="Y21" s="277">
        <v>0</v>
      </c>
      <c r="Z21" s="281">
        <v>0</v>
      </c>
      <c r="AA21" s="278">
        <v>0</v>
      </c>
      <c r="AB21" s="280">
        <v>0</v>
      </c>
      <c r="AC21" s="281">
        <v>9</v>
      </c>
      <c r="AD21" s="281">
        <v>6</v>
      </c>
      <c r="AE21" s="281">
        <v>2</v>
      </c>
      <c r="AF21" s="281">
        <v>1</v>
      </c>
      <c r="AG21" s="281">
        <v>0</v>
      </c>
      <c r="AH21" s="278">
        <v>18</v>
      </c>
      <c r="AI21" s="283">
        <v>18</v>
      </c>
      <c r="AJ21" s="277">
        <v>0</v>
      </c>
      <c r="AK21" s="281">
        <v>0</v>
      </c>
      <c r="AL21" s="278">
        <v>0</v>
      </c>
      <c r="AM21" s="280">
        <v>0</v>
      </c>
      <c r="AN21" s="281">
        <v>1</v>
      </c>
      <c r="AO21" s="281">
        <v>4</v>
      </c>
      <c r="AP21" s="281">
        <v>0</v>
      </c>
      <c r="AQ21" s="281">
        <v>0</v>
      </c>
      <c r="AR21" s="281">
        <v>0</v>
      </c>
      <c r="AS21" s="278">
        <v>5</v>
      </c>
      <c r="AT21" s="283">
        <v>5</v>
      </c>
      <c r="AU21" s="277">
        <v>0</v>
      </c>
      <c r="AV21" s="281">
        <v>0</v>
      </c>
      <c r="AW21" s="278">
        <v>0</v>
      </c>
      <c r="AX21" s="280">
        <v>0</v>
      </c>
      <c r="AY21" s="281">
        <v>1</v>
      </c>
      <c r="AZ21" s="281">
        <v>1</v>
      </c>
      <c r="BA21" s="281">
        <v>1</v>
      </c>
      <c r="BB21" s="281">
        <v>2</v>
      </c>
      <c r="BC21" s="281">
        <v>0</v>
      </c>
      <c r="BD21" s="278">
        <v>5</v>
      </c>
      <c r="BE21" s="283">
        <v>5</v>
      </c>
      <c r="BF21" s="277">
        <v>0</v>
      </c>
      <c r="BG21" s="281">
        <v>0</v>
      </c>
      <c r="BH21" s="278">
        <v>0</v>
      </c>
      <c r="BI21" s="280">
        <v>0</v>
      </c>
      <c r="BJ21" s="281">
        <v>0</v>
      </c>
      <c r="BK21" s="281">
        <v>2</v>
      </c>
      <c r="BL21" s="281">
        <v>0</v>
      </c>
      <c r="BM21" s="281">
        <v>0</v>
      </c>
      <c r="BN21" s="281">
        <v>0</v>
      </c>
      <c r="BO21" s="282">
        <v>2</v>
      </c>
      <c r="BP21" s="283">
        <v>2</v>
      </c>
      <c r="BQ21" s="277">
        <v>0</v>
      </c>
      <c r="BR21" s="281">
        <v>0</v>
      </c>
      <c r="BS21" s="278">
        <v>0</v>
      </c>
      <c r="BT21" s="280">
        <v>0</v>
      </c>
      <c r="BU21" s="281">
        <v>0</v>
      </c>
      <c r="BV21" s="281">
        <v>0</v>
      </c>
      <c r="BW21" s="281">
        <v>0</v>
      </c>
      <c r="BX21" s="281">
        <v>0</v>
      </c>
      <c r="BY21" s="281">
        <v>0</v>
      </c>
      <c r="BZ21" s="278">
        <v>0</v>
      </c>
      <c r="CA21" s="283">
        <v>0</v>
      </c>
      <c r="CB21" s="277">
        <v>0</v>
      </c>
      <c r="CC21" s="281">
        <v>0</v>
      </c>
      <c r="CD21" s="278">
        <v>0</v>
      </c>
      <c r="CE21" s="280">
        <v>0</v>
      </c>
      <c r="CF21" s="281">
        <v>0</v>
      </c>
      <c r="CG21" s="281">
        <v>0</v>
      </c>
      <c r="CH21" s="281">
        <v>0</v>
      </c>
      <c r="CI21" s="281">
        <v>0</v>
      </c>
      <c r="CJ21" s="281">
        <v>0</v>
      </c>
      <c r="CK21" s="278">
        <v>0</v>
      </c>
      <c r="CL21" s="283">
        <v>0</v>
      </c>
      <c r="CM21" s="277">
        <v>0</v>
      </c>
      <c r="CN21" s="281">
        <v>0</v>
      </c>
      <c r="CO21" s="278">
        <v>0</v>
      </c>
      <c r="CP21" s="280">
        <v>0</v>
      </c>
      <c r="CQ21" s="281">
        <v>0</v>
      </c>
      <c r="CR21" s="281">
        <v>0</v>
      </c>
      <c r="CS21" s="281">
        <v>0</v>
      </c>
      <c r="CT21" s="281">
        <v>1</v>
      </c>
      <c r="CU21" s="281">
        <v>0</v>
      </c>
      <c r="CV21" s="278">
        <v>1</v>
      </c>
      <c r="CW21" s="283">
        <v>1</v>
      </c>
    </row>
    <row r="22" spans="2:101" ht="19.8" customHeight="1" x14ac:dyDescent="0.2">
      <c r="B22" s="262" t="s">
        <v>20</v>
      </c>
      <c r="C22" s="277">
        <v>0</v>
      </c>
      <c r="D22" s="278">
        <v>0</v>
      </c>
      <c r="E22" s="279">
        <v>0</v>
      </c>
      <c r="F22" s="280">
        <v>0</v>
      </c>
      <c r="G22" s="281">
        <v>0</v>
      </c>
      <c r="H22" s="281">
        <v>0</v>
      </c>
      <c r="I22" s="281">
        <v>0</v>
      </c>
      <c r="J22" s="281">
        <v>0</v>
      </c>
      <c r="K22" s="281">
        <v>0</v>
      </c>
      <c r="L22" s="282">
        <v>0</v>
      </c>
      <c r="M22" s="283">
        <v>0</v>
      </c>
      <c r="N22" s="277">
        <v>0</v>
      </c>
      <c r="O22" s="281">
        <v>0</v>
      </c>
      <c r="P22" s="278">
        <v>0</v>
      </c>
      <c r="Q22" s="280">
        <v>0</v>
      </c>
      <c r="R22" s="281">
        <v>0</v>
      </c>
      <c r="S22" s="281">
        <v>0</v>
      </c>
      <c r="T22" s="281">
        <v>0</v>
      </c>
      <c r="U22" s="281">
        <v>0</v>
      </c>
      <c r="V22" s="281">
        <v>0</v>
      </c>
      <c r="W22" s="278">
        <v>0</v>
      </c>
      <c r="X22" s="283">
        <v>0</v>
      </c>
      <c r="Y22" s="277">
        <v>0</v>
      </c>
      <c r="Z22" s="281">
        <v>0</v>
      </c>
      <c r="AA22" s="278">
        <v>0</v>
      </c>
      <c r="AB22" s="280">
        <v>0</v>
      </c>
      <c r="AC22" s="281">
        <v>10</v>
      </c>
      <c r="AD22" s="281">
        <v>6</v>
      </c>
      <c r="AE22" s="281">
        <v>1</v>
      </c>
      <c r="AF22" s="281">
        <v>1</v>
      </c>
      <c r="AG22" s="281">
        <v>0</v>
      </c>
      <c r="AH22" s="278">
        <v>18</v>
      </c>
      <c r="AI22" s="283">
        <v>18</v>
      </c>
      <c r="AJ22" s="277">
        <v>0</v>
      </c>
      <c r="AK22" s="281">
        <v>0</v>
      </c>
      <c r="AL22" s="278">
        <v>0</v>
      </c>
      <c r="AM22" s="280">
        <v>0</v>
      </c>
      <c r="AN22" s="281">
        <v>1</v>
      </c>
      <c r="AO22" s="281">
        <v>1</v>
      </c>
      <c r="AP22" s="281">
        <v>0</v>
      </c>
      <c r="AQ22" s="281">
        <v>0</v>
      </c>
      <c r="AR22" s="281">
        <v>0</v>
      </c>
      <c r="AS22" s="278">
        <v>2</v>
      </c>
      <c r="AT22" s="283">
        <v>2</v>
      </c>
      <c r="AU22" s="277">
        <v>0</v>
      </c>
      <c r="AV22" s="281">
        <v>0</v>
      </c>
      <c r="AW22" s="278">
        <v>0</v>
      </c>
      <c r="AX22" s="280">
        <v>0</v>
      </c>
      <c r="AY22" s="281">
        <v>0</v>
      </c>
      <c r="AZ22" s="281">
        <v>0</v>
      </c>
      <c r="BA22" s="281">
        <v>1</v>
      </c>
      <c r="BB22" s="281">
        <v>0</v>
      </c>
      <c r="BC22" s="281">
        <v>0</v>
      </c>
      <c r="BD22" s="278">
        <v>1</v>
      </c>
      <c r="BE22" s="283">
        <v>1</v>
      </c>
      <c r="BF22" s="277">
        <v>0</v>
      </c>
      <c r="BG22" s="281">
        <v>0</v>
      </c>
      <c r="BH22" s="278">
        <v>0</v>
      </c>
      <c r="BI22" s="280">
        <v>0</v>
      </c>
      <c r="BJ22" s="281">
        <v>2</v>
      </c>
      <c r="BK22" s="281">
        <v>1</v>
      </c>
      <c r="BL22" s="281">
        <v>1</v>
      </c>
      <c r="BM22" s="281">
        <v>1</v>
      </c>
      <c r="BN22" s="281">
        <v>0</v>
      </c>
      <c r="BO22" s="282">
        <v>5</v>
      </c>
      <c r="BP22" s="283">
        <v>5</v>
      </c>
      <c r="BQ22" s="277">
        <v>0</v>
      </c>
      <c r="BR22" s="281">
        <v>0</v>
      </c>
      <c r="BS22" s="278">
        <v>0</v>
      </c>
      <c r="BT22" s="280">
        <v>0</v>
      </c>
      <c r="BU22" s="281">
        <v>0</v>
      </c>
      <c r="BV22" s="281">
        <v>0</v>
      </c>
      <c r="BW22" s="281">
        <v>0</v>
      </c>
      <c r="BX22" s="281">
        <v>0</v>
      </c>
      <c r="BY22" s="281">
        <v>0</v>
      </c>
      <c r="BZ22" s="278">
        <v>0</v>
      </c>
      <c r="CA22" s="283">
        <v>0</v>
      </c>
      <c r="CB22" s="277">
        <v>0</v>
      </c>
      <c r="CC22" s="281">
        <v>0</v>
      </c>
      <c r="CD22" s="278">
        <v>0</v>
      </c>
      <c r="CE22" s="280">
        <v>0</v>
      </c>
      <c r="CF22" s="281">
        <v>0</v>
      </c>
      <c r="CG22" s="281">
        <v>0</v>
      </c>
      <c r="CH22" s="281">
        <v>0</v>
      </c>
      <c r="CI22" s="281">
        <v>0</v>
      </c>
      <c r="CJ22" s="281">
        <v>0</v>
      </c>
      <c r="CK22" s="278">
        <v>0</v>
      </c>
      <c r="CL22" s="283">
        <v>0</v>
      </c>
      <c r="CM22" s="277">
        <v>0</v>
      </c>
      <c r="CN22" s="281">
        <v>0</v>
      </c>
      <c r="CO22" s="278">
        <v>0</v>
      </c>
      <c r="CP22" s="280">
        <v>0</v>
      </c>
      <c r="CQ22" s="281">
        <v>0</v>
      </c>
      <c r="CR22" s="281">
        <v>0</v>
      </c>
      <c r="CS22" s="281">
        <v>0</v>
      </c>
      <c r="CT22" s="281">
        <v>0</v>
      </c>
      <c r="CU22" s="281">
        <v>0</v>
      </c>
      <c r="CV22" s="278">
        <v>0</v>
      </c>
      <c r="CW22" s="283">
        <v>0</v>
      </c>
    </row>
    <row r="23" spans="2:101" ht="19.8" customHeight="1" x14ac:dyDescent="0.2">
      <c r="B23" s="262" t="s">
        <v>21</v>
      </c>
      <c r="C23" s="277">
        <v>0</v>
      </c>
      <c r="D23" s="278">
        <v>0</v>
      </c>
      <c r="E23" s="279">
        <v>0</v>
      </c>
      <c r="F23" s="280">
        <v>0</v>
      </c>
      <c r="G23" s="281">
        <v>0</v>
      </c>
      <c r="H23" s="281">
        <v>0</v>
      </c>
      <c r="I23" s="281">
        <v>0</v>
      </c>
      <c r="J23" s="281">
        <v>0</v>
      </c>
      <c r="K23" s="281">
        <v>0</v>
      </c>
      <c r="L23" s="282">
        <v>0</v>
      </c>
      <c r="M23" s="283">
        <v>0</v>
      </c>
      <c r="N23" s="277">
        <v>0</v>
      </c>
      <c r="O23" s="281">
        <v>0</v>
      </c>
      <c r="P23" s="278">
        <v>0</v>
      </c>
      <c r="Q23" s="280">
        <v>0</v>
      </c>
      <c r="R23" s="281">
        <v>0</v>
      </c>
      <c r="S23" s="281">
        <v>0</v>
      </c>
      <c r="T23" s="281">
        <v>0</v>
      </c>
      <c r="U23" s="281">
        <v>0</v>
      </c>
      <c r="V23" s="281">
        <v>0</v>
      </c>
      <c r="W23" s="278">
        <v>0</v>
      </c>
      <c r="X23" s="283">
        <v>0</v>
      </c>
      <c r="Y23" s="277">
        <v>0</v>
      </c>
      <c r="Z23" s="281">
        <v>0</v>
      </c>
      <c r="AA23" s="278">
        <v>0</v>
      </c>
      <c r="AB23" s="280">
        <v>0</v>
      </c>
      <c r="AC23" s="281">
        <v>14</v>
      </c>
      <c r="AD23" s="281">
        <v>4</v>
      </c>
      <c r="AE23" s="281">
        <v>1</v>
      </c>
      <c r="AF23" s="281">
        <v>1</v>
      </c>
      <c r="AG23" s="281">
        <v>0</v>
      </c>
      <c r="AH23" s="278">
        <v>20</v>
      </c>
      <c r="AI23" s="283">
        <v>20</v>
      </c>
      <c r="AJ23" s="277">
        <v>0</v>
      </c>
      <c r="AK23" s="281">
        <v>0</v>
      </c>
      <c r="AL23" s="278">
        <v>0</v>
      </c>
      <c r="AM23" s="280">
        <v>0</v>
      </c>
      <c r="AN23" s="281">
        <v>0</v>
      </c>
      <c r="AO23" s="281">
        <v>0</v>
      </c>
      <c r="AP23" s="281">
        <v>0</v>
      </c>
      <c r="AQ23" s="281">
        <v>0</v>
      </c>
      <c r="AR23" s="281">
        <v>0</v>
      </c>
      <c r="AS23" s="278">
        <v>0</v>
      </c>
      <c r="AT23" s="283">
        <v>0</v>
      </c>
      <c r="AU23" s="277">
        <v>0</v>
      </c>
      <c r="AV23" s="281">
        <v>0</v>
      </c>
      <c r="AW23" s="278">
        <v>0</v>
      </c>
      <c r="AX23" s="280">
        <v>0</v>
      </c>
      <c r="AY23" s="281">
        <v>1</v>
      </c>
      <c r="AZ23" s="281">
        <v>0</v>
      </c>
      <c r="BA23" s="281">
        <v>1</v>
      </c>
      <c r="BB23" s="281">
        <v>1</v>
      </c>
      <c r="BC23" s="281">
        <v>0</v>
      </c>
      <c r="BD23" s="278">
        <v>3</v>
      </c>
      <c r="BE23" s="283">
        <v>3</v>
      </c>
      <c r="BF23" s="277">
        <v>0</v>
      </c>
      <c r="BG23" s="281">
        <v>0</v>
      </c>
      <c r="BH23" s="278">
        <v>0</v>
      </c>
      <c r="BI23" s="280">
        <v>0</v>
      </c>
      <c r="BJ23" s="281">
        <v>1</v>
      </c>
      <c r="BK23" s="281">
        <v>1</v>
      </c>
      <c r="BL23" s="281">
        <v>0</v>
      </c>
      <c r="BM23" s="281">
        <v>1</v>
      </c>
      <c r="BN23" s="281">
        <v>0</v>
      </c>
      <c r="BO23" s="282">
        <v>3</v>
      </c>
      <c r="BP23" s="283">
        <v>3</v>
      </c>
      <c r="BQ23" s="277">
        <v>0</v>
      </c>
      <c r="BR23" s="281">
        <v>0</v>
      </c>
      <c r="BS23" s="278">
        <v>0</v>
      </c>
      <c r="BT23" s="280">
        <v>0</v>
      </c>
      <c r="BU23" s="281">
        <v>0</v>
      </c>
      <c r="BV23" s="281">
        <v>0</v>
      </c>
      <c r="BW23" s="281">
        <v>0</v>
      </c>
      <c r="BX23" s="281">
        <v>0</v>
      </c>
      <c r="BY23" s="281">
        <v>0</v>
      </c>
      <c r="BZ23" s="278">
        <v>0</v>
      </c>
      <c r="CA23" s="283">
        <v>0</v>
      </c>
      <c r="CB23" s="277">
        <v>0</v>
      </c>
      <c r="CC23" s="281">
        <v>0</v>
      </c>
      <c r="CD23" s="278">
        <v>0</v>
      </c>
      <c r="CE23" s="280">
        <v>0</v>
      </c>
      <c r="CF23" s="281">
        <v>0</v>
      </c>
      <c r="CG23" s="281">
        <v>0</v>
      </c>
      <c r="CH23" s="281">
        <v>0</v>
      </c>
      <c r="CI23" s="281">
        <v>0</v>
      </c>
      <c r="CJ23" s="281">
        <v>0</v>
      </c>
      <c r="CK23" s="278">
        <v>0</v>
      </c>
      <c r="CL23" s="283">
        <v>0</v>
      </c>
      <c r="CM23" s="277">
        <v>0</v>
      </c>
      <c r="CN23" s="281">
        <v>0</v>
      </c>
      <c r="CO23" s="278">
        <v>0</v>
      </c>
      <c r="CP23" s="280">
        <v>0</v>
      </c>
      <c r="CQ23" s="281">
        <v>0</v>
      </c>
      <c r="CR23" s="281">
        <v>0</v>
      </c>
      <c r="CS23" s="281">
        <v>0</v>
      </c>
      <c r="CT23" s="281">
        <v>0</v>
      </c>
      <c r="CU23" s="281">
        <v>0</v>
      </c>
      <c r="CV23" s="278">
        <v>0</v>
      </c>
      <c r="CW23" s="283">
        <v>0</v>
      </c>
    </row>
    <row r="24" spans="2:101" ht="19.8" customHeight="1" x14ac:dyDescent="0.2">
      <c r="B24" s="262" t="s">
        <v>22</v>
      </c>
      <c r="C24" s="277">
        <v>0</v>
      </c>
      <c r="D24" s="278">
        <v>0</v>
      </c>
      <c r="E24" s="279">
        <v>0</v>
      </c>
      <c r="F24" s="280">
        <v>0</v>
      </c>
      <c r="G24" s="281">
        <v>3</v>
      </c>
      <c r="H24" s="281">
        <v>1</v>
      </c>
      <c r="I24" s="281">
        <v>0</v>
      </c>
      <c r="J24" s="281">
        <v>0</v>
      </c>
      <c r="K24" s="281">
        <v>0</v>
      </c>
      <c r="L24" s="282">
        <v>4</v>
      </c>
      <c r="M24" s="283">
        <v>4</v>
      </c>
      <c r="N24" s="277">
        <v>0</v>
      </c>
      <c r="O24" s="281">
        <v>0</v>
      </c>
      <c r="P24" s="278">
        <v>0</v>
      </c>
      <c r="Q24" s="280">
        <v>0</v>
      </c>
      <c r="R24" s="281">
        <v>0</v>
      </c>
      <c r="S24" s="281">
        <v>0</v>
      </c>
      <c r="T24" s="281">
        <v>0</v>
      </c>
      <c r="U24" s="281">
        <v>0</v>
      </c>
      <c r="V24" s="281">
        <v>0</v>
      </c>
      <c r="W24" s="278">
        <v>0</v>
      </c>
      <c r="X24" s="283">
        <v>0</v>
      </c>
      <c r="Y24" s="277">
        <v>0</v>
      </c>
      <c r="Z24" s="281">
        <v>0</v>
      </c>
      <c r="AA24" s="278">
        <v>0</v>
      </c>
      <c r="AB24" s="280">
        <v>0</v>
      </c>
      <c r="AC24" s="281">
        <v>11</v>
      </c>
      <c r="AD24" s="281">
        <v>3</v>
      </c>
      <c r="AE24" s="281">
        <v>0</v>
      </c>
      <c r="AF24" s="281">
        <v>0</v>
      </c>
      <c r="AG24" s="281">
        <v>0</v>
      </c>
      <c r="AH24" s="278">
        <v>14</v>
      </c>
      <c r="AI24" s="283">
        <v>14</v>
      </c>
      <c r="AJ24" s="277">
        <v>0</v>
      </c>
      <c r="AK24" s="281">
        <v>0</v>
      </c>
      <c r="AL24" s="278">
        <v>0</v>
      </c>
      <c r="AM24" s="280">
        <v>0</v>
      </c>
      <c r="AN24" s="281">
        <v>0</v>
      </c>
      <c r="AO24" s="281">
        <v>0</v>
      </c>
      <c r="AP24" s="281">
        <v>1</v>
      </c>
      <c r="AQ24" s="281">
        <v>0</v>
      </c>
      <c r="AR24" s="281">
        <v>0</v>
      </c>
      <c r="AS24" s="278">
        <v>1</v>
      </c>
      <c r="AT24" s="283">
        <v>1</v>
      </c>
      <c r="AU24" s="277">
        <v>1</v>
      </c>
      <c r="AV24" s="281">
        <v>0</v>
      </c>
      <c r="AW24" s="278">
        <v>1</v>
      </c>
      <c r="AX24" s="280">
        <v>0</v>
      </c>
      <c r="AY24" s="281">
        <v>0</v>
      </c>
      <c r="AZ24" s="281">
        <v>1</v>
      </c>
      <c r="BA24" s="281">
        <v>0</v>
      </c>
      <c r="BB24" s="281">
        <v>0</v>
      </c>
      <c r="BC24" s="281">
        <v>0</v>
      </c>
      <c r="BD24" s="278">
        <v>1</v>
      </c>
      <c r="BE24" s="283">
        <v>2</v>
      </c>
      <c r="BF24" s="277">
        <v>0</v>
      </c>
      <c r="BG24" s="281">
        <v>0</v>
      </c>
      <c r="BH24" s="278">
        <v>0</v>
      </c>
      <c r="BI24" s="280">
        <v>0</v>
      </c>
      <c r="BJ24" s="281">
        <v>0</v>
      </c>
      <c r="BK24" s="281">
        <v>0</v>
      </c>
      <c r="BL24" s="281">
        <v>1</v>
      </c>
      <c r="BM24" s="281">
        <v>1</v>
      </c>
      <c r="BN24" s="281">
        <v>0</v>
      </c>
      <c r="BO24" s="282">
        <v>2</v>
      </c>
      <c r="BP24" s="283">
        <v>2</v>
      </c>
      <c r="BQ24" s="277">
        <v>0</v>
      </c>
      <c r="BR24" s="281">
        <v>0</v>
      </c>
      <c r="BS24" s="278">
        <v>0</v>
      </c>
      <c r="BT24" s="280">
        <v>0</v>
      </c>
      <c r="BU24" s="281">
        <v>0</v>
      </c>
      <c r="BV24" s="281">
        <v>0</v>
      </c>
      <c r="BW24" s="281">
        <v>0</v>
      </c>
      <c r="BX24" s="281">
        <v>0</v>
      </c>
      <c r="BY24" s="281">
        <v>0</v>
      </c>
      <c r="BZ24" s="278">
        <v>0</v>
      </c>
      <c r="CA24" s="283">
        <v>0</v>
      </c>
      <c r="CB24" s="277">
        <v>0</v>
      </c>
      <c r="CC24" s="281">
        <v>0</v>
      </c>
      <c r="CD24" s="278">
        <v>0</v>
      </c>
      <c r="CE24" s="280">
        <v>0</v>
      </c>
      <c r="CF24" s="281">
        <v>0</v>
      </c>
      <c r="CG24" s="281">
        <v>0</v>
      </c>
      <c r="CH24" s="281">
        <v>0</v>
      </c>
      <c r="CI24" s="281">
        <v>2</v>
      </c>
      <c r="CJ24" s="281">
        <v>0</v>
      </c>
      <c r="CK24" s="278">
        <v>2</v>
      </c>
      <c r="CL24" s="283">
        <v>2</v>
      </c>
      <c r="CM24" s="277">
        <v>0</v>
      </c>
      <c r="CN24" s="281">
        <v>0</v>
      </c>
      <c r="CO24" s="278">
        <v>0</v>
      </c>
      <c r="CP24" s="280">
        <v>0</v>
      </c>
      <c r="CQ24" s="281">
        <v>0</v>
      </c>
      <c r="CR24" s="281">
        <v>0</v>
      </c>
      <c r="CS24" s="281">
        <v>0</v>
      </c>
      <c r="CT24" s="281">
        <v>0</v>
      </c>
      <c r="CU24" s="281">
        <v>0</v>
      </c>
      <c r="CV24" s="278">
        <v>0</v>
      </c>
      <c r="CW24" s="283">
        <v>0</v>
      </c>
    </row>
    <row r="25" spans="2:101" ht="19.8" customHeight="1" x14ac:dyDescent="0.2">
      <c r="B25" s="262" t="s">
        <v>23</v>
      </c>
      <c r="C25" s="277">
        <v>0</v>
      </c>
      <c r="D25" s="278">
        <v>0</v>
      </c>
      <c r="E25" s="279">
        <v>0</v>
      </c>
      <c r="F25" s="280">
        <v>0</v>
      </c>
      <c r="G25" s="281">
        <v>0</v>
      </c>
      <c r="H25" s="281">
        <v>0</v>
      </c>
      <c r="I25" s="281">
        <v>0</v>
      </c>
      <c r="J25" s="281">
        <v>0</v>
      </c>
      <c r="K25" s="281">
        <v>0</v>
      </c>
      <c r="L25" s="282">
        <v>0</v>
      </c>
      <c r="M25" s="283">
        <v>0</v>
      </c>
      <c r="N25" s="277">
        <v>0</v>
      </c>
      <c r="O25" s="281">
        <v>0</v>
      </c>
      <c r="P25" s="278">
        <v>0</v>
      </c>
      <c r="Q25" s="280">
        <v>0</v>
      </c>
      <c r="R25" s="281">
        <v>0</v>
      </c>
      <c r="S25" s="281">
        <v>0</v>
      </c>
      <c r="T25" s="281">
        <v>0</v>
      </c>
      <c r="U25" s="281">
        <v>0</v>
      </c>
      <c r="V25" s="281">
        <v>0</v>
      </c>
      <c r="W25" s="278">
        <v>0</v>
      </c>
      <c r="X25" s="283">
        <v>0</v>
      </c>
      <c r="Y25" s="277">
        <v>0</v>
      </c>
      <c r="Z25" s="281">
        <v>0</v>
      </c>
      <c r="AA25" s="278">
        <v>0</v>
      </c>
      <c r="AB25" s="280">
        <v>0</v>
      </c>
      <c r="AC25" s="281">
        <v>2</v>
      </c>
      <c r="AD25" s="281">
        <v>2</v>
      </c>
      <c r="AE25" s="281">
        <v>0</v>
      </c>
      <c r="AF25" s="281">
        <v>0</v>
      </c>
      <c r="AG25" s="281">
        <v>1</v>
      </c>
      <c r="AH25" s="278">
        <v>5</v>
      </c>
      <c r="AI25" s="283">
        <v>5</v>
      </c>
      <c r="AJ25" s="277">
        <v>0</v>
      </c>
      <c r="AK25" s="281">
        <v>0</v>
      </c>
      <c r="AL25" s="278">
        <v>0</v>
      </c>
      <c r="AM25" s="280">
        <v>0</v>
      </c>
      <c r="AN25" s="281">
        <v>0</v>
      </c>
      <c r="AO25" s="281">
        <v>0</v>
      </c>
      <c r="AP25" s="281">
        <v>0</v>
      </c>
      <c r="AQ25" s="281">
        <v>0</v>
      </c>
      <c r="AR25" s="281">
        <v>0</v>
      </c>
      <c r="AS25" s="278">
        <v>0</v>
      </c>
      <c r="AT25" s="283">
        <v>0</v>
      </c>
      <c r="AU25" s="277">
        <v>0</v>
      </c>
      <c r="AV25" s="281">
        <v>0</v>
      </c>
      <c r="AW25" s="278">
        <v>0</v>
      </c>
      <c r="AX25" s="280">
        <v>0</v>
      </c>
      <c r="AY25" s="281">
        <v>0</v>
      </c>
      <c r="AZ25" s="281">
        <v>0</v>
      </c>
      <c r="BA25" s="281">
        <v>0</v>
      </c>
      <c r="BB25" s="281">
        <v>0</v>
      </c>
      <c r="BC25" s="281">
        <v>0</v>
      </c>
      <c r="BD25" s="278">
        <v>0</v>
      </c>
      <c r="BE25" s="283">
        <v>0</v>
      </c>
      <c r="BF25" s="277">
        <v>0</v>
      </c>
      <c r="BG25" s="281">
        <v>0</v>
      </c>
      <c r="BH25" s="278">
        <v>0</v>
      </c>
      <c r="BI25" s="280">
        <v>0</v>
      </c>
      <c r="BJ25" s="281">
        <v>0</v>
      </c>
      <c r="BK25" s="281">
        <v>0</v>
      </c>
      <c r="BL25" s="281">
        <v>1</v>
      </c>
      <c r="BM25" s="281">
        <v>0</v>
      </c>
      <c r="BN25" s="281">
        <v>0</v>
      </c>
      <c r="BO25" s="282">
        <v>1</v>
      </c>
      <c r="BP25" s="283">
        <v>1</v>
      </c>
      <c r="BQ25" s="277">
        <v>0</v>
      </c>
      <c r="BR25" s="281">
        <v>0</v>
      </c>
      <c r="BS25" s="278">
        <v>0</v>
      </c>
      <c r="BT25" s="280">
        <v>0</v>
      </c>
      <c r="BU25" s="281">
        <v>0</v>
      </c>
      <c r="BV25" s="281">
        <v>0</v>
      </c>
      <c r="BW25" s="281">
        <v>0</v>
      </c>
      <c r="BX25" s="281">
        <v>0</v>
      </c>
      <c r="BY25" s="281">
        <v>0</v>
      </c>
      <c r="BZ25" s="278">
        <v>0</v>
      </c>
      <c r="CA25" s="283">
        <v>0</v>
      </c>
      <c r="CB25" s="277">
        <v>0</v>
      </c>
      <c r="CC25" s="281">
        <v>0</v>
      </c>
      <c r="CD25" s="278">
        <v>0</v>
      </c>
      <c r="CE25" s="280">
        <v>0</v>
      </c>
      <c r="CF25" s="281">
        <v>0</v>
      </c>
      <c r="CG25" s="281">
        <v>0</v>
      </c>
      <c r="CH25" s="281">
        <v>0</v>
      </c>
      <c r="CI25" s="281">
        <v>0</v>
      </c>
      <c r="CJ25" s="281">
        <v>0</v>
      </c>
      <c r="CK25" s="278">
        <v>0</v>
      </c>
      <c r="CL25" s="283">
        <v>0</v>
      </c>
      <c r="CM25" s="277">
        <v>0</v>
      </c>
      <c r="CN25" s="281">
        <v>0</v>
      </c>
      <c r="CO25" s="278">
        <v>0</v>
      </c>
      <c r="CP25" s="280">
        <v>0</v>
      </c>
      <c r="CQ25" s="281">
        <v>0</v>
      </c>
      <c r="CR25" s="281">
        <v>0</v>
      </c>
      <c r="CS25" s="281">
        <v>0</v>
      </c>
      <c r="CT25" s="281">
        <v>0</v>
      </c>
      <c r="CU25" s="281">
        <v>0</v>
      </c>
      <c r="CV25" s="278">
        <v>0</v>
      </c>
      <c r="CW25" s="283">
        <v>0</v>
      </c>
    </row>
    <row r="26" spans="2:101" ht="19.8" customHeight="1" x14ac:dyDescent="0.2">
      <c r="B26" s="262" t="s">
        <v>24</v>
      </c>
      <c r="C26" s="277">
        <v>0</v>
      </c>
      <c r="D26" s="278">
        <v>0</v>
      </c>
      <c r="E26" s="279">
        <v>0</v>
      </c>
      <c r="F26" s="280">
        <v>0</v>
      </c>
      <c r="G26" s="281">
        <v>0</v>
      </c>
      <c r="H26" s="281">
        <v>0</v>
      </c>
      <c r="I26" s="281">
        <v>0</v>
      </c>
      <c r="J26" s="281">
        <v>1</v>
      </c>
      <c r="K26" s="281">
        <v>0</v>
      </c>
      <c r="L26" s="282">
        <v>1</v>
      </c>
      <c r="M26" s="283">
        <v>1</v>
      </c>
      <c r="N26" s="277">
        <v>0</v>
      </c>
      <c r="O26" s="281">
        <v>0</v>
      </c>
      <c r="P26" s="278">
        <v>0</v>
      </c>
      <c r="Q26" s="280">
        <v>0</v>
      </c>
      <c r="R26" s="281">
        <v>0</v>
      </c>
      <c r="S26" s="281">
        <v>0</v>
      </c>
      <c r="T26" s="281">
        <v>0</v>
      </c>
      <c r="U26" s="281">
        <v>0</v>
      </c>
      <c r="V26" s="281">
        <v>0</v>
      </c>
      <c r="W26" s="278">
        <v>0</v>
      </c>
      <c r="X26" s="283">
        <v>0</v>
      </c>
      <c r="Y26" s="277">
        <v>0</v>
      </c>
      <c r="Z26" s="281">
        <v>0</v>
      </c>
      <c r="AA26" s="278">
        <v>0</v>
      </c>
      <c r="AB26" s="280">
        <v>0</v>
      </c>
      <c r="AC26" s="281">
        <v>0</v>
      </c>
      <c r="AD26" s="281">
        <v>0</v>
      </c>
      <c r="AE26" s="281">
        <v>2</v>
      </c>
      <c r="AF26" s="281">
        <v>0</v>
      </c>
      <c r="AG26" s="281">
        <v>0</v>
      </c>
      <c r="AH26" s="278">
        <v>2</v>
      </c>
      <c r="AI26" s="283">
        <v>2</v>
      </c>
      <c r="AJ26" s="277">
        <v>0</v>
      </c>
      <c r="AK26" s="281">
        <v>0</v>
      </c>
      <c r="AL26" s="278">
        <v>0</v>
      </c>
      <c r="AM26" s="280">
        <v>0</v>
      </c>
      <c r="AN26" s="281">
        <v>0</v>
      </c>
      <c r="AO26" s="281">
        <v>2</v>
      </c>
      <c r="AP26" s="281">
        <v>0</v>
      </c>
      <c r="AQ26" s="281">
        <v>0</v>
      </c>
      <c r="AR26" s="281">
        <v>1</v>
      </c>
      <c r="AS26" s="278">
        <v>3</v>
      </c>
      <c r="AT26" s="283">
        <v>3</v>
      </c>
      <c r="AU26" s="277">
        <v>0</v>
      </c>
      <c r="AV26" s="281">
        <v>1</v>
      </c>
      <c r="AW26" s="278">
        <v>1</v>
      </c>
      <c r="AX26" s="280">
        <v>0</v>
      </c>
      <c r="AY26" s="281">
        <v>4</v>
      </c>
      <c r="AZ26" s="281">
        <v>0</v>
      </c>
      <c r="BA26" s="281">
        <v>0</v>
      </c>
      <c r="BB26" s="281">
        <v>0</v>
      </c>
      <c r="BC26" s="281">
        <v>1</v>
      </c>
      <c r="BD26" s="278">
        <v>5</v>
      </c>
      <c r="BE26" s="283">
        <v>6</v>
      </c>
      <c r="BF26" s="277">
        <v>0</v>
      </c>
      <c r="BG26" s="281">
        <v>0</v>
      </c>
      <c r="BH26" s="278">
        <v>0</v>
      </c>
      <c r="BI26" s="280">
        <v>0</v>
      </c>
      <c r="BJ26" s="281">
        <v>0</v>
      </c>
      <c r="BK26" s="281">
        <v>0</v>
      </c>
      <c r="BL26" s="281">
        <v>1</v>
      </c>
      <c r="BM26" s="281">
        <v>1</v>
      </c>
      <c r="BN26" s="281">
        <v>1</v>
      </c>
      <c r="BO26" s="282">
        <v>3</v>
      </c>
      <c r="BP26" s="283">
        <v>3</v>
      </c>
      <c r="BQ26" s="277">
        <v>0</v>
      </c>
      <c r="BR26" s="281">
        <v>0</v>
      </c>
      <c r="BS26" s="278">
        <v>0</v>
      </c>
      <c r="BT26" s="280">
        <v>0</v>
      </c>
      <c r="BU26" s="281">
        <v>0</v>
      </c>
      <c r="BV26" s="281">
        <v>0</v>
      </c>
      <c r="BW26" s="281">
        <v>0</v>
      </c>
      <c r="BX26" s="281">
        <v>0</v>
      </c>
      <c r="BY26" s="281">
        <v>0</v>
      </c>
      <c r="BZ26" s="278">
        <v>0</v>
      </c>
      <c r="CA26" s="283">
        <v>0</v>
      </c>
      <c r="CB26" s="277">
        <v>0</v>
      </c>
      <c r="CC26" s="281">
        <v>0</v>
      </c>
      <c r="CD26" s="278">
        <v>0</v>
      </c>
      <c r="CE26" s="280">
        <v>0</v>
      </c>
      <c r="CF26" s="281">
        <v>0</v>
      </c>
      <c r="CG26" s="281">
        <v>0</v>
      </c>
      <c r="CH26" s="281">
        <v>0</v>
      </c>
      <c r="CI26" s="281">
        <v>0</v>
      </c>
      <c r="CJ26" s="281">
        <v>0</v>
      </c>
      <c r="CK26" s="278">
        <v>0</v>
      </c>
      <c r="CL26" s="283">
        <v>0</v>
      </c>
      <c r="CM26" s="277">
        <v>0</v>
      </c>
      <c r="CN26" s="281">
        <v>0</v>
      </c>
      <c r="CO26" s="278">
        <v>0</v>
      </c>
      <c r="CP26" s="280">
        <v>0</v>
      </c>
      <c r="CQ26" s="281">
        <v>0</v>
      </c>
      <c r="CR26" s="281">
        <v>0</v>
      </c>
      <c r="CS26" s="281">
        <v>0</v>
      </c>
      <c r="CT26" s="281">
        <v>0</v>
      </c>
      <c r="CU26" s="281">
        <v>0</v>
      </c>
      <c r="CV26" s="278">
        <v>0</v>
      </c>
      <c r="CW26" s="283">
        <v>0</v>
      </c>
    </row>
    <row r="27" spans="2:101" ht="19.8" customHeight="1" x14ac:dyDescent="0.2">
      <c r="B27" s="262" t="s">
        <v>25</v>
      </c>
      <c r="C27" s="277">
        <v>0</v>
      </c>
      <c r="D27" s="278">
        <v>0</v>
      </c>
      <c r="E27" s="279">
        <v>0</v>
      </c>
      <c r="F27" s="280">
        <v>0</v>
      </c>
      <c r="G27" s="281">
        <v>0</v>
      </c>
      <c r="H27" s="281">
        <v>0</v>
      </c>
      <c r="I27" s="281">
        <v>0</v>
      </c>
      <c r="J27" s="281">
        <v>0</v>
      </c>
      <c r="K27" s="281">
        <v>0</v>
      </c>
      <c r="L27" s="282">
        <v>0</v>
      </c>
      <c r="M27" s="283">
        <v>0</v>
      </c>
      <c r="N27" s="277">
        <v>0</v>
      </c>
      <c r="O27" s="281">
        <v>0</v>
      </c>
      <c r="P27" s="278">
        <v>0</v>
      </c>
      <c r="Q27" s="280">
        <v>0</v>
      </c>
      <c r="R27" s="281">
        <v>0</v>
      </c>
      <c r="S27" s="281">
        <v>0</v>
      </c>
      <c r="T27" s="281">
        <v>0</v>
      </c>
      <c r="U27" s="281">
        <v>0</v>
      </c>
      <c r="V27" s="281">
        <v>0</v>
      </c>
      <c r="W27" s="278">
        <v>0</v>
      </c>
      <c r="X27" s="283">
        <v>0</v>
      </c>
      <c r="Y27" s="277">
        <v>0</v>
      </c>
      <c r="Z27" s="281">
        <v>0</v>
      </c>
      <c r="AA27" s="278">
        <v>0</v>
      </c>
      <c r="AB27" s="280">
        <v>0</v>
      </c>
      <c r="AC27" s="281">
        <v>4</v>
      </c>
      <c r="AD27" s="281">
        <v>0</v>
      </c>
      <c r="AE27" s="281">
        <v>0</v>
      </c>
      <c r="AF27" s="281">
        <v>0</v>
      </c>
      <c r="AG27" s="281">
        <v>0</v>
      </c>
      <c r="AH27" s="278">
        <v>4</v>
      </c>
      <c r="AI27" s="283">
        <v>4</v>
      </c>
      <c r="AJ27" s="277">
        <v>0</v>
      </c>
      <c r="AK27" s="281">
        <v>0</v>
      </c>
      <c r="AL27" s="278">
        <v>0</v>
      </c>
      <c r="AM27" s="280">
        <v>0</v>
      </c>
      <c r="AN27" s="281">
        <v>0</v>
      </c>
      <c r="AO27" s="281">
        <v>0</v>
      </c>
      <c r="AP27" s="281">
        <v>0</v>
      </c>
      <c r="AQ27" s="281">
        <v>0</v>
      </c>
      <c r="AR27" s="281">
        <v>0</v>
      </c>
      <c r="AS27" s="278">
        <v>0</v>
      </c>
      <c r="AT27" s="283">
        <v>0</v>
      </c>
      <c r="AU27" s="277">
        <v>0</v>
      </c>
      <c r="AV27" s="281">
        <v>0</v>
      </c>
      <c r="AW27" s="278">
        <v>0</v>
      </c>
      <c r="AX27" s="280">
        <v>0</v>
      </c>
      <c r="AY27" s="281">
        <v>0</v>
      </c>
      <c r="AZ27" s="281">
        <v>0</v>
      </c>
      <c r="BA27" s="281">
        <v>0</v>
      </c>
      <c r="BB27" s="281">
        <v>0</v>
      </c>
      <c r="BC27" s="281">
        <v>0</v>
      </c>
      <c r="BD27" s="278">
        <v>0</v>
      </c>
      <c r="BE27" s="283">
        <v>0</v>
      </c>
      <c r="BF27" s="277">
        <v>0</v>
      </c>
      <c r="BG27" s="281">
        <v>0</v>
      </c>
      <c r="BH27" s="278">
        <v>0</v>
      </c>
      <c r="BI27" s="280">
        <v>0</v>
      </c>
      <c r="BJ27" s="281">
        <v>2</v>
      </c>
      <c r="BK27" s="281">
        <v>0</v>
      </c>
      <c r="BL27" s="281">
        <v>1</v>
      </c>
      <c r="BM27" s="281">
        <v>0</v>
      </c>
      <c r="BN27" s="281">
        <v>0</v>
      </c>
      <c r="BO27" s="282">
        <v>3</v>
      </c>
      <c r="BP27" s="283">
        <v>3</v>
      </c>
      <c r="BQ27" s="277">
        <v>0</v>
      </c>
      <c r="BR27" s="281">
        <v>0</v>
      </c>
      <c r="BS27" s="278">
        <v>0</v>
      </c>
      <c r="BT27" s="280">
        <v>0</v>
      </c>
      <c r="BU27" s="281">
        <v>0</v>
      </c>
      <c r="BV27" s="281">
        <v>0</v>
      </c>
      <c r="BW27" s="281">
        <v>0</v>
      </c>
      <c r="BX27" s="281">
        <v>0</v>
      </c>
      <c r="BY27" s="281">
        <v>0</v>
      </c>
      <c r="BZ27" s="278">
        <v>0</v>
      </c>
      <c r="CA27" s="283">
        <v>0</v>
      </c>
      <c r="CB27" s="277">
        <v>0</v>
      </c>
      <c r="CC27" s="281">
        <v>0</v>
      </c>
      <c r="CD27" s="278">
        <v>0</v>
      </c>
      <c r="CE27" s="280">
        <v>0</v>
      </c>
      <c r="CF27" s="281">
        <v>0</v>
      </c>
      <c r="CG27" s="281">
        <v>0</v>
      </c>
      <c r="CH27" s="281">
        <v>0</v>
      </c>
      <c r="CI27" s="281">
        <v>0</v>
      </c>
      <c r="CJ27" s="281">
        <v>0</v>
      </c>
      <c r="CK27" s="278">
        <v>0</v>
      </c>
      <c r="CL27" s="283">
        <v>0</v>
      </c>
      <c r="CM27" s="277">
        <v>0</v>
      </c>
      <c r="CN27" s="281">
        <v>0</v>
      </c>
      <c r="CO27" s="278">
        <v>0</v>
      </c>
      <c r="CP27" s="280">
        <v>0</v>
      </c>
      <c r="CQ27" s="281">
        <v>0</v>
      </c>
      <c r="CR27" s="281">
        <v>0</v>
      </c>
      <c r="CS27" s="281">
        <v>0</v>
      </c>
      <c r="CT27" s="281">
        <v>0</v>
      </c>
      <c r="CU27" s="281">
        <v>0</v>
      </c>
      <c r="CV27" s="278">
        <v>0</v>
      </c>
      <c r="CW27" s="283">
        <v>0</v>
      </c>
    </row>
    <row r="28" spans="2:101" ht="19.8" customHeight="1" x14ac:dyDescent="0.2">
      <c r="B28" s="262" t="s">
        <v>26</v>
      </c>
      <c r="C28" s="277">
        <v>0</v>
      </c>
      <c r="D28" s="278">
        <v>0</v>
      </c>
      <c r="E28" s="279">
        <v>0</v>
      </c>
      <c r="F28" s="280">
        <v>0</v>
      </c>
      <c r="G28" s="281">
        <v>0</v>
      </c>
      <c r="H28" s="281">
        <v>0</v>
      </c>
      <c r="I28" s="281">
        <v>0</v>
      </c>
      <c r="J28" s="281">
        <v>0</v>
      </c>
      <c r="K28" s="281">
        <v>0</v>
      </c>
      <c r="L28" s="282">
        <v>0</v>
      </c>
      <c r="M28" s="283">
        <v>0</v>
      </c>
      <c r="N28" s="277">
        <v>0</v>
      </c>
      <c r="O28" s="281">
        <v>0</v>
      </c>
      <c r="P28" s="278">
        <v>0</v>
      </c>
      <c r="Q28" s="280">
        <v>0</v>
      </c>
      <c r="R28" s="281">
        <v>0</v>
      </c>
      <c r="S28" s="281">
        <v>0</v>
      </c>
      <c r="T28" s="281">
        <v>0</v>
      </c>
      <c r="U28" s="281">
        <v>0</v>
      </c>
      <c r="V28" s="281">
        <v>0</v>
      </c>
      <c r="W28" s="278">
        <v>0</v>
      </c>
      <c r="X28" s="283">
        <v>0</v>
      </c>
      <c r="Y28" s="277">
        <v>0</v>
      </c>
      <c r="Z28" s="281">
        <v>0</v>
      </c>
      <c r="AA28" s="278">
        <v>0</v>
      </c>
      <c r="AB28" s="280">
        <v>0</v>
      </c>
      <c r="AC28" s="281">
        <v>3</v>
      </c>
      <c r="AD28" s="281">
        <v>1</v>
      </c>
      <c r="AE28" s="281">
        <v>2</v>
      </c>
      <c r="AF28" s="281">
        <v>0</v>
      </c>
      <c r="AG28" s="281">
        <v>1</v>
      </c>
      <c r="AH28" s="278">
        <v>7</v>
      </c>
      <c r="AI28" s="283">
        <v>7</v>
      </c>
      <c r="AJ28" s="277">
        <v>0</v>
      </c>
      <c r="AK28" s="281">
        <v>0</v>
      </c>
      <c r="AL28" s="278">
        <v>0</v>
      </c>
      <c r="AM28" s="280">
        <v>0</v>
      </c>
      <c r="AN28" s="281">
        <v>0</v>
      </c>
      <c r="AO28" s="281">
        <v>0</v>
      </c>
      <c r="AP28" s="281">
        <v>0</v>
      </c>
      <c r="AQ28" s="281">
        <v>0</v>
      </c>
      <c r="AR28" s="281">
        <v>1</v>
      </c>
      <c r="AS28" s="278">
        <v>1</v>
      </c>
      <c r="AT28" s="283">
        <v>1</v>
      </c>
      <c r="AU28" s="277">
        <v>0</v>
      </c>
      <c r="AV28" s="281">
        <v>0</v>
      </c>
      <c r="AW28" s="278">
        <v>0</v>
      </c>
      <c r="AX28" s="280">
        <v>0</v>
      </c>
      <c r="AY28" s="281">
        <v>1</v>
      </c>
      <c r="AZ28" s="281">
        <v>0</v>
      </c>
      <c r="BA28" s="281">
        <v>0</v>
      </c>
      <c r="BB28" s="281">
        <v>0</v>
      </c>
      <c r="BC28" s="281">
        <v>0</v>
      </c>
      <c r="BD28" s="278">
        <v>1</v>
      </c>
      <c r="BE28" s="283">
        <v>1</v>
      </c>
      <c r="BF28" s="277">
        <v>0</v>
      </c>
      <c r="BG28" s="281">
        <v>0</v>
      </c>
      <c r="BH28" s="278">
        <v>0</v>
      </c>
      <c r="BI28" s="280">
        <v>0</v>
      </c>
      <c r="BJ28" s="281">
        <v>0</v>
      </c>
      <c r="BK28" s="281">
        <v>0</v>
      </c>
      <c r="BL28" s="281">
        <v>1</v>
      </c>
      <c r="BM28" s="281">
        <v>1</v>
      </c>
      <c r="BN28" s="281">
        <v>2</v>
      </c>
      <c r="BO28" s="282">
        <v>4</v>
      </c>
      <c r="BP28" s="283">
        <v>4</v>
      </c>
      <c r="BQ28" s="277">
        <v>0</v>
      </c>
      <c r="BR28" s="281">
        <v>0</v>
      </c>
      <c r="BS28" s="278">
        <v>0</v>
      </c>
      <c r="BT28" s="280">
        <v>0</v>
      </c>
      <c r="BU28" s="281">
        <v>0</v>
      </c>
      <c r="BV28" s="281">
        <v>0</v>
      </c>
      <c r="BW28" s="281">
        <v>0</v>
      </c>
      <c r="BX28" s="281">
        <v>0</v>
      </c>
      <c r="BY28" s="281">
        <v>0</v>
      </c>
      <c r="BZ28" s="278">
        <v>0</v>
      </c>
      <c r="CA28" s="283">
        <v>0</v>
      </c>
      <c r="CB28" s="277">
        <v>0</v>
      </c>
      <c r="CC28" s="281">
        <v>0</v>
      </c>
      <c r="CD28" s="278">
        <v>0</v>
      </c>
      <c r="CE28" s="280">
        <v>0</v>
      </c>
      <c r="CF28" s="281">
        <v>0</v>
      </c>
      <c r="CG28" s="281">
        <v>0</v>
      </c>
      <c r="CH28" s="281">
        <v>0</v>
      </c>
      <c r="CI28" s="281">
        <v>0</v>
      </c>
      <c r="CJ28" s="281">
        <v>0</v>
      </c>
      <c r="CK28" s="278">
        <v>0</v>
      </c>
      <c r="CL28" s="283">
        <v>0</v>
      </c>
      <c r="CM28" s="277">
        <v>0</v>
      </c>
      <c r="CN28" s="281">
        <v>0</v>
      </c>
      <c r="CO28" s="278">
        <v>0</v>
      </c>
      <c r="CP28" s="280">
        <v>0</v>
      </c>
      <c r="CQ28" s="281">
        <v>0</v>
      </c>
      <c r="CR28" s="281">
        <v>0</v>
      </c>
      <c r="CS28" s="281">
        <v>0</v>
      </c>
      <c r="CT28" s="281">
        <v>0</v>
      </c>
      <c r="CU28" s="281">
        <v>0</v>
      </c>
      <c r="CV28" s="278">
        <v>0</v>
      </c>
      <c r="CW28" s="283">
        <v>0</v>
      </c>
    </row>
    <row r="29" spans="2:101" ht="19.8" customHeight="1" x14ac:dyDescent="0.2">
      <c r="B29" s="262" t="s">
        <v>27</v>
      </c>
      <c r="C29" s="277">
        <v>0</v>
      </c>
      <c r="D29" s="278">
        <v>0</v>
      </c>
      <c r="E29" s="279">
        <v>0</v>
      </c>
      <c r="F29" s="280">
        <v>0</v>
      </c>
      <c r="G29" s="281">
        <v>0</v>
      </c>
      <c r="H29" s="281">
        <v>0</v>
      </c>
      <c r="I29" s="281">
        <v>0</v>
      </c>
      <c r="J29" s="281">
        <v>0</v>
      </c>
      <c r="K29" s="281">
        <v>0</v>
      </c>
      <c r="L29" s="282">
        <v>0</v>
      </c>
      <c r="M29" s="283">
        <v>0</v>
      </c>
      <c r="N29" s="277">
        <v>0</v>
      </c>
      <c r="O29" s="281">
        <v>0</v>
      </c>
      <c r="P29" s="278">
        <v>0</v>
      </c>
      <c r="Q29" s="280">
        <v>0</v>
      </c>
      <c r="R29" s="281">
        <v>0</v>
      </c>
      <c r="S29" s="281">
        <v>0</v>
      </c>
      <c r="T29" s="281">
        <v>0</v>
      </c>
      <c r="U29" s="281">
        <v>0</v>
      </c>
      <c r="V29" s="281">
        <v>0</v>
      </c>
      <c r="W29" s="278">
        <v>0</v>
      </c>
      <c r="X29" s="283">
        <v>0</v>
      </c>
      <c r="Y29" s="277">
        <v>0</v>
      </c>
      <c r="Z29" s="281">
        <v>0</v>
      </c>
      <c r="AA29" s="278">
        <v>0</v>
      </c>
      <c r="AB29" s="280">
        <v>0</v>
      </c>
      <c r="AC29" s="281">
        <v>2</v>
      </c>
      <c r="AD29" s="281">
        <v>1</v>
      </c>
      <c r="AE29" s="281">
        <v>0</v>
      </c>
      <c r="AF29" s="281">
        <v>0</v>
      </c>
      <c r="AG29" s="281">
        <v>0</v>
      </c>
      <c r="AH29" s="278">
        <v>3</v>
      </c>
      <c r="AI29" s="283">
        <v>3</v>
      </c>
      <c r="AJ29" s="277">
        <v>0</v>
      </c>
      <c r="AK29" s="281">
        <v>0</v>
      </c>
      <c r="AL29" s="278">
        <v>0</v>
      </c>
      <c r="AM29" s="280">
        <v>0</v>
      </c>
      <c r="AN29" s="281">
        <v>0</v>
      </c>
      <c r="AO29" s="281">
        <v>1</v>
      </c>
      <c r="AP29" s="281">
        <v>1</v>
      </c>
      <c r="AQ29" s="281">
        <v>0</v>
      </c>
      <c r="AR29" s="281">
        <v>0</v>
      </c>
      <c r="AS29" s="278">
        <v>2</v>
      </c>
      <c r="AT29" s="283">
        <v>2</v>
      </c>
      <c r="AU29" s="277">
        <v>0</v>
      </c>
      <c r="AV29" s="281">
        <v>0</v>
      </c>
      <c r="AW29" s="278">
        <v>0</v>
      </c>
      <c r="AX29" s="280">
        <v>0</v>
      </c>
      <c r="AY29" s="281">
        <v>0</v>
      </c>
      <c r="AZ29" s="281">
        <v>0</v>
      </c>
      <c r="BA29" s="281">
        <v>0</v>
      </c>
      <c r="BB29" s="281">
        <v>0</v>
      </c>
      <c r="BC29" s="281">
        <v>0</v>
      </c>
      <c r="BD29" s="278">
        <v>0</v>
      </c>
      <c r="BE29" s="283">
        <v>0</v>
      </c>
      <c r="BF29" s="277">
        <v>0</v>
      </c>
      <c r="BG29" s="281">
        <v>0</v>
      </c>
      <c r="BH29" s="278">
        <v>0</v>
      </c>
      <c r="BI29" s="280">
        <v>0</v>
      </c>
      <c r="BJ29" s="281">
        <v>0</v>
      </c>
      <c r="BK29" s="281">
        <v>0</v>
      </c>
      <c r="BL29" s="281">
        <v>0</v>
      </c>
      <c r="BM29" s="281">
        <v>0</v>
      </c>
      <c r="BN29" s="281">
        <v>0</v>
      </c>
      <c r="BO29" s="282">
        <v>0</v>
      </c>
      <c r="BP29" s="283">
        <v>0</v>
      </c>
      <c r="BQ29" s="277">
        <v>0</v>
      </c>
      <c r="BR29" s="281">
        <v>0</v>
      </c>
      <c r="BS29" s="278">
        <v>0</v>
      </c>
      <c r="BT29" s="280">
        <v>0</v>
      </c>
      <c r="BU29" s="281">
        <v>0</v>
      </c>
      <c r="BV29" s="281">
        <v>0</v>
      </c>
      <c r="BW29" s="281">
        <v>0</v>
      </c>
      <c r="BX29" s="281">
        <v>0</v>
      </c>
      <c r="BY29" s="281">
        <v>0</v>
      </c>
      <c r="BZ29" s="278">
        <v>0</v>
      </c>
      <c r="CA29" s="283">
        <v>0</v>
      </c>
      <c r="CB29" s="277">
        <v>0</v>
      </c>
      <c r="CC29" s="281">
        <v>0</v>
      </c>
      <c r="CD29" s="278">
        <v>0</v>
      </c>
      <c r="CE29" s="280">
        <v>0</v>
      </c>
      <c r="CF29" s="281">
        <v>0</v>
      </c>
      <c r="CG29" s="281">
        <v>0</v>
      </c>
      <c r="CH29" s="281">
        <v>0</v>
      </c>
      <c r="CI29" s="281">
        <v>0</v>
      </c>
      <c r="CJ29" s="281">
        <v>0</v>
      </c>
      <c r="CK29" s="278">
        <v>0</v>
      </c>
      <c r="CL29" s="283">
        <v>0</v>
      </c>
      <c r="CM29" s="277">
        <v>0</v>
      </c>
      <c r="CN29" s="281">
        <v>0</v>
      </c>
      <c r="CO29" s="278">
        <v>0</v>
      </c>
      <c r="CP29" s="280">
        <v>0</v>
      </c>
      <c r="CQ29" s="281">
        <v>0</v>
      </c>
      <c r="CR29" s="281">
        <v>0</v>
      </c>
      <c r="CS29" s="281">
        <v>0</v>
      </c>
      <c r="CT29" s="281">
        <v>0</v>
      </c>
      <c r="CU29" s="281">
        <v>0</v>
      </c>
      <c r="CV29" s="278">
        <v>0</v>
      </c>
      <c r="CW29" s="283">
        <v>0</v>
      </c>
    </row>
    <row r="30" spans="2:101" ht="19.8" customHeight="1" x14ac:dyDescent="0.2">
      <c r="B30" s="262" t="s">
        <v>28</v>
      </c>
      <c r="C30" s="277">
        <v>0</v>
      </c>
      <c r="D30" s="278">
        <v>0</v>
      </c>
      <c r="E30" s="279">
        <v>0</v>
      </c>
      <c r="F30" s="280">
        <v>0</v>
      </c>
      <c r="G30" s="281">
        <v>0</v>
      </c>
      <c r="H30" s="281">
        <v>0</v>
      </c>
      <c r="I30" s="281">
        <v>0</v>
      </c>
      <c r="J30" s="281">
        <v>0</v>
      </c>
      <c r="K30" s="281">
        <v>0</v>
      </c>
      <c r="L30" s="282">
        <v>0</v>
      </c>
      <c r="M30" s="283">
        <v>0</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4</v>
      </c>
      <c r="AD30" s="281">
        <v>1</v>
      </c>
      <c r="AE30" s="281">
        <v>0</v>
      </c>
      <c r="AF30" s="281">
        <v>0</v>
      </c>
      <c r="AG30" s="281">
        <v>0</v>
      </c>
      <c r="AH30" s="278">
        <v>5</v>
      </c>
      <c r="AI30" s="283">
        <v>5</v>
      </c>
      <c r="AJ30" s="277">
        <v>0</v>
      </c>
      <c r="AK30" s="281">
        <v>0</v>
      </c>
      <c r="AL30" s="278">
        <v>0</v>
      </c>
      <c r="AM30" s="280">
        <v>0</v>
      </c>
      <c r="AN30" s="281">
        <v>0</v>
      </c>
      <c r="AO30" s="281">
        <v>0</v>
      </c>
      <c r="AP30" s="281">
        <v>0</v>
      </c>
      <c r="AQ30" s="281">
        <v>0</v>
      </c>
      <c r="AR30" s="281">
        <v>0</v>
      </c>
      <c r="AS30" s="278">
        <v>0</v>
      </c>
      <c r="AT30" s="283">
        <v>0</v>
      </c>
      <c r="AU30" s="277">
        <v>0</v>
      </c>
      <c r="AV30" s="281">
        <v>0</v>
      </c>
      <c r="AW30" s="278">
        <v>0</v>
      </c>
      <c r="AX30" s="280">
        <v>0</v>
      </c>
      <c r="AY30" s="281">
        <v>0</v>
      </c>
      <c r="AZ30" s="281">
        <v>0</v>
      </c>
      <c r="BA30" s="281">
        <v>0</v>
      </c>
      <c r="BB30" s="281">
        <v>0</v>
      </c>
      <c r="BC30" s="281">
        <v>0</v>
      </c>
      <c r="BD30" s="278">
        <v>0</v>
      </c>
      <c r="BE30" s="283">
        <v>0</v>
      </c>
      <c r="BF30" s="277">
        <v>0</v>
      </c>
      <c r="BG30" s="281">
        <v>0</v>
      </c>
      <c r="BH30" s="278">
        <v>0</v>
      </c>
      <c r="BI30" s="280">
        <v>0</v>
      </c>
      <c r="BJ30" s="281">
        <v>0</v>
      </c>
      <c r="BK30" s="281">
        <v>0</v>
      </c>
      <c r="BL30" s="281">
        <v>0</v>
      </c>
      <c r="BM30" s="281">
        <v>0</v>
      </c>
      <c r="BN30" s="281">
        <v>0</v>
      </c>
      <c r="BO30" s="282">
        <v>0</v>
      </c>
      <c r="BP30" s="283">
        <v>0</v>
      </c>
      <c r="BQ30" s="277">
        <v>0</v>
      </c>
      <c r="BR30" s="281">
        <v>0</v>
      </c>
      <c r="BS30" s="278">
        <v>0</v>
      </c>
      <c r="BT30" s="280">
        <v>0</v>
      </c>
      <c r="BU30" s="281">
        <v>0</v>
      </c>
      <c r="BV30" s="281">
        <v>0</v>
      </c>
      <c r="BW30" s="281">
        <v>0</v>
      </c>
      <c r="BX30" s="281">
        <v>0</v>
      </c>
      <c r="BY30" s="281">
        <v>0</v>
      </c>
      <c r="BZ30" s="278">
        <v>0</v>
      </c>
      <c r="CA30" s="283">
        <v>0</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row>
    <row r="31" spans="2:101" ht="19.8" customHeight="1" x14ac:dyDescent="0.2">
      <c r="B31" s="262" t="s">
        <v>29</v>
      </c>
      <c r="C31" s="277">
        <v>0</v>
      </c>
      <c r="D31" s="278">
        <v>0</v>
      </c>
      <c r="E31" s="279">
        <v>0</v>
      </c>
      <c r="F31" s="280">
        <v>0</v>
      </c>
      <c r="G31" s="281">
        <v>0</v>
      </c>
      <c r="H31" s="281">
        <v>0</v>
      </c>
      <c r="I31" s="281">
        <v>0</v>
      </c>
      <c r="J31" s="281">
        <v>0</v>
      </c>
      <c r="K31" s="281">
        <v>0</v>
      </c>
      <c r="L31" s="282">
        <v>0</v>
      </c>
      <c r="M31" s="283">
        <v>0</v>
      </c>
      <c r="N31" s="277">
        <v>0</v>
      </c>
      <c r="O31" s="281">
        <v>0</v>
      </c>
      <c r="P31" s="278">
        <v>0</v>
      </c>
      <c r="Q31" s="280">
        <v>0</v>
      </c>
      <c r="R31" s="281">
        <v>0</v>
      </c>
      <c r="S31" s="281">
        <v>0</v>
      </c>
      <c r="T31" s="281">
        <v>0</v>
      </c>
      <c r="U31" s="281">
        <v>0</v>
      </c>
      <c r="V31" s="281">
        <v>0</v>
      </c>
      <c r="W31" s="278">
        <v>0</v>
      </c>
      <c r="X31" s="283">
        <v>0</v>
      </c>
      <c r="Y31" s="277">
        <v>0</v>
      </c>
      <c r="Z31" s="281">
        <v>0</v>
      </c>
      <c r="AA31" s="278">
        <v>0</v>
      </c>
      <c r="AB31" s="280">
        <v>0</v>
      </c>
      <c r="AC31" s="281">
        <v>0</v>
      </c>
      <c r="AD31" s="281">
        <v>1</v>
      </c>
      <c r="AE31" s="281">
        <v>0</v>
      </c>
      <c r="AF31" s="281">
        <v>0</v>
      </c>
      <c r="AG31" s="281">
        <v>0</v>
      </c>
      <c r="AH31" s="278">
        <v>1</v>
      </c>
      <c r="AI31" s="283">
        <v>1</v>
      </c>
      <c r="AJ31" s="277">
        <v>0</v>
      </c>
      <c r="AK31" s="281">
        <v>0</v>
      </c>
      <c r="AL31" s="278">
        <v>0</v>
      </c>
      <c r="AM31" s="280">
        <v>0</v>
      </c>
      <c r="AN31" s="281">
        <v>0</v>
      </c>
      <c r="AO31" s="281">
        <v>0</v>
      </c>
      <c r="AP31" s="281">
        <v>1</v>
      </c>
      <c r="AQ31" s="281">
        <v>0</v>
      </c>
      <c r="AR31" s="281">
        <v>0</v>
      </c>
      <c r="AS31" s="278">
        <v>1</v>
      </c>
      <c r="AT31" s="283">
        <v>1</v>
      </c>
      <c r="AU31" s="277">
        <v>0</v>
      </c>
      <c r="AV31" s="281">
        <v>0</v>
      </c>
      <c r="AW31" s="278">
        <v>0</v>
      </c>
      <c r="AX31" s="280">
        <v>0</v>
      </c>
      <c r="AY31" s="281">
        <v>2</v>
      </c>
      <c r="AZ31" s="281">
        <v>0</v>
      </c>
      <c r="BA31" s="281">
        <v>0</v>
      </c>
      <c r="BB31" s="281">
        <v>0</v>
      </c>
      <c r="BC31" s="281">
        <v>0</v>
      </c>
      <c r="BD31" s="278">
        <v>2</v>
      </c>
      <c r="BE31" s="283">
        <v>2</v>
      </c>
      <c r="BF31" s="277">
        <v>0</v>
      </c>
      <c r="BG31" s="281">
        <v>0</v>
      </c>
      <c r="BH31" s="278">
        <v>0</v>
      </c>
      <c r="BI31" s="280">
        <v>0</v>
      </c>
      <c r="BJ31" s="281">
        <v>0</v>
      </c>
      <c r="BK31" s="281">
        <v>0</v>
      </c>
      <c r="BL31" s="281">
        <v>0</v>
      </c>
      <c r="BM31" s="281">
        <v>0</v>
      </c>
      <c r="BN31" s="281">
        <v>0</v>
      </c>
      <c r="BO31" s="282">
        <v>0</v>
      </c>
      <c r="BP31" s="283">
        <v>0</v>
      </c>
      <c r="BQ31" s="277">
        <v>0</v>
      </c>
      <c r="BR31" s="281">
        <v>0</v>
      </c>
      <c r="BS31" s="278">
        <v>0</v>
      </c>
      <c r="BT31" s="280">
        <v>0</v>
      </c>
      <c r="BU31" s="281">
        <v>0</v>
      </c>
      <c r="BV31" s="281">
        <v>0</v>
      </c>
      <c r="BW31" s="281">
        <v>0</v>
      </c>
      <c r="BX31" s="281">
        <v>0</v>
      </c>
      <c r="BY31" s="281">
        <v>0</v>
      </c>
      <c r="BZ31" s="278">
        <v>0</v>
      </c>
      <c r="CA31" s="283">
        <v>0</v>
      </c>
      <c r="CB31" s="277">
        <v>0</v>
      </c>
      <c r="CC31" s="281">
        <v>0</v>
      </c>
      <c r="CD31" s="278">
        <v>0</v>
      </c>
      <c r="CE31" s="280">
        <v>0</v>
      </c>
      <c r="CF31" s="281">
        <v>0</v>
      </c>
      <c r="CG31" s="281">
        <v>0</v>
      </c>
      <c r="CH31" s="281">
        <v>0</v>
      </c>
      <c r="CI31" s="281">
        <v>1</v>
      </c>
      <c r="CJ31" s="281">
        <v>0</v>
      </c>
      <c r="CK31" s="278">
        <v>1</v>
      </c>
      <c r="CL31" s="283">
        <v>1</v>
      </c>
      <c r="CM31" s="277">
        <v>0</v>
      </c>
      <c r="CN31" s="281">
        <v>0</v>
      </c>
      <c r="CO31" s="278">
        <v>0</v>
      </c>
      <c r="CP31" s="280">
        <v>0</v>
      </c>
      <c r="CQ31" s="281">
        <v>0</v>
      </c>
      <c r="CR31" s="281">
        <v>0</v>
      </c>
      <c r="CS31" s="281">
        <v>0</v>
      </c>
      <c r="CT31" s="281">
        <v>0</v>
      </c>
      <c r="CU31" s="281">
        <v>0</v>
      </c>
      <c r="CV31" s="278">
        <v>0</v>
      </c>
      <c r="CW31" s="283">
        <v>0</v>
      </c>
    </row>
    <row r="32" spans="2:101" ht="19.8" customHeight="1" x14ac:dyDescent="0.2">
      <c r="B32" s="262" t="s">
        <v>30</v>
      </c>
      <c r="C32" s="277">
        <v>0</v>
      </c>
      <c r="D32" s="278">
        <v>0</v>
      </c>
      <c r="E32" s="279">
        <v>0</v>
      </c>
      <c r="F32" s="280">
        <v>0</v>
      </c>
      <c r="G32" s="281">
        <v>0</v>
      </c>
      <c r="H32" s="281">
        <v>0</v>
      </c>
      <c r="I32" s="281">
        <v>0</v>
      </c>
      <c r="J32" s="281">
        <v>0</v>
      </c>
      <c r="K32" s="281">
        <v>0</v>
      </c>
      <c r="L32" s="282">
        <v>0</v>
      </c>
      <c r="M32" s="283">
        <v>0</v>
      </c>
      <c r="N32" s="277">
        <v>0</v>
      </c>
      <c r="O32" s="281">
        <v>0</v>
      </c>
      <c r="P32" s="278">
        <v>0</v>
      </c>
      <c r="Q32" s="280">
        <v>0</v>
      </c>
      <c r="R32" s="281">
        <v>0</v>
      </c>
      <c r="S32" s="281">
        <v>0</v>
      </c>
      <c r="T32" s="281">
        <v>0</v>
      </c>
      <c r="U32" s="281">
        <v>0</v>
      </c>
      <c r="V32" s="281">
        <v>0</v>
      </c>
      <c r="W32" s="278">
        <v>0</v>
      </c>
      <c r="X32" s="283">
        <v>0</v>
      </c>
      <c r="Y32" s="277">
        <v>0</v>
      </c>
      <c r="Z32" s="281">
        <v>0</v>
      </c>
      <c r="AA32" s="278">
        <v>0</v>
      </c>
      <c r="AB32" s="280">
        <v>0</v>
      </c>
      <c r="AC32" s="281">
        <v>1</v>
      </c>
      <c r="AD32" s="281">
        <v>0</v>
      </c>
      <c r="AE32" s="281">
        <v>0</v>
      </c>
      <c r="AF32" s="281">
        <v>0</v>
      </c>
      <c r="AG32" s="281">
        <v>0</v>
      </c>
      <c r="AH32" s="278">
        <v>1</v>
      </c>
      <c r="AI32" s="283">
        <v>1</v>
      </c>
      <c r="AJ32" s="277">
        <v>0</v>
      </c>
      <c r="AK32" s="281">
        <v>0</v>
      </c>
      <c r="AL32" s="278">
        <v>0</v>
      </c>
      <c r="AM32" s="280">
        <v>0</v>
      </c>
      <c r="AN32" s="281">
        <v>0</v>
      </c>
      <c r="AO32" s="281">
        <v>1</v>
      </c>
      <c r="AP32" s="281">
        <v>0</v>
      </c>
      <c r="AQ32" s="281">
        <v>0</v>
      </c>
      <c r="AR32" s="281">
        <v>0</v>
      </c>
      <c r="AS32" s="278">
        <v>1</v>
      </c>
      <c r="AT32" s="283">
        <v>1</v>
      </c>
      <c r="AU32" s="277">
        <v>0</v>
      </c>
      <c r="AV32" s="281">
        <v>0</v>
      </c>
      <c r="AW32" s="278">
        <v>0</v>
      </c>
      <c r="AX32" s="280">
        <v>0</v>
      </c>
      <c r="AY32" s="281">
        <v>0</v>
      </c>
      <c r="AZ32" s="281">
        <v>0</v>
      </c>
      <c r="BA32" s="281">
        <v>0</v>
      </c>
      <c r="BB32" s="281">
        <v>0</v>
      </c>
      <c r="BC32" s="281">
        <v>0</v>
      </c>
      <c r="BD32" s="278">
        <v>0</v>
      </c>
      <c r="BE32" s="283">
        <v>0</v>
      </c>
      <c r="BF32" s="277">
        <v>0</v>
      </c>
      <c r="BG32" s="281">
        <v>0</v>
      </c>
      <c r="BH32" s="278">
        <v>0</v>
      </c>
      <c r="BI32" s="280">
        <v>0</v>
      </c>
      <c r="BJ32" s="281">
        <v>1</v>
      </c>
      <c r="BK32" s="281">
        <v>0</v>
      </c>
      <c r="BL32" s="281">
        <v>0</v>
      </c>
      <c r="BM32" s="281">
        <v>0</v>
      </c>
      <c r="BN32" s="281">
        <v>0</v>
      </c>
      <c r="BO32" s="282">
        <v>1</v>
      </c>
      <c r="BP32" s="283">
        <v>1</v>
      </c>
      <c r="BQ32" s="277">
        <v>0</v>
      </c>
      <c r="BR32" s="281">
        <v>0</v>
      </c>
      <c r="BS32" s="278">
        <v>0</v>
      </c>
      <c r="BT32" s="280">
        <v>0</v>
      </c>
      <c r="BU32" s="281">
        <v>0</v>
      </c>
      <c r="BV32" s="281">
        <v>0</v>
      </c>
      <c r="BW32" s="281">
        <v>0</v>
      </c>
      <c r="BX32" s="281">
        <v>0</v>
      </c>
      <c r="BY32" s="281">
        <v>0</v>
      </c>
      <c r="BZ32" s="278">
        <v>0</v>
      </c>
      <c r="CA32" s="283">
        <v>0</v>
      </c>
      <c r="CB32" s="277">
        <v>0</v>
      </c>
      <c r="CC32" s="281">
        <v>0</v>
      </c>
      <c r="CD32" s="278">
        <v>0</v>
      </c>
      <c r="CE32" s="280">
        <v>0</v>
      </c>
      <c r="CF32" s="281">
        <v>0</v>
      </c>
      <c r="CG32" s="281">
        <v>0</v>
      </c>
      <c r="CH32" s="281">
        <v>0</v>
      </c>
      <c r="CI32" s="281">
        <v>0</v>
      </c>
      <c r="CJ32" s="281">
        <v>0</v>
      </c>
      <c r="CK32" s="278">
        <v>0</v>
      </c>
      <c r="CL32" s="283">
        <v>0</v>
      </c>
      <c r="CM32" s="277">
        <v>0</v>
      </c>
      <c r="CN32" s="281">
        <v>0</v>
      </c>
      <c r="CO32" s="278">
        <v>0</v>
      </c>
      <c r="CP32" s="280">
        <v>0</v>
      </c>
      <c r="CQ32" s="281">
        <v>0</v>
      </c>
      <c r="CR32" s="281">
        <v>0</v>
      </c>
      <c r="CS32" s="281">
        <v>0</v>
      </c>
      <c r="CT32" s="281">
        <v>0</v>
      </c>
      <c r="CU32" s="281">
        <v>0</v>
      </c>
      <c r="CV32" s="278">
        <v>0</v>
      </c>
      <c r="CW32" s="283">
        <v>0</v>
      </c>
    </row>
    <row r="33" spans="2:101" ht="19.8" customHeight="1" x14ac:dyDescent="0.2">
      <c r="B33" s="262" t="s">
        <v>31</v>
      </c>
      <c r="C33" s="277">
        <v>0</v>
      </c>
      <c r="D33" s="278">
        <v>0</v>
      </c>
      <c r="E33" s="279">
        <v>0</v>
      </c>
      <c r="F33" s="280">
        <v>0</v>
      </c>
      <c r="G33" s="281">
        <v>0</v>
      </c>
      <c r="H33" s="281">
        <v>1</v>
      </c>
      <c r="I33" s="281">
        <v>0</v>
      </c>
      <c r="J33" s="281">
        <v>0</v>
      </c>
      <c r="K33" s="281">
        <v>0</v>
      </c>
      <c r="L33" s="282">
        <v>1</v>
      </c>
      <c r="M33" s="283">
        <v>1</v>
      </c>
      <c r="N33" s="277">
        <v>0</v>
      </c>
      <c r="O33" s="281">
        <v>0</v>
      </c>
      <c r="P33" s="278">
        <v>0</v>
      </c>
      <c r="Q33" s="280">
        <v>0</v>
      </c>
      <c r="R33" s="281">
        <v>0</v>
      </c>
      <c r="S33" s="281">
        <v>0</v>
      </c>
      <c r="T33" s="281">
        <v>0</v>
      </c>
      <c r="U33" s="281">
        <v>0</v>
      </c>
      <c r="V33" s="281">
        <v>0</v>
      </c>
      <c r="W33" s="278">
        <v>0</v>
      </c>
      <c r="X33" s="283">
        <v>0</v>
      </c>
      <c r="Y33" s="277">
        <v>0</v>
      </c>
      <c r="Z33" s="281">
        <v>0</v>
      </c>
      <c r="AA33" s="278">
        <v>0</v>
      </c>
      <c r="AB33" s="280">
        <v>0</v>
      </c>
      <c r="AC33" s="281">
        <v>2</v>
      </c>
      <c r="AD33" s="281">
        <v>3</v>
      </c>
      <c r="AE33" s="281">
        <v>2</v>
      </c>
      <c r="AF33" s="281">
        <v>0</v>
      </c>
      <c r="AG33" s="281">
        <v>0</v>
      </c>
      <c r="AH33" s="278">
        <v>7</v>
      </c>
      <c r="AI33" s="283">
        <v>7</v>
      </c>
      <c r="AJ33" s="277">
        <v>0</v>
      </c>
      <c r="AK33" s="281">
        <v>0</v>
      </c>
      <c r="AL33" s="278">
        <v>0</v>
      </c>
      <c r="AM33" s="280">
        <v>0</v>
      </c>
      <c r="AN33" s="281">
        <v>0</v>
      </c>
      <c r="AO33" s="281">
        <v>0</v>
      </c>
      <c r="AP33" s="281">
        <v>0</v>
      </c>
      <c r="AQ33" s="281">
        <v>0</v>
      </c>
      <c r="AR33" s="281">
        <v>0</v>
      </c>
      <c r="AS33" s="278">
        <v>0</v>
      </c>
      <c r="AT33" s="283">
        <v>0</v>
      </c>
      <c r="AU33" s="277">
        <v>0</v>
      </c>
      <c r="AV33" s="281">
        <v>0</v>
      </c>
      <c r="AW33" s="278">
        <v>0</v>
      </c>
      <c r="AX33" s="280">
        <v>0</v>
      </c>
      <c r="AY33" s="281">
        <v>0</v>
      </c>
      <c r="AZ33" s="281">
        <v>1</v>
      </c>
      <c r="BA33" s="281">
        <v>0</v>
      </c>
      <c r="BB33" s="281">
        <v>0</v>
      </c>
      <c r="BC33" s="281">
        <v>0</v>
      </c>
      <c r="BD33" s="278">
        <v>1</v>
      </c>
      <c r="BE33" s="283">
        <v>1</v>
      </c>
      <c r="BF33" s="277">
        <v>0</v>
      </c>
      <c r="BG33" s="281">
        <v>0</v>
      </c>
      <c r="BH33" s="278">
        <v>0</v>
      </c>
      <c r="BI33" s="280">
        <v>0</v>
      </c>
      <c r="BJ33" s="281">
        <v>0</v>
      </c>
      <c r="BK33" s="281">
        <v>0</v>
      </c>
      <c r="BL33" s="281">
        <v>0</v>
      </c>
      <c r="BM33" s="281">
        <v>0</v>
      </c>
      <c r="BN33" s="281">
        <v>1</v>
      </c>
      <c r="BO33" s="282">
        <v>1</v>
      </c>
      <c r="BP33" s="283">
        <v>1</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0</v>
      </c>
      <c r="CJ33" s="281">
        <v>0</v>
      </c>
      <c r="CK33" s="278">
        <v>0</v>
      </c>
      <c r="CL33" s="283">
        <v>0</v>
      </c>
      <c r="CM33" s="277">
        <v>0</v>
      </c>
      <c r="CN33" s="281">
        <v>0</v>
      </c>
      <c r="CO33" s="278">
        <v>0</v>
      </c>
      <c r="CP33" s="280">
        <v>0</v>
      </c>
      <c r="CQ33" s="281">
        <v>0</v>
      </c>
      <c r="CR33" s="281">
        <v>0</v>
      </c>
      <c r="CS33" s="281">
        <v>0</v>
      </c>
      <c r="CT33" s="281">
        <v>0</v>
      </c>
      <c r="CU33" s="281">
        <v>0</v>
      </c>
      <c r="CV33" s="278">
        <v>0</v>
      </c>
      <c r="CW33" s="283">
        <v>0</v>
      </c>
    </row>
    <row r="34" spans="2:101" ht="19.8" customHeight="1" x14ac:dyDescent="0.2">
      <c r="B34" s="262" t="s">
        <v>32</v>
      </c>
      <c r="C34" s="277">
        <v>0</v>
      </c>
      <c r="D34" s="278">
        <v>0</v>
      </c>
      <c r="E34" s="279">
        <v>0</v>
      </c>
      <c r="F34" s="280">
        <v>0</v>
      </c>
      <c r="G34" s="281">
        <v>0</v>
      </c>
      <c r="H34" s="281">
        <v>1</v>
      </c>
      <c r="I34" s="281">
        <v>0</v>
      </c>
      <c r="J34" s="281">
        <v>0</v>
      </c>
      <c r="K34" s="281">
        <v>0</v>
      </c>
      <c r="L34" s="282">
        <v>1</v>
      </c>
      <c r="M34" s="283">
        <v>1</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1</v>
      </c>
      <c r="AD34" s="281">
        <v>1</v>
      </c>
      <c r="AE34" s="281">
        <v>1</v>
      </c>
      <c r="AF34" s="281">
        <v>1</v>
      </c>
      <c r="AG34" s="281">
        <v>0</v>
      </c>
      <c r="AH34" s="278">
        <v>4</v>
      </c>
      <c r="AI34" s="283">
        <v>4</v>
      </c>
      <c r="AJ34" s="277">
        <v>0</v>
      </c>
      <c r="AK34" s="281">
        <v>0</v>
      </c>
      <c r="AL34" s="278">
        <v>0</v>
      </c>
      <c r="AM34" s="280">
        <v>0</v>
      </c>
      <c r="AN34" s="281">
        <v>0</v>
      </c>
      <c r="AO34" s="281">
        <v>0</v>
      </c>
      <c r="AP34" s="281">
        <v>0</v>
      </c>
      <c r="AQ34" s="281">
        <v>0</v>
      </c>
      <c r="AR34" s="281">
        <v>0</v>
      </c>
      <c r="AS34" s="278">
        <v>0</v>
      </c>
      <c r="AT34" s="283">
        <v>0</v>
      </c>
      <c r="AU34" s="277">
        <v>0</v>
      </c>
      <c r="AV34" s="281">
        <v>0</v>
      </c>
      <c r="AW34" s="278">
        <v>0</v>
      </c>
      <c r="AX34" s="280">
        <v>0</v>
      </c>
      <c r="AY34" s="281">
        <v>0</v>
      </c>
      <c r="AZ34" s="281">
        <v>0</v>
      </c>
      <c r="BA34" s="281">
        <v>0</v>
      </c>
      <c r="BB34" s="281">
        <v>0</v>
      </c>
      <c r="BC34" s="281">
        <v>0</v>
      </c>
      <c r="BD34" s="278">
        <v>0</v>
      </c>
      <c r="BE34" s="283">
        <v>0</v>
      </c>
      <c r="BF34" s="277">
        <v>0</v>
      </c>
      <c r="BG34" s="281">
        <v>0</v>
      </c>
      <c r="BH34" s="278">
        <v>0</v>
      </c>
      <c r="BI34" s="280">
        <v>0</v>
      </c>
      <c r="BJ34" s="281">
        <v>1</v>
      </c>
      <c r="BK34" s="281">
        <v>1</v>
      </c>
      <c r="BL34" s="281">
        <v>1</v>
      </c>
      <c r="BM34" s="281">
        <v>0</v>
      </c>
      <c r="BN34" s="281">
        <v>1</v>
      </c>
      <c r="BO34" s="282">
        <v>4</v>
      </c>
      <c r="BP34" s="283">
        <v>4</v>
      </c>
      <c r="BQ34" s="277">
        <v>0</v>
      </c>
      <c r="BR34" s="281">
        <v>0</v>
      </c>
      <c r="BS34" s="278">
        <v>0</v>
      </c>
      <c r="BT34" s="280">
        <v>0</v>
      </c>
      <c r="BU34" s="281">
        <v>0</v>
      </c>
      <c r="BV34" s="281">
        <v>0</v>
      </c>
      <c r="BW34" s="281">
        <v>0</v>
      </c>
      <c r="BX34" s="281">
        <v>0</v>
      </c>
      <c r="BY34" s="281">
        <v>0</v>
      </c>
      <c r="BZ34" s="278">
        <v>0</v>
      </c>
      <c r="CA34" s="283">
        <v>0</v>
      </c>
      <c r="CB34" s="277">
        <v>0</v>
      </c>
      <c r="CC34" s="281">
        <v>0</v>
      </c>
      <c r="CD34" s="278">
        <v>0</v>
      </c>
      <c r="CE34" s="280">
        <v>0</v>
      </c>
      <c r="CF34" s="281">
        <v>0</v>
      </c>
      <c r="CG34" s="281">
        <v>1</v>
      </c>
      <c r="CH34" s="281">
        <v>0</v>
      </c>
      <c r="CI34" s="281">
        <v>0</v>
      </c>
      <c r="CJ34" s="281">
        <v>0</v>
      </c>
      <c r="CK34" s="278">
        <v>1</v>
      </c>
      <c r="CL34" s="283">
        <v>1</v>
      </c>
      <c r="CM34" s="277">
        <v>0</v>
      </c>
      <c r="CN34" s="281">
        <v>0</v>
      </c>
      <c r="CO34" s="278">
        <v>0</v>
      </c>
      <c r="CP34" s="280">
        <v>0</v>
      </c>
      <c r="CQ34" s="281">
        <v>0</v>
      </c>
      <c r="CR34" s="281">
        <v>0</v>
      </c>
      <c r="CS34" s="281">
        <v>0</v>
      </c>
      <c r="CT34" s="281">
        <v>0</v>
      </c>
      <c r="CU34" s="281">
        <v>0</v>
      </c>
      <c r="CV34" s="278">
        <v>0</v>
      </c>
      <c r="CW34" s="283">
        <v>0</v>
      </c>
    </row>
    <row r="35" spans="2:101" ht="19.8" customHeight="1" x14ac:dyDescent="0.2">
      <c r="B35" s="262" t="s">
        <v>33</v>
      </c>
      <c r="C35" s="277">
        <v>0</v>
      </c>
      <c r="D35" s="278">
        <v>0</v>
      </c>
      <c r="E35" s="279">
        <v>0</v>
      </c>
      <c r="F35" s="280">
        <v>0</v>
      </c>
      <c r="G35" s="281">
        <v>0</v>
      </c>
      <c r="H35" s="281">
        <v>0</v>
      </c>
      <c r="I35" s="281">
        <v>0</v>
      </c>
      <c r="J35" s="281">
        <v>0</v>
      </c>
      <c r="K35" s="281">
        <v>0</v>
      </c>
      <c r="L35" s="282">
        <v>0</v>
      </c>
      <c r="M35" s="283">
        <v>0</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0</v>
      </c>
      <c r="AD35" s="281">
        <v>0</v>
      </c>
      <c r="AE35" s="281">
        <v>2</v>
      </c>
      <c r="AF35" s="281">
        <v>0</v>
      </c>
      <c r="AG35" s="281">
        <v>0</v>
      </c>
      <c r="AH35" s="278">
        <v>2</v>
      </c>
      <c r="AI35" s="283">
        <v>2</v>
      </c>
      <c r="AJ35" s="277">
        <v>0</v>
      </c>
      <c r="AK35" s="281">
        <v>0</v>
      </c>
      <c r="AL35" s="278">
        <v>0</v>
      </c>
      <c r="AM35" s="280">
        <v>0</v>
      </c>
      <c r="AN35" s="281">
        <v>0</v>
      </c>
      <c r="AO35" s="281">
        <v>0</v>
      </c>
      <c r="AP35" s="281">
        <v>0</v>
      </c>
      <c r="AQ35" s="281">
        <v>0</v>
      </c>
      <c r="AR35" s="281">
        <v>0</v>
      </c>
      <c r="AS35" s="278">
        <v>0</v>
      </c>
      <c r="AT35" s="283">
        <v>0</v>
      </c>
      <c r="AU35" s="277">
        <v>0</v>
      </c>
      <c r="AV35" s="281">
        <v>0</v>
      </c>
      <c r="AW35" s="278">
        <v>0</v>
      </c>
      <c r="AX35" s="280">
        <v>0</v>
      </c>
      <c r="AY35" s="281">
        <v>0</v>
      </c>
      <c r="AZ35" s="281">
        <v>0</v>
      </c>
      <c r="BA35" s="281">
        <v>0</v>
      </c>
      <c r="BB35" s="281">
        <v>0</v>
      </c>
      <c r="BC35" s="281">
        <v>0</v>
      </c>
      <c r="BD35" s="278">
        <v>0</v>
      </c>
      <c r="BE35" s="283">
        <v>0</v>
      </c>
      <c r="BF35" s="277">
        <v>0</v>
      </c>
      <c r="BG35" s="281">
        <v>0</v>
      </c>
      <c r="BH35" s="278">
        <v>0</v>
      </c>
      <c r="BI35" s="280">
        <v>0</v>
      </c>
      <c r="BJ35" s="281">
        <v>0</v>
      </c>
      <c r="BK35" s="281">
        <v>0</v>
      </c>
      <c r="BL35" s="281">
        <v>0</v>
      </c>
      <c r="BM35" s="281">
        <v>0</v>
      </c>
      <c r="BN35" s="281">
        <v>0</v>
      </c>
      <c r="BO35" s="282">
        <v>0</v>
      </c>
      <c r="BP35" s="283">
        <v>0</v>
      </c>
      <c r="BQ35" s="277">
        <v>0</v>
      </c>
      <c r="BR35" s="281">
        <v>0</v>
      </c>
      <c r="BS35" s="278">
        <v>0</v>
      </c>
      <c r="BT35" s="280">
        <v>0</v>
      </c>
      <c r="BU35" s="281">
        <v>0</v>
      </c>
      <c r="BV35" s="281">
        <v>0</v>
      </c>
      <c r="BW35" s="281">
        <v>0</v>
      </c>
      <c r="BX35" s="281">
        <v>0</v>
      </c>
      <c r="BY35" s="281">
        <v>0</v>
      </c>
      <c r="BZ35" s="278">
        <v>0</v>
      </c>
      <c r="CA35" s="283">
        <v>0</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0</v>
      </c>
      <c r="CT35" s="281">
        <v>0</v>
      </c>
      <c r="CU35" s="281">
        <v>1</v>
      </c>
      <c r="CV35" s="278">
        <v>1</v>
      </c>
      <c r="CW35" s="283">
        <v>1</v>
      </c>
    </row>
    <row r="36" spans="2:101" ht="19.8" customHeight="1" x14ac:dyDescent="0.2">
      <c r="B36" s="262" t="s">
        <v>34</v>
      </c>
      <c r="C36" s="277">
        <v>0</v>
      </c>
      <c r="D36" s="278">
        <v>0</v>
      </c>
      <c r="E36" s="279">
        <v>0</v>
      </c>
      <c r="F36" s="280">
        <v>0</v>
      </c>
      <c r="G36" s="281">
        <v>0</v>
      </c>
      <c r="H36" s="281">
        <v>0</v>
      </c>
      <c r="I36" s="281">
        <v>0</v>
      </c>
      <c r="J36" s="281">
        <v>0</v>
      </c>
      <c r="K36" s="281">
        <v>0</v>
      </c>
      <c r="L36" s="282">
        <v>0</v>
      </c>
      <c r="M36" s="283">
        <v>0</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1</v>
      </c>
      <c r="AD36" s="281">
        <v>0</v>
      </c>
      <c r="AE36" s="281">
        <v>0</v>
      </c>
      <c r="AF36" s="281">
        <v>0</v>
      </c>
      <c r="AG36" s="281">
        <v>0</v>
      </c>
      <c r="AH36" s="278">
        <v>1</v>
      </c>
      <c r="AI36" s="283">
        <v>1</v>
      </c>
      <c r="AJ36" s="277">
        <v>0</v>
      </c>
      <c r="AK36" s="281">
        <v>0</v>
      </c>
      <c r="AL36" s="278">
        <v>0</v>
      </c>
      <c r="AM36" s="280">
        <v>0</v>
      </c>
      <c r="AN36" s="281">
        <v>0</v>
      </c>
      <c r="AO36" s="281">
        <v>0</v>
      </c>
      <c r="AP36" s="281">
        <v>0</v>
      </c>
      <c r="AQ36" s="281">
        <v>0</v>
      </c>
      <c r="AR36" s="281">
        <v>0</v>
      </c>
      <c r="AS36" s="278">
        <v>0</v>
      </c>
      <c r="AT36" s="283">
        <v>0</v>
      </c>
      <c r="AU36" s="277">
        <v>0</v>
      </c>
      <c r="AV36" s="281">
        <v>0</v>
      </c>
      <c r="AW36" s="278">
        <v>0</v>
      </c>
      <c r="AX36" s="280">
        <v>0</v>
      </c>
      <c r="AY36" s="281">
        <v>1</v>
      </c>
      <c r="AZ36" s="281">
        <v>0</v>
      </c>
      <c r="BA36" s="281">
        <v>0</v>
      </c>
      <c r="BB36" s="281">
        <v>0</v>
      </c>
      <c r="BC36" s="281">
        <v>0</v>
      </c>
      <c r="BD36" s="278">
        <v>1</v>
      </c>
      <c r="BE36" s="283">
        <v>1</v>
      </c>
      <c r="BF36" s="277">
        <v>0</v>
      </c>
      <c r="BG36" s="281">
        <v>0</v>
      </c>
      <c r="BH36" s="278">
        <v>0</v>
      </c>
      <c r="BI36" s="280">
        <v>0</v>
      </c>
      <c r="BJ36" s="281">
        <v>0</v>
      </c>
      <c r="BK36" s="281">
        <v>0</v>
      </c>
      <c r="BL36" s="281">
        <v>0</v>
      </c>
      <c r="BM36" s="281">
        <v>0</v>
      </c>
      <c r="BN36" s="281">
        <v>0</v>
      </c>
      <c r="BO36" s="282">
        <v>0</v>
      </c>
      <c r="BP36" s="283">
        <v>0</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1</v>
      </c>
      <c r="CS36" s="281">
        <v>0</v>
      </c>
      <c r="CT36" s="281">
        <v>0</v>
      </c>
      <c r="CU36" s="281">
        <v>0</v>
      </c>
      <c r="CV36" s="278">
        <v>1</v>
      </c>
      <c r="CW36" s="283">
        <v>1</v>
      </c>
    </row>
    <row r="37" spans="2:101" ht="19.8" customHeight="1" x14ac:dyDescent="0.2">
      <c r="B37" s="262" t="s">
        <v>35</v>
      </c>
      <c r="C37" s="277">
        <v>0</v>
      </c>
      <c r="D37" s="278">
        <v>0</v>
      </c>
      <c r="E37" s="279">
        <v>0</v>
      </c>
      <c r="F37" s="280">
        <v>0</v>
      </c>
      <c r="G37" s="281">
        <v>0</v>
      </c>
      <c r="H37" s="281">
        <v>0</v>
      </c>
      <c r="I37" s="281">
        <v>0</v>
      </c>
      <c r="J37" s="281">
        <v>0</v>
      </c>
      <c r="K37" s="281">
        <v>0</v>
      </c>
      <c r="L37" s="282">
        <v>0</v>
      </c>
      <c r="M37" s="283">
        <v>0</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v>
      </c>
      <c r="AD37" s="281">
        <v>1</v>
      </c>
      <c r="AE37" s="281">
        <v>0</v>
      </c>
      <c r="AF37" s="281">
        <v>0</v>
      </c>
      <c r="AG37" s="281">
        <v>0</v>
      </c>
      <c r="AH37" s="278">
        <v>2</v>
      </c>
      <c r="AI37" s="283">
        <v>2</v>
      </c>
      <c r="AJ37" s="277">
        <v>0</v>
      </c>
      <c r="AK37" s="281">
        <v>0</v>
      </c>
      <c r="AL37" s="278">
        <v>0</v>
      </c>
      <c r="AM37" s="280">
        <v>0</v>
      </c>
      <c r="AN37" s="281">
        <v>0</v>
      </c>
      <c r="AO37" s="281">
        <v>0</v>
      </c>
      <c r="AP37" s="281">
        <v>0</v>
      </c>
      <c r="AQ37" s="281">
        <v>0</v>
      </c>
      <c r="AR37" s="281">
        <v>0</v>
      </c>
      <c r="AS37" s="278">
        <v>0</v>
      </c>
      <c r="AT37" s="283">
        <v>0</v>
      </c>
      <c r="AU37" s="277">
        <v>0</v>
      </c>
      <c r="AV37" s="281">
        <v>0</v>
      </c>
      <c r="AW37" s="278">
        <v>0</v>
      </c>
      <c r="AX37" s="280">
        <v>0</v>
      </c>
      <c r="AY37" s="281">
        <v>1</v>
      </c>
      <c r="AZ37" s="281">
        <v>0</v>
      </c>
      <c r="BA37" s="281">
        <v>1</v>
      </c>
      <c r="BB37" s="281">
        <v>0</v>
      </c>
      <c r="BC37" s="281">
        <v>0</v>
      </c>
      <c r="BD37" s="278">
        <v>2</v>
      </c>
      <c r="BE37" s="283">
        <v>2</v>
      </c>
      <c r="BF37" s="277">
        <v>0</v>
      </c>
      <c r="BG37" s="281">
        <v>0</v>
      </c>
      <c r="BH37" s="278">
        <v>0</v>
      </c>
      <c r="BI37" s="280">
        <v>0</v>
      </c>
      <c r="BJ37" s="281">
        <v>0</v>
      </c>
      <c r="BK37" s="281">
        <v>0</v>
      </c>
      <c r="BL37" s="281">
        <v>0</v>
      </c>
      <c r="BM37" s="281">
        <v>1</v>
      </c>
      <c r="BN37" s="281">
        <v>0</v>
      </c>
      <c r="BO37" s="282">
        <v>1</v>
      </c>
      <c r="BP37" s="283">
        <v>1</v>
      </c>
      <c r="BQ37" s="277">
        <v>0</v>
      </c>
      <c r="BR37" s="281">
        <v>0</v>
      </c>
      <c r="BS37" s="278">
        <v>0</v>
      </c>
      <c r="BT37" s="280">
        <v>0</v>
      </c>
      <c r="BU37" s="281">
        <v>0</v>
      </c>
      <c r="BV37" s="281">
        <v>0</v>
      </c>
      <c r="BW37" s="281">
        <v>0</v>
      </c>
      <c r="BX37" s="281">
        <v>0</v>
      </c>
      <c r="BY37" s="281">
        <v>0</v>
      </c>
      <c r="BZ37" s="278">
        <v>0</v>
      </c>
      <c r="CA37" s="283">
        <v>0</v>
      </c>
      <c r="CB37" s="277">
        <v>0</v>
      </c>
      <c r="CC37" s="281">
        <v>0</v>
      </c>
      <c r="CD37" s="278">
        <v>0</v>
      </c>
      <c r="CE37" s="280">
        <v>0</v>
      </c>
      <c r="CF37" s="281">
        <v>0</v>
      </c>
      <c r="CG37" s="281">
        <v>0</v>
      </c>
      <c r="CH37" s="281">
        <v>0</v>
      </c>
      <c r="CI37" s="281">
        <v>0</v>
      </c>
      <c r="CJ37" s="281">
        <v>0</v>
      </c>
      <c r="CK37" s="278">
        <v>0</v>
      </c>
      <c r="CL37" s="283">
        <v>0</v>
      </c>
      <c r="CM37" s="277">
        <v>0</v>
      </c>
      <c r="CN37" s="281">
        <v>0</v>
      </c>
      <c r="CO37" s="278">
        <v>0</v>
      </c>
      <c r="CP37" s="280">
        <v>0</v>
      </c>
      <c r="CQ37" s="281">
        <v>0</v>
      </c>
      <c r="CR37" s="281">
        <v>0</v>
      </c>
      <c r="CS37" s="281">
        <v>0</v>
      </c>
      <c r="CT37" s="281">
        <v>0</v>
      </c>
      <c r="CU37" s="281">
        <v>0</v>
      </c>
      <c r="CV37" s="278">
        <v>0</v>
      </c>
      <c r="CW37" s="283">
        <v>0</v>
      </c>
    </row>
    <row r="38" spans="2:101" ht="19.8" customHeight="1" x14ac:dyDescent="0.2">
      <c r="B38" s="262" t="s">
        <v>36</v>
      </c>
      <c r="C38" s="277">
        <v>0</v>
      </c>
      <c r="D38" s="278">
        <v>0</v>
      </c>
      <c r="E38" s="279">
        <v>0</v>
      </c>
      <c r="F38" s="280">
        <v>0</v>
      </c>
      <c r="G38" s="281">
        <v>0</v>
      </c>
      <c r="H38" s="281">
        <v>0</v>
      </c>
      <c r="I38" s="281">
        <v>0</v>
      </c>
      <c r="J38" s="281">
        <v>0</v>
      </c>
      <c r="K38" s="281">
        <v>0</v>
      </c>
      <c r="L38" s="282">
        <v>0</v>
      </c>
      <c r="M38" s="283">
        <v>0</v>
      </c>
      <c r="N38" s="277">
        <v>0</v>
      </c>
      <c r="O38" s="281">
        <v>0</v>
      </c>
      <c r="P38" s="278">
        <v>0</v>
      </c>
      <c r="Q38" s="280">
        <v>0</v>
      </c>
      <c r="R38" s="281">
        <v>0</v>
      </c>
      <c r="S38" s="281">
        <v>0</v>
      </c>
      <c r="T38" s="281">
        <v>0</v>
      </c>
      <c r="U38" s="281">
        <v>0</v>
      </c>
      <c r="V38" s="281">
        <v>0</v>
      </c>
      <c r="W38" s="278">
        <v>0</v>
      </c>
      <c r="X38" s="283">
        <v>0</v>
      </c>
      <c r="Y38" s="277">
        <v>0</v>
      </c>
      <c r="Z38" s="281">
        <v>0</v>
      </c>
      <c r="AA38" s="278">
        <v>0</v>
      </c>
      <c r="AB38" s="280">
        <v>0</v>
      </c>
      <c r="AC38" s="281">
        <v>0</v>
      </c>
      <c r="AD38" s="281">
        <v>0</v>
      </c>
      <c r="AE38" s="281">
        <v>0</v>
      </c>
      <c r="AF38" s="281">
        <v>1</v>
      </c>
      <c r="AG38" s="281">
        <v>1</v>
      </c>
      <c r="AH38" s="278">
        <v>2</v>
      </c>
      <c r="AI38" s="283">
        <v>2</v>
      </c>
      <c r="AJ38" s="277">
        <v>0</v>
      </c>
      <c r="AK38" s="281">
        <v>0</v>
      </c>
      <c r="AL38" s="278">
        <v>0</v>
      </c>
      <c r="AM38" s="280">
        <v>0</v>
      </c>
      <c r="AN38" s="281">
        <v>0</v>
      </c>
      <c r="AO38" s="281">
        <v>0</v>
      </c>
      <c r="AP38" s="281">
        <v>0</v>
      </c>
      <c r="AQ38" s="281">
        <v>0</v>
      </c>
      <c r="AR38" s="281">
        <v>0</v>
      </c>
      <c r="AS38" s="278">
        <v>0</v>
      </c>
      <c r="AT38" s="283">
        <v>0</v>
      </c>
      <c r="AU38" s="277">
        <v>0</v>
      </c>
      <c r="AV38" s="281">
        <v>0</v>
      </c>
      <c r="AW38" s="278">
        <v>0</v>
      </c>
      <c r="AX38" s="280">
        <v>0</v>
      </c>
      <c r="AY38" s="281">
        <v>1</v>
      </c>
      <c r="AZ38" s="281">
        <v>0</v>
      </c>
      <c r="BA38" s="281">
        <v>0</v>
      </c>
      <c r="BB38" s="281">
        <v>0</v>
      </c>
      <c r="BC38" s="281">
        <v>0</v>
      </c>
      <c r="BD38" s="278">
        <v>1</v>
      </c>
      <c r="BE38" s="283">
        <v>1</v>
      </c>
      <c r="BF38" s="277">
        <v>0</v>
      </c>
      <c r="BG38" s="281">
        <v>0</v>
      </c>
      <c r="BH38" s="278">
        <v>0</v>
      </c>
      <c r="BI38" s="280">
        <v>0</v>
      </c>
      <c r="BJ38" s="281">
        <v>0</v>
      </c>
      <c r="BK38" s="281">
        <v>0</v>
      </c>
      <c r="BL38" s="281">
        <v>1</v>
      </c>
      <c r="BM38" s="281">
        <v>1</v>
      </c>
      <c r="BN38" s="281">
        <v>0</v>
      </c>
      <c r="BO38" s="282">
        <v>2</v>
      </c>
      <c r="BP38" s="283">
        <v>2</v>
      </c>
      <c r="BQ38" s="277">
        <v>0</v>
      </c>
      <c r="BR38" s="281">
        <v>0</v>
      </c>
      <c r="BS38" s="278">
        <v>0</v>
      </c>
      <c r="BT38" s="280">
        <v>0</v>
      </c>
      <c r="BU38" s="281">
        <v>0</v>
      </c>
      <c r="BV38" s="281">
        <v>0</v>
      </c>
      <c r="BW38" s="281">
        <v>0</v>
      </c>
      <c r="BX38" s="281">
        <v>0</v>
      </c>
      <c r="BY38" s="281">
        <v>0</v>
      </c>
      <c r="BZ38" s="278">
        <v>0</v>
      </c>
      <c r="CA38" s="283">
        <v>0</v>
      </c>
      <c r="CB38" s="277">
        <v>0</v>
      </c>
      <c r="CC38" s="281">
        <v>0</v>
      </c>
      <c r="CD38" s="278">
        <v>0</v>
      </c>
      <c r="CE38" s="280">
        <v>0</v>
      </c>
      <c r="CF38" s="281">
        <v>0</v>
      </c>
      <c r="CG38" s="281">
        <v>0</v>
      </c>
      <c r="CH38" s="281">
        <v>0</v>
      </c>
      <c r="CI38" s="281">
        <v>0</v>
      </c>
      <c r="CJ38" s="281">
        <v>0</v>
      </c>
      <c r="CK38" s="278">
        <v>0</v>
      </c>
      <c r="CL38" s="283">
        <v>0</v>
      </c>
      <c r="CM38" s="277">
        <v>0</v>
      </c>
      <c r="CN38" s="281">
        <v>0</v>
      </c>
      <c r="CO38" s="278">
        <v>0</v>
      </c>
      <c r="CP38" s="280">
        <v>0</v>
      </c>
      <c r="CQ38" s="281">
        <v>0</v>
      </c>
      <c r="CR38" s="281">
        <v>0</v>
      </c>
      <c r="CS38" s="281">
        <v>0</v>
      </c>
      <c r="CT38" s="281">
        <v>0</v>
      </c>
      <c r="CU38" s="281">
        <v>0</v>
      </c>
      <c r="CV38" s="278">
        <v>0</v>
      </c>
      <c r="CW38" s="283">
        <v>0</v>
      </c>
    </row>
    <row r="39" spans="2:101" ht="19.8" customHeight="1" thickBot="1" x14ac:dyDescent="0.25">
      <c r="B39" s="263" t="s">
        <v>37</v>
      </c>
      <c r="C39" s="284">
        <v>0</v>
      </c>
      <c r="D39" s="285">
        <v>0</v>
      </c>
      <c r="E39" s="286">
        <v>0</v>
      </c>
      <c r="F39" s="287">
        <v>0</v>
      </c>
      <c r="G39" s="288">
        <v>0</v>
      </c>
      <c r="H39" s="288">
        <v>0</v>
      </c>
      <c r="I39" s="288">
        <v>0</v>
      </c>
      <c r="J39" s="288">
        <v>0</v>
      </c>
      <c r="K39" s="288">
        <v>0</v>
      </c>
      <c r="L39" s="289">
        <v>0</v>
      </c>
      <c r="M39" s="290">
        <v>0</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1</v>
      </c>
      <c r="AF39" s="288">
        <v>0</v>
      </c>
      <c r="AG39" s="288">
        <v>1</v>
      </c>
      <c r="AH39" s="285">
        <v>2</v>
      </c>
      <c r="AI39" s="290">
        <v>2</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0</v>
      </c>
      <c r="BC39" s="288">
        <v>0</v>
      </c>
      <c r="BD39" s="285">
        <v>0</v>
      </c>
      <c r="BE39" s="290">
        <v>0</v>
      </c>
      <c r="BF39" s="284">
        <v>0</v>
      </c>
      <c r="BG39" s="288">
        <v>0</v>
      </c>
      <c r="BH39" s="285">
        <v>0</v>
      </c>
      <c r="BI39" s="287">
        <v>0</v>
      </c>
      <c r="BJ39" s="288">
        <v>0</v>
      </c>
      <c r="BK39" s="288">
        <v>0</v>
      </c>
      <c r="BL39" s="288">
        <v>0</v>
      </c>
      <c r="BM39" s="288">
        <v>0</v>
      </c>
      <c r="BN39" s="288">
        <v>0</v>
      </c>
      <c r="BO39" s="289">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 style="256" customWidth="1"/>
    <col min="6" max="6" width="7.77734375" style="256" customWidth="1"/>
    <col min="7" max="7" width="10.77734375" style="256" customWidth="1"/>
    <col min="8" max="16" width="9" style="256"/>
    <col min="17" max="17" width="8" style="256" customWidth="1"/>
    <col min="18" max="16384" width="9" style="256"/>
  </cols>
  <sheetData>
    <row r="1" spans="2:24" ht="24" customHeight="1" x14ac:dyDescent="0.2">
      <c r="B1" s="291" t="s">
        <v>125</v>
      </c>
      <c r="H1" s="528">
        <f>第１表!F2</f>
        <v>4</v>
      </c>
      <c r="I1" s="528"/>
      <c r="J1" s="248">
        <f>第１表!G2</f>
        <v>8</v>
      </c>
      <c r="K1" s="529">
        <f>IF(J1&lt;3,J1+12-2,J1-2)</f>
        <v>6</v>
      </c>
      <c r="L1" s="529"/>
    </row>
    <row r="2" spans="2:24" ht="24" customHeight="1" thickBot="1" x14ac:dyDescent="0.25">
      <c r="B2" s="291" t="s">
        <v>133</v>
      </c>
    </row>
    <row r="3" spans="2:24" ht="21.75" customHeight="1" x14ac:dyDescent="0.2">
      <c r="B3" s="541"/>
      <c r="C3" s="537" t="s">
        <v>143</v>
      </c>
      <c r="D3" s="537"/>
      <c r="E3" s="537"/>
      <c r="F3" s="537"/>
      <c r="G3" s="537"/>
      <c r="H3" s="537"/>
      <c r="I3" s="537"/>
      <c r="J3" s="537"/>
      <c r="K3" s="537"/>
      <c r="L3" s="537"/>
      <c r="M3" s="567"/>
      <c r="N3" s="537" t="s">
        <v>113</v>
      </c>
      <c r="O3" s="537"/>
      <c r="P3" s="537"/>
      <c r="Q3" s="537"/>
      <c r="R3" s="537"/>
      <c r="S3" s="537"/>
      <c r="T3" s="537"/>
      <c r="U3" s="537"/>
      <c r="V3" s="537"/>
      <c r="W3" s="537"/>
      <c r="X3" s="567"/>
    </row>
    <row r="4" spans="2:24" ht="20.25" customHeight="1" x14ac:dyDescent="0.2">
      <c r="B4" s="565"/>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28.5" customHeight="1" thickBot="1" x14ac:dyDescent="0.25">
      <c r="B5" s="566"/>
      <c r="C5" s="260" t="s">
        <v>43</v>
      </c>
      <c r="D5" s="260" t="s">
        <v>44</v>
      </c>
      <c r="E5" s="266" t="s">
        <v>45</v>
      </c>
      <c r="F5" s="268" t="s">
        <v>83</v>
      </c>
      <c r="G5" s="260" t="s">
        <v>47</v>
      </c>
      <c r="H5" s="260" t="s">
        <v>48</v>
      </c>
      <c r="I5" s="260" t="s">
        <v>49</v>
      </c>
      <c r="J5" s="260" t="s">
        <v>50</v>
      </c>
      <c r="K5" s="260" t="s">
        <v>51</v>
      </c>
      <c r="L5" s="266" t="s">
        <v>45</v>
      </c>
      <c r="M5" s="540"/>
      <c r="N5" s="260" t="s">
        <v>43</v>
      </c>
      <c r="O5" s="260" t="s">
        <v>44</v>
      </c>
      <c r="P5" s="266" t="s">
        <v>45</v>
      </c>
      <c r="Q5" s="268" t="s">
        <v>83</v>
      </c>
      <c r="R5" s="260" t="s">
        <v>47</v>
      </c>
      <c r="S5" s="260" t="s">
        <v>48</v>
      </c>
      <c r="T5" s="260" t="s">
        <v>49</v>
      </c>
      <c r="U5" s="260" t="s">
        <v>50</v>
      </c>
      <c r="V5" s="260" t="s">
        <v>51</v>
      </c>
      <c r="W5" s="266" t="s">
        <v>45</v>
      </c>
      <c r="X5" s="540"/>
    </row>
    <row r="6" spans="2:24" ht="19.8" customHeight="1" x14ac:dyDescent="0.2">
      <c r="B6" s="259" t="s">
        <v>4</v>
      </c>
      <c r="C6" s="274">
        <v>0</v>
      </c>
      <c r="D6" s="274">
        <v>0</v>
      </c>
      <c r="E6" s="271">
        <v>0</v>
      </c>
      <c r="F6" s="273">
        <v>0</v>
      </c>
      <c r="G6" s="274">
        <v>103339</v>
      </c>
      <c r="H6" s="274">
        <v>101507</v>
      </c>
      <c r="I6" s="274">
        <v>61561</v>
      </c>
      <c r="J6" s="274">
        <v>32401</v>
      </c>
      <c r="K6" s="274">
        <v>14716</v>
      </c>
      <c r="L6" s="271">
        <v>313524</v>
      </c>
      <c r="M6" s="276">
        <v>313524</v>
      </c>
      <c r="N6" s="274">
        <v>41</v>
      </c>
      <c r="O6" s="274">
        <v>48</v>
      </c>
      <c r="P6" s="271">
        <v>89</v>
      </c>
      <c r="Q6" s="273">
        <v>0</v>
      </c>
      <c r="R6" s="274">
        <v>6963</v>
      </c>
      <c r="S6" s="274">
        <v>9435</v>
      </c>
      <c r="T6" s="274">
        <v>12231</v>
      </c>
      <c r="U6" s="274">
        <v>6624</v>
      </c>
      <c r="V6" s="274">
        <v>5441</v>
      </c>
      <c r="W6" s="271">
        <v>40694</v>
      </c>
      <c r="X6" s="276">
        <v>40783</v>
      </c>
    </row>
    <row r="7" spans="2:24" ht="19.8" customHeight="1" x14ac:dyDescent="0.2">
      <c r="B7" s="257" t="s">
        <v>5</v>
      </c>
      <c r="C7" s="281">
        <v>0</v>
      </c>
      <c r="D7" s="281">
        <v>0</v>
      </c>
      <c r="E7" s="278">
        <v>0</v>
      </c>
      <c r="F7" s="280">
        <v>0</v>
      </c>
      <c r="G7" s="281">
        <v>34752</v>
      </c>
      <c r="H7" s="281">
        <v>46509</v>
      </c>
      <c r="I7" s="281">
        <v>27788</v>
      </c>
      <c r="J7" s="281">
        <v>14397</v>
      </c>
      <c r="K7" s="281">
        <v>6663</v>
      </c>
      <c r="L7" s="278">
        <v>130109</v>
      </c>
      <c r="M7" s="283">
        <v>130109</v>
      </c>
      <c r="N7" s="281">
        <v>10</v>
      </c>
      <c r="O7" s="281">
        <v>13</v>
      </c>
      <c r="P7" s="278">
        <v>23</v>
      </c>
      <c r="Q7" s="280">
        <v>0</v>
      </c>
      <c r="R7" s="281">
        <v>3126</v>
      </c>
      <c r="S7" s="281">
        <v>4919</v>
      </c>
      <c r="T7" s="281">
        <v>6337</v>
      </c>
      <c r="U7" s="281">
        <v>3806</v>
      </c>
      <c r="V7" s="281">
        <v>3274</v>
      </c>
      <c r="W7" s="278">
        <v>21462</v>
      </c>
      <c r="X7" s="283">
        <v>21485</v>
      </c>
    </row>
    <row r="8" spans="2:24" ht="19.8" customHeight="1" x14ac:dyDescent="0.2">
      <c r="B8" s="257" t="s">
        <v>6</v>
      </c>
      <c r="C8" s="281">
        <v>0</v>
      </c>
      <c r="D8" s="281">
        <v>0</v>
      </c>
      <c r="E8" s="278">
        <v>0</v>
      </c>
      <c r="F8" s="280">
        <v>0</v>
      </c>
      <c r="G8" s="281">
        <v>15301</v>
      </c>
      <c r="H8" s="281">
        <v>11271</v>
      </c>
      <c r="I8" s="281">
        <v>7374</v>
      </c>
      <c r="J8" s="281">
        <v>4050</v>
      </c>
      <c r="K8" s="281">
        <v>2049</v>
      </c>
      <c r="L8" s="278">
        <v>40045</v>
      </c>
      <c r="M8" s="283">
        <v>40045</v>
      </c>
      <c r="N8" s="281">
        <v>14</v>
      </c>
      <c r="O8" s="281">
        <v>3</v>
      </c>
      <c r="P8" s="278">
        <v>17</v>
      </c>
      <c r="Q8" s="280">
        <v>0</v>
      </c>
      <c r="R8" s="281">
        <v>1666</v>
      </c>
      <c r="S8" s="281">
        <v>2117</v>
      </c>
      <c r="T8" s="281">
        <v>2580</v>
      </c>
      <c r="U8" s="281">
        <v>1539</v>
      </c>
      <c r="V8" s="281">
        <v>989</v>
      </c>
      <c r="W8" s="278">
        <v>8891</v>
      </c>
      <c r="X8" s="283">
        <v>8908</v>
      </c>
    </row>
    <row r="9" spans="2:24" ht="19.8" customHeight="1" x14ac:dyDescent="0.2">
      <c r="B9" s="257" t="s">
        <v>14</v>
      </c>
      <c r="C9" s="281">
        <v>0</v>
      </c>
      <c r="D9" s="281">
        <v>0</v>
      </c>
      <c r="E9" s="278">
        <v>0</v>
      </c>
      <c r="F9" s="280">
        <v>0</v>
      </c>
      <c r="G9" s="281">
        <v>8291</v>
      </c>
      <c r="H9" s="281">
        <v>9151</v>
      </c>
      <c r="I9" s="281">
        <v>5989</v>
      </c>
      <c r="J9" s="281">
        <v>3147</v>
      </c>
      <c r="K9" s="281">
        <v>1376</v>
      </c>
      <c r="L9" s="278">
        <v>27954</v>
      </c>
      <c r="M9" s="283">
        <v>27954</v>
      </c>
      <c r="N9" s="281">
        <v>2</v>
      </c>
      <c r="O9" s="281">
        <v>0</v>
      </c>
      <c r="P9" s="278">
        <v>2</v>
      </c>
      <c r="Q9" s="280">
        <v>0</v>
      </c>
      <c r="R9" s="281">
        <v>166</v>
      </c>
      <c r="S9" s="281">
        <v>193</v>
      </c>
      <c r="T9" s="281">
        <v>373</v>
      </c>
      <c r="U9" s="281">
        <v>178</v>
      </c>
      <c r="V9" s="281">
        <v>309</v>
      </c>
      <c r="W9" s="278">
        <v>1219</v>
      </c>
      <c r="X9" s="283">
        <v>1221</v>
      </c>
    </row>
    <row r="10" spans="2:24" ht="19.8" customHeight="1" x14ac:dyDescent="0.2">
      <c r="B10" s="257" t="s">
        <v>7</v>
      </c>
      <c r="C10" s="281">
        <v>0</v>
      </c>
      <c r="D10" s="281">
        <v>0</v>
      </c>
      <c r="E10" s="278">
        <v>0</v>
      </c>
      <c r="F10" s="280">
        <v>0</v>
      </c>
      <c r="G10" s="281">
        <v>7899</v>
      </c>
      <c r="H10" s="281">
        <v>5093</v>
      </c>
      <c r="I10" s="281">
        <v>2889</v>
      </c>
      <c r="J10" s="281">
        <v>1221</v>
      </c>
      <c r="K10" s="281">
        <v>514</v>
      </c>
      <c r="L10" s="278">
        <v>17616</v>
      </c>
      <c r="M10" s="283">
        <v>17616</v>
      </c>
      <c r="N10" s="281">
        <v>0</v>
      </c>
      <c r="O10" s="281">
        <v>0</v>
      </c>
      <c r="P10" s="278">
        <v>0</v>
      </c>
      <c r="Q10" s="280">
        <v>0</v>
      </c>
      <c r="R10" s="281">
        <v>793</v>
      </c>
      <c r="S10" s="281">
        <v>897</v>
      </c>
      <c r="T10" s="281">
        <v>1142</v>
      </c>
      <c r="U10" s="281">
        <v>374</v>
      </c>
      <c r="V10" s="281">
        <v>165</v>
      </c>
      <c r="W10" s="278">
        <v>3371</v>
      </c>
      <c r="X10" s="283">
        <v>3371</v>
      </c>
    </row>
    <row r="11" spans="2:24" ht="19.8" customHeight="1" x14ac:dyDescent="0.2">
      <c r="B11" s="257" t="s">
        <v>8</v>
      </c>
      <c r="C11" s="281">
        <v>0</v>
      </c>
      <c r="D11" s="281">
        <v>0</v>
      </c>
      <c r="E11" s="278">
        <v>0</v>
      </c>
      <c r="F11" s="280">
        <v>0</v>
      </c>
      <c r="G11" s="281">
        <v>4966</v>
      </c>
      <c r="H11" s="281">
        <v>4602</v>
      </c>
      <c r="I11" s="281">
        <v>2635</v>
      </c>
      <c r="J11" s="281">
        <v>1303</v>
      </c>
      <c r="K11" s="281">
        <v>554</v>
      </c>
      <c r="L11" s="278">
        <v>14060</v>
      </c>
      <c r="M11" s="283">
        <v>14060</v>
      </c>
      <c r="N11" s="281">
        <v>0</v>
      </c>
      <c r="O11" s="281">
        <v>0</v>
      </c>
      <c r="P11" s="278">
        <v>0</v>
      </c>
      <c r="Q11" s="280">
        <v>0</v>
      </c>
      <c r="R11" s="281">
        <v>66</v>
      </c>
      <c r="S11" s="281">
        <v>106</v>
      </c>
      <c r="T11" s="281">
        <v>136</v>
      </c>
      <c r="U11" s="281">
        <v>71</v>
      </c>
      <c r="V11" s="281">
        <v>56</v>
      </c>
      <c r="W11" s="278">
        <v>435</v>
      </c>
      <c r="X11" s="283">
        <v>435</v>
      </c>
    </row>
    <row r="12" spans="2:24" ht="19.8" customHeight="1" x14ac:dyDescent="0.2">
      <c r="B12" s="257" t="s">
        <v>9</v>
      </c>
      <c r="C12" s="281">
        <v>0</v>
      </c>
      <c r="D12" s="281">
        <v>0</v>
      </c>
      <c r="E12" s="278">
        <v>0</v>
      </c>
      <c r="F12" s="280">
        <v>0</v>
      </c>
      <c r="G12" s="281">
        <v>2982</v>
      </c>
      <c r="H12" s="281">
        <v>2264</v>
      </c>
      <c r="I12" s="281">
        <v>1765</v>
      </c>
      <c r="J12" s="281">
        <v>747</v>
      </c>
      <c r="K12" s="281">
        <v>346</v>
      </c>
      <c r="L12" s="278">
        <v>8104</v>
      </c>
      <c r="M12" s="283">
        <v>8104</v>
      </c>
      <c r="N12" s="281">
        <v>0</v>
      </c>
      <c r="O12" s="281">
        <v>0</v>
      </c>
      <c r="P12" s="278">
        <v>0</v>
      </c>
      <c r="Q12" s="280">
        <v>0</v>
      </c>
      <c r="R12" s="281">
        <v>76</v>
      </c>
      <c r="S12" s="281">
        <v>43</v>
      </c>
      <c r="T12" s="281">
        <v>85</v>
      </c>
      <c r="U12" s="281">
        <v>32</v>
      </c>
      <c r="V12" s="281">
        <v>30</v>
      </c>
      <c r="W12" s="278">
        <v>266</v>
      </c>
      <c r="X12" s="283">
        <v>266</v>
      </c>
    </row>
    <row r="13" spans="2:24" ht="19.8" customHeight="1" x14ac:dyDescent="0.2">
      <c r="B13" s="257" t="s">
        <v>10</v>
      </c>
      <c r="C13" s="281">
        <v>0</v>
      </c>
      <c r="D13" s="281">
        <v>0</v>
      </c>
      <c r="E13" s="278">
        <v>0</v>
      </c>
      <c r="F13" s="280">
        <v>0</v>
      </c>
      <c r="G13" s="281">
        <v>4718</v>
      </c>
      <c r="H13" s="281">
        <v>2516</v>
      </c>
      <c r="I13" s="281">
        <v>1182</v>
      </c>
      <c r="J13" s="281">
        <v>607</v>
      </c>
      <c r="K13" s="281">
        <v>350</v>
      </c>
      <c r="L13" s="278">
        <v>9373</v>
      </c>
      <c r="M13" s="283">
        <v>9373</v>
      </c>
      <c r="N13" s="281">
        <v>0</v>
      </c>
      <c r="O13" s="281">
        <v>5</v>
      </c>
      <c r="P13" s="278">
        <v>5</v>
      </c>
      <c r="Q13" s="280">
        <v>0</v>
      </c>
      <c r="R13" s="281">
        <v>123</v>
      </c>
      <c r="S13" s="281">
        <v>151</v>
      </c>
      <c r="T13" s="281">
        <v>250</v>
      </c>
      <c r="U13" s="281">
        <v>72</v>
      </c>
      <c r="V13" s="281">
        <v>126</v>
      </c>
      <c r="W13" s="278">
        <v>722</v>
      </c>
      <c r="X13" s="283">
        <v>727</v>
      </c>
    </row>
    <row r="14" spans="2:24" ht="19.8" customHeight="1" x14ac:dyDescent="0.2">
      <c r="B14" s="257" t="s">
        <v>11</v>
      </c>
      <c r="C14" s="281">
        <v>0</v>
      </c>
      <c r="D14" s="281">
        <v>0</v>
      </c>
      <c r="E14" s="278">
        <v>0</v>
      </c>
      <c r="F14" s="280">
        <v>0</v>
      </c>
      <c r="G14" s="281">
        <v>4402</v>
      </c>
      <c r="H14" s="281">
        <v>2548</v>
      </c>
      <c r="I14" s="281">
        <v>1652</v>
      </c>
      <c r="J14" s="281">
        <v>999</v>
      </c>
      <c r="K14" s="281">
        <v>269</v>
      </c>
      <c r="L14" s="278">
        <v>9870</v>
      </c>
      <c r="M14" s="283">
        <v>9870</v>
      </c>
      <c r="N14" s="281">
        <v>0</v>
      </c>
      <c r="O14" s="281">
        <v>9</v>
      </c>
      <c r="P14" s="278">
        <v>9</v>
      </c>
      <c r="Q14" s="280">
        <v>0</v>
      </c>
      <c r="R14" s="281">
        <v>175</v>
      </c>
      <c r="S14" s="281">
        <v>116</v>
      </c>
      <c r="T14" s="281">
        <v>98</v>
      </c>
      <c r="U14" s="281">
        <v>11</v>
      </c>
      <c r="V14" s="281">
        <v>12</v>
      </c>
      <c r="W14" s="278">
        <v>412</v>
      </c>
      <c r="X14" s="283">
        <v>421</v>
      </c>
    </row>
    <row r="15" spans="2:24" ht="19.8" customHeight="1" x14ac:dyDescent="0.2">
      <c r="B15" s="257" t="s">
        <v>12</v>
      </c>
      <c r="C15" s="281">
        <v>0</v>
      </c>
      <c r="D15" s="281">
        <v>0</v>
      </c>
      <c r="E15" s="278">
        <v>0</v>
      </c>
      <c r="F15" s="280">
        <v>0</v>
      </c>
      <c r="G15" s="281">
        <v>3171</v>
      </c>
      <c r="H15" s="281">
        <v>1962</v>
      </c>
      <c r="I15" s="281">
        <v>1579</v>
      </c>
      <c r="J15" s="281">
        <v>944</v>
      </c>
      <c r="K15" s="281">
        <v>332</v>
      </c>
      <c r="L15" s="278">
        <v>7988</v>
      </c>
      <c r="M15" s="283">
        <v>7988</v>
      </c>
      <c r="N15" s="281">
        <v>0</v>
      </c>
      <c r="O15" s="281">
        <v>0</v>
      </c>
      <c r="P15" s="278">
        <v>0</v>
      </c>
      <c r="Q15" s="280">
        <v>0</v>
      </c>
      <c r="R15" s="281">
        <v>31</v>
      </c>
      <c r="S15" s="281">
        <v>27</v>
      </c>
      <c r="T15" s="281">
        <v>9</v>
      </c>
      <c r="U15" s="281">
        <v>0</v>
      </c>
      <c r="V15" s="281">
        <v>13</v>
      </c>
      <c r="W15" s="278">
        <v>80</v>
      </c>
      <c r="X15" s="283">
        <v>80</v>
      </c>
    </row>
    <row r="16" spans="2:24" ht="19.8" customHeight="1" x14ac:dyDescent="0.2">
      <c r="B16" s="257" t="s">
        <v>13</v>
      </c>
      <c r="C16" s="281">
        <v>0</v>
      </c>
      <c r="D16" s="281">
        <v>0</v>
      </c>
      <c r="E16" s="278">
        <v>0</v>
      </c>
      <c r="F16" s="280">
        <v>0</v>
      </c>
      <c r="G16" s="281">
        <v>981</v>
      </c>
      <c r="H16" s="281">
        <v>1087</v>
      </c>
      <c r="I16" s="281">
        <v>505</v>
      </c>
      <c r="J16" s="281">
        <v>334</v>
      </c>
      <c r="K16" s="281">
        <v>133</v>
      </c>
      <c r="L16" s="278">
        <v>3040</v>
      </c>
      <c r="M16" s="283">
        <v>3040</v>
      </c>
      <c r="N16" s="281">
        <v>0</v>
      </c>
      <c r="O16" s="281">
        <v>0</v>
      </c>
      <c r="P16" s="278">
        <v>0</v>
      </c>
      <c r="Q16" s="280">
        <v>0</v>
      </c>
      <c r="R16" s="281">
        <v>19</v>
      </c>
      <c r="S16" s="281">
        <v>8</v>
      </c>
      <c r="T16" s="281">
        <v>41</v>
      </c>
      <c r="U16" s="281">
        <v>28</v>
      </c>
      <c r="V16" s="281">
        <v>8</v>
      </c>
      <c r="W16" s="278">
        <v>104</v>
      </c>
      <c r="X16" s="283">
        <v>104</v>
      </c>
    </row>
    <row r="17" spans="2:24" ht="19.8" customHeight="1" x14ac:dyDescent="0.2">
      <c r="B17" s="257" t="s">
        <v>15</v>
      </c>
      <c r="C17" s="281">
        <v>0</v>
      </c>
      <c r="D17" s="281">
        <v>0</v>
      </c>
      <c r="E17" s="278">
        <v>0</v>
      </c>
      <c r="F17" s="280">
        <v>0</v>
      </c>
      <c r="G17" s="281">
        <v>1026</v>
      </c>
      <c r="H17" s="281">
        <v>1240</v>
      </c>
      <c r="I17" s="281">
        <v>615</v>
      </c>
      <c r="J17" s="281">
        <v>315</v>
      </c>
      <c r="K17" s="281">
        <v>86</v>
      </c>
      <c r="L17" s="278">
        <v>3282</v>
      </c>
      <c r="M17" s="283">
        <v>3282</v>
      </c>
      <c r="N17" s="281">
        <v>0</v>
      </c>
      <c r="O17" s="281">
        <v>0</v>
      </c>
      <c r="P17" s="278">
        <v>0</v>
      </c>
      <c r="Q17" s="280">
        <v>0</v>
      </c>
      <c r="R17" s="281">
        <v>29</v>
      </c>
      <c r="S17" s="281">
        <v>53</v>
      </c>
      <c r="T17" s="281">
        <v>86</v>
      </c>
      <c r="U17" s="281">
        <v>25</v>
      </c>
      <c r="V17" s="281">
        <v>13</v>
      </c>
      <c r="W17" s="278">
        <v>206</v>
      </c>
      <c r="X17" s="283">
        <v>206</v>
      </c>
    </row>
    <row r="18" spans="2:24" ht="19.8" customHeight="1" x14ac:dyDescent="0.2">
      <c r="B18" s="257" t="s">
        <v>16</v>
      </c>
      <c r="C18" s="281">
        <v>0</v>
      </c>
      <c r="D18" s="281">
        <v>0</v>
      </c>
      <c r="E18" s="278">
        <v>0</v>
      </c>
      <c r="F18" s="280">
        <v>0</v>
      </c>
      <c r="G18" s="281">
        <v>1412</v>
      </c>
      <c r="H18" s="281">
        <v>1653</v>
      </c>
      <c r="I18" s="281">
        <v>1078</v>
      </c>
      <c r="J18" s="281">
        <v>557</v>
      </c>
      <c r="K18" s="281">
        <v>222</v>
      </c>
      <c r="L18" s="278">
        <v>4922</v>
      </c>
      <c r="M18" s="283">
        <v>4922</v>
      </c>
      <c r="N18" s="281">
        <v>0</v>
      </c>
      <c r="O18" s="281">
        <v>0</v>
      </c>
      <c r="P18" s="278">
        <v>0</v>
      </c>
      <c r="Q18" s="280">
        <v>0</v>
      </c>
      <c r="R18" s="281">
        <v>78</v>
      </c>
      <c r="S18" s="281">
        <v>78</v>
      </c>
      <c r="T18" s="281">
        <v>127</v>
      </c>
      <c r="U18" s="281">
        <v>21</v>
      </c>
      <c r="V18" s="281">
        <v>53</v>
      </c>
      <c r="W18" s="278">
        <v>357</v>
      </c>
      <c r="X18" s="283">
        <v>357</v>
      </c>
    </row>
    <row r="19" spans="2:24" ht="19.8" customHeight="1" x14ac:dyDescent="0.2">
      <c r="B19" s="257" t="s">
        <v>17</v>
      </c>
      <c r="C19" s="281">
        <v>0</v>
      </c>
      <c r="D19" s="281">
        <v>0</v>
      </c>
      <c r="E19" s="278">
        <v>0</v>
      </c>
      <c r="F19" s="280">
        <v>0</v>
      </c>
      <c r="G19" s="281">
        <v>2113</v>
      </c>
      <c r="H19" s="281">
        <v>2768</v>
      </c>
      <c r="I19" s="281">
        <v>1527</v>
      </c>
      <c r="J19" s="281">
        <v>1282</v>
      </c>
      <c r="K19" s="281">
        <v>775</v>
      </c>
      <c r="L19" s="278">
        <v>8465</v>
      </c>
      <c r="M19" s="283">
        <v>8465</v>
      </c>
      <c r="N19" s="281">
        <v>10</v>
      </c>
      <c r="O19" s="281">
        <v>13</v>
      </c>
      <c r="P19" s="278">
        <v>23</v>
      </c>
      <c r="Q19" s="280">
        <v>0</v>
      </c>
      <c r="R19" s="281">
        <v>173</v>
      </c>
      <c r="S19" s="281">
        <v>194</v>
      </c>
      <c r="T19" s="281">
        <v>233</v>
      </c>
      <c r="U19" s="281">
        <v>146</v>
      </c>
      <c r="V19" s="281">
        <v>74</v>
      </c>
      <c r="W19" s="278">
        <v>820</v>
      </c>
      <c r="X19" s="283">
        <v>843</v>
      </c>
    </row>
    <row r="20" spans="2:24" ht="19.8" customHeight="1" x14ac:dyDescent="0.2">
      <c r="B20" s="257" t="s">
        <v>18</v>
      </c>
      <c r="C20" s="281">
        <v>0</v>
      </c>
      <c r="D20" s="281">
        <v>0</v>
      </c>
      <c r="E20" s="278">
        <v>0</v>
      </c>
      <c r="F20" s="280">
        <v>0</v>
      </c>
      <c r="G20" s="281">
        <v>2005</v>
      </c>
      <c r="H20" s="281">
        <v>1825</v>
      </c>
      <c r="I20" s="281">
        <v>997</v>
      </c>
      <c r="J20" s="281">
        <v>397</v>
      </c>
      <c r="K20" s="281">
        <v>131</v>
      </c>
      <c r="L20" s="278">
        <v>5355</v>
      </c>
      <c r="M20" s="283">
        <v>5355</v>
      </c>
      <c r="N20" s="281">
        <v>0</v>
      </c>
      <c r="O20" s="281">
        <v>0</v>
      </c>
      <c r="P20" s="278">
        <v>0</v>
      </c>
      <c r="Q20" s="280">
        <v>0</v>
      </c>
      <c r="R20" s="281">
        <v>127</v>
      </c>
      <c r="S20" s="281">
        <v>63</v>
      </c>
      <c r="T20" s="281">
        <v>141</v>
      </c>
      <c r="U20" s="281">
        <v>151</v>
      </c>
      <c r="V20" s="281">
        <v>136</v>
      </c>
      <c r="W20" s="278">
        <v>618</v>
      </c>
      <c r="X20" s="283">
        <v>618</v>
      </c>
    </row>
    <row r="21" spans="2:24" ht="19.8" customHeight="1" x14ac:dyDescent="0.2">
      <c r="B21" s="257" t="s">
        <v>19</v>
      </c>
      <c r="C21" s="281">
        <v>0</v>
      </c>
      <c r="D21" s="281">
        <v>0</v>
      </c>
      <c r="E21" s="278">
        <v>0</v>
      </c>
      <c r="F21" s="280">
        <v>0</v>
      </c>
      <c r="G21" s="281">
        <v>1088</v>
      </c>
      <c r="H21" s="281">
        <v>962</v>
      </c>
      <c r="I21" s="281">
        <v>544</v>
      </c>
      <c r="J21" s="281">
        <v>243</v>
      </c>
      <c r="K21" s="281">
        <v>125</v>
      </c>
      <c r="L21" s="278">
        <v>2962</v>
      </c>
      <c r="M21" s="283">
        <v>2962</v>
      </c>
      <c r="N21" s="281">
        <v>0</v>
      </c>
      <c r="O21" s="281">
        <v>0</v>
      </c>
      <c r="P21" s="278">
        <v>0</v>
      </c>
      <c r="Q21" s="280">
        <v>0</v>
      </c>
      <c r="R21" s="281">
        <v>96</v>
      </c>
      <c r="S21" s="281">
        <v>251</v>
      </c>
      <c r="T21" s="281">
        <v>183</v>
      </c>
      <c r="U21" s="281">
        <v>22</v>
      </c>
      <c r="V21" s="281">
        <v>44</v>
      </c>
      <c r="W21" s="278">
        <v>596</v>
      </c>
      <c r="X21" s="283">
        <v>596</v>
      </c>
    </row>
    <row r="22" spans="2:24" ht="19.8" customHeight="1" x14ac:dyDescent="0.2">
      <c r="B22" s="257" t="s">
        <v>20</v>
      </c>
      <c r="C22" s="281">
        <v>0</v>
      </c>
      <c r="D22" s="281">
        <v>0</v>
      </c>
      <c r="E22" s="278">
        <v>0</v>
      </c>
      <c r="F22" s="280">
        <v>0</v>
      </c>
      <c r="G22" s="281">
        <v>1362</v>
      </c>
      <c r="H22" s="281">
        <v>657</v>
      </c>
      <c r="I22" s="281">
        <v>516</v>
      </c>
      <c r="J22" s="281">
        <v>289</v>
      </c>
      <c r="K22" s="281">
        <v>44</v>
      </c>
      <c r="L22" s="278">
        <v>2868</v>
      </c>
      <c r="M22" s="283">
        <v>2868</v>
      </c>
      <c r="N22" s="281">
        <v>0</v>
      </c>
      <c r="O22" s="281">
        <v>0</v>
      </c>
      <c r="P22" s="278">
        <v>0</v>
      </c>
      <c r="Q22" s="280">
        <v>0</v>
      </c>
      <c r="R22" s="281">
        <v>9</v>
      </c>
      <c r="S22" s="281">
        <v>30</v>
      </c>
      <c r="T22" s="281">
        <v>52</v>
      </c>
      <c r="U22" s="281">
        <v>8</v>
      </c>
      <c r="V22" s="281">
        <v>8</v>
      </c>
      <c r="W22" s="278">
        <v>107</v>
      </c>
      <c r="X22" s="283">
        <v>107</v>
      </c>
    </row>
    <row r="23" spans="2:24" ht="19.8" customHeight="1" x14ac:dyDescent="0.2">
      <c r="B23" s="257" t="s">
        <v>21</v>
      </c>
      <c r="C23" s="281">
        <v>0</v>
      </c>
      <c r="D23" s="281">
        <v>0</v>
      </c>
      <c r="E23" s="278">
        <v>0</v>
      </c>
      <c r="F23" s="280">
        <v>0</v>
      </c>
      <c r="G23" s="281">
        <v>1369</v>
      </c>
      <c r="H23" s="281">
        <v>1625</v>
      </c>
      <c r="I23" s="281">
        <v>719</v>
      </c>
      <c r="J23" s="281">
        <v>347</v>
      </c>
      <c r="K23" s="281">
        <v>183</v>
      </c>
      <c r="L23" s="278">
        <v>4243</v>
      </c>
      <c r="M23" s="283">
        <v>4243</v>
      </c>
      <c r="N23" s="281">
        <v>0</v>
      </c>
      <c r="O23" s="281">
        <v>5</v>
      </c>
      <c r="P23" s="278">
        <v>5</v>
      </c>
      <c r="Q23" s="280">
        <v>0</v>
      </c>
      <c r="R23" s="281">
        <v>0</v>
      </c>
      <c r="S23" s="281">
        <v>0</v>
      </c>
      <c r="T23" s="281">
        <v>0</v>
      </c>
      <c r="U23" s="281">
        <v>0</v>
      </c>
      <c r="V23" s="281">
        <v>0</v>
      </c>
      <c r="W23" s="278">
        <v>0</v>
      </c>
      <c r="X23" s="283">
        <v>5</v>
      </c>
    </row>
    <row r="24" spans="2:24" ht="19.8" customHeight="1" x14ac:dyDescent="0.2">
      <c r="B24" s="257" t="s">
        <v>22</v>
      </c>
      <c r="C24" s="281">
        <v>0</v>
      </c>
      <c r="D24" s="281">
        <v>0</v>
      </c>
      <c r="E24" s="278">
        <v>0</v>
      </c>
      <c r="F24" s="280">
        <v>0</v>
      </c>
      <c r="G24" s="281">
        <v>1154</v>
      </c>
      <c r="H24" s="281">
        <v>881</v>
      </c>
      <c r="I24" s="281">
        <v>412</v>
      </c>
      <c r="J24" s="281">
        <v>283</v>
      </c>
      <c r="K24" s="281">
        <v>83</v>
      </c>
      <c r="L24" s="278">
        <v>2813</v>
      </c>
      <c r="M24" s="283">
        <v>2813</v>
      </c>
      <c r="N24" s="281">
        <v>0</v>
      </c>
      <c r="O24" s="281">
        <v>0</v>
      </c>
      <c r="P24" s="278">
        <v>0</v>
      </c>
      <c r="Q24" s="280">
        <v>0</v>
      </c>
      <c r="R24" s="281">
        <v>66</v>
      </c>
      <c r="S24" s="281">
        <v>47</v>
      </c>
      <c r="T24" s="281">
        <v>56</v>
      </c>
      <c r="U24" s="281">
        <v>26</v>
      </c>
      <c r="V24" s="281">
        <v>20</v>
      </c>
      <c r="W24" s="278">
        <v>215</v>
      </c>
      <c r="X24" s="283">
        <v>215</v>
      </c>
    </row>
    <row r="25" spans="2:24" ht="19.8" customHeight="1" x14ac:dyDescent="0.2">
      <c r="B25" s="257" t="s">
        <v>23</v>
      </c>
      <c r="C25" s="281">
        <v>0</v>
      </c>
      <c r="D25" s="281">
        <v>0</v>
      </c>
      <c r="E25" s="278">
        <v>0</v>
      </c>
      <c r="F25" s="280">
        <v>0</v>
      </c>
      <c r="G25" s="281">
        <v>509</v>
      </c>
      <c r="H25" s="281">
        <v>377</v>
      </c>
      <c r="I25" s="281">
        <v>177</v>
      </c>
      <c r="J25" s="281">
        <v>140</v>
      </c>
      <c r="K25" s="281">
        <v>41</v>
      </c>
      <c r="L25" s="278">
        <v>1244</v>
      </c>
      <c r="M25" s="283">
        <v>1244</v>
      </c>
      <c r="N25" s="281">
        <v>0</v>
      </c>
      <c r="O25" s="281">
        <v>0</v>
      </c>
      <c r="P25" s="278">
        <v>0</v>
      </c>
      <c r="Q25" s="280">
        <v>0</v>
      </c>
      <c r="R25" s="281">
        <v>0</v>
      </c>
      <c r="S25" s="281">
        <v>4</v>
      </c>
      <c r="T25" s="281">
        <v>0</v>
      </c>
      <c r="U25" s="281">
        <v>44</v>
      </c>
      <c r="V25" s="281">
        <v>0</v>
      </c>
      <c r="W25" s="278">
        <v>48</v>
      </c>
      <c r="X25" s="283">
        <v>48</v>
      </c>
    </row>
    <row r="26" spans="2:24" ht="19.8" customHeight="1" x14ac:dyDescent="0.2">
      <c r="B26" s="257" t="s">
        <v>24</v>
      </c>
      <c r="C26" s="281">
        <v>0</v>
      </c>
      <c r="D26" s="281">
        <v>0</v>
      </c>
      <c r="E26" s="278">
        <v>0</v>
      </c>
      <c r="F26" s="280">
        <v>0</v>
      </c>
      <c r="G26" s="281">
        <v>274</v>
      </c>
      <c r="H26" s="281">
        <v>104</v>
      </c>
      <c r="I26" s="281">
        <v>107</v>
      </c>
      <c r="J26" s="281">
        <v>22</v>
      </c>
      <c r="K26" s="281">
        <v>15</v>
      </c>
      <c r="L26" s="278">
        <v>522</v>
      </c>
      <c r="M26" s="283">
        <v>522</v>
      </c>
      <c r="N26" s="281">
        <v>0</v>
      </c>
      <c r="O26" s="281">
        <v>0</v>
      </c>
      <c r="P26" s="278">
        <v>0</v>
      </c>
      <c r="Q26" s="280">
        <v>0</v>
      </c>
      <c r="R26" s="281">
        <v>85</v>
      </c>
      <c r="S26" s="281">
        <v>70</v>
      </c>
      <c r="T26" s="281">
        <v>40</v>
      </c>
      <c r="U26" s="281">
        <v>15</v>
      </c>
      <c r="V26" s="281">
        <v>19</v>
      </c>
      <c r="W26" s="278">
        <v>229</v>
      </c>
      <c r="X26" s="283">
        <v>229</v>
      </c>
    </row>
    <row r="27" spans="2:24" ht="19.8" customHeight="1" x14ac:dyDescent="0.2">
      <c r="B27" s="257" t="s">
        <v>25</v>
      </c>
      <c r="C27" s="281">
        <v>0</v>
      </c>
      <c r="D27" s="281">
        <v>0</v>
      </c>
      <c r="E27" s="278">
        <v>0</v>
      </c>
      <c r="F27" s="280">
        <v>0</v>
      </c>
      <c r="G27" s="281">
        <v>738</v>
      </c>
      <c r="H27" s="281">
        <v>293</v>
      </c>
      <c r="I27" s="281">
        <v>137</v>
      </c>
      <c r="J27" s="281">
        <v>67</v>
      </c>
      <c r="K27" s="281">
        <v>12</v>
      </c>
      <c r="L27" s="278">
        <v>1247</v>
      </c>
      <c r="M27" s="283">
        <v>1247</v>
      </c>
      <c r="N27" s="281">
        <v>0</v>
      </c>
      <c r="O27" s="281">
        <v>0</v>
      </c>
      <c r="P27" s="278">
        <v>0</v>
      </c>
      <c r="Q27" s="280">
        <v>0</v>
      </c>
      <c r="R27" s="281">
        <v>0</v>
      </c>
      <c r="S27" s="281">
        <v>0</v>
      </c>
      <c r="T27" s="281">
        <v>0</v>
      </c>
      <c r="U27" s="281">
        <v>0</v>
      </c>
      <c r="V27" s="281">
        <v>0</v>
      </c>
      <c r="W27" s="278">
        <v>0</v>
      </c>
      <c r="X27" s="283">
        <v>0</v>
      </c>
    </row>
    <row r="28" spans="2:24" ht="19.8" customHeight="1" x14ac:dyDescent="0.2">
      <c r="B28" s="257" t="s">
        <v>26</v>
      </c>
      <c r="C28" s="281">
        <v>0</v>
      </c>
      <c r="D28" s="281">
        <v>0</v>
      </c>
      <c r="E28" s="278">
        <v>0</v>
      </c>
      <c r="F28" s="280">
        <v>0</v>
      </c>
      <c r="G28" s="281">
        <v>375</v>
      </c>
      <c r="H28" s="281">
        <v>313</v>
      </c>
      <c r="I28" s="281">
        <v>238</v>
      </c>
      <c r="J28" s="281">
        <v>107</v>
      </c>
      <c r="K28" s="281">
        <v>145</v>
      </c>
      <c r="L28" s="278">
        <v>1178</v>
      </c>
      <c r="M28" s="283">
        <v>1178</v>
      </c>
      <c r="N28" s="281">
        <v>0</v>
      </c>
      <c r="O28" s="281">
        <v>0</v>
      </c>
      <c r="P28" s="278">
        <v>0</v>
      </c>
      <c r="Q28" s="280">
        <v>0</v>
      </c>
      <c r="R28" s="281">
        <v>3</v>
      </c>
      <c r="S28" s="281">
        <v>31</v>
      </c>
      <c r="T28" s="281">
        <v>103</v>
      </c>
      <c r="U28" s="281">
        <v>13</v>
      </c>
      <c r="V28" s="281">
        <v>46</v>
      </c>
      <c r="W28" s="278">
        <v>196</v>
      </c>
      <c r="X28" s="283">
        <v>196</v>
      </c>
    </row>
    <row r="29" spans="2:24" ht="19.8" customHeight="1" x14ac:dyDescent="0.2">
      <c r="B29" s="257" t="s">
        <v>27</v>
      </c>
      <c r="C29" s="281">
        <v>0</v>
      </c>
      <c r="D29" s="281">
        <v>0</v>
      </c>
      <c r="E29" s="278">
        <v>0</v>
      </c>
      <c r="F29" s="280">
        <v>0</v>
      </c>
      <c r="G29" s="281">
        <v>291</v>
      </c>
      <c r="H29" s="281">
        <v>129</v>
      </c>
      <c r="I29" s="281">
        <v>70</v>
      </c>
      <c r="J29" s="281">
        <v>13</v>
      </c>
      <c r="K29" s="281">
        <v>0</v>
      </c>
      <c r="L29" s="278">
        <v>503</v>
      </c>
      <c r="M29" s="283">
        <v>503</v>
      </c>
      <c r="N29" s="281">
        <v>0</v>
      </c>
      <c r="O29" s="281">
        <v>0</v>
      </c>
      <c r="P29" s="278">
        <v>0</v>
      </c>
      <c r="Q29" s="280">
        <v>0</v>
      </c>
      <c r="R29" s="281">
        <v>16</v>
      </c>
      <c r="S29" s="281">
        <v>19</v>
      </c>
      <c r="T29" s="281">
        <v>21</v>
      </c>
      <c r="U29" s="281">
        <v>22</v>
      </c>
      <c r="V29" s="281">
        <v>0</v>
      </c>
      <c r="W29" s="278">
        <v>78</v>
      </c>
      <c r="X29" s="283">
        <v>78</v>
      </c>
    </row>
    <row r="30" spans="2:24" ht="19.8" customHeight="1" x14ac:dyDescent="0.2">
      <c r="B30" s="257" t="s">
        <v>28</v>
      </c>
      <c r="C30" s="281">
        <v>0</v>
      </c>
      <c r="D30" s="281">
        <v>0</v>
      </c>
      <c r="E30" s="278">
        <v>0</v>
      </c>
      <c r="F30" s="280">
        <v>0</v>
      </c>
      <c r="G30" s="281">
        <v>158</v>
      </c>
      <c r="H30" s="281">
        <v>129</v>
      </c>
      <c r="I30" s="281">
        <v>12</v>
      </c>
      <c r="J30" s="281">
        <v>30</v>
      </c>
      <c r="K30" s="281">
        <v>8</v>
      </c>
      <c r="L30" s="278">
        <v>337</v>
      </c>
      <c r="M30" s="283">
        <v>337</v>
      </c>
      <c r="N30" s="281">
        <v>0</v>
      </c>
      <c r="O30" s="281">
        <v>0</v>
      </c>
      <c r="P30" s="278">
        <v>0</v>
      </c>
      <c r="Q30" s="280">
        <v>0</v>
      </c>
      <c r="R30" s="281">
        <v>9</v>
      </c>
      <c r="S30" s="281">
        <v>5</v>
      </c>
      <c r="T30" s="281">
        <v>26</v>
      </c>
      <c r="U30" s="281">
        <v>0</v>
      </c>
      <c r="V30" s="281">
        <v>2</v>
      </c>
      <c r="W30" s="278">
        <v>42</v>
      </c>
      <c r="X30" s="283">
        <v>42</v>
      </c>
    </row>
    <row r="31" spans="2:24" ht="19.8" customHeight="1" x14ac:dyDescent="0.2">
      <c r="B31" s="257" t="s">
        <v>29</v>
      </c>
      <c r="C31" s="281">
        <v>0</v>
      </c>
      <c r="D31" s="281">
        <v>0</v>
      </c>
      <c r="E31" s="278">
        <v>0</v>
      </c>
      <c r="F31" s="280">
        <v>0</v>
      </c>
      <c r="G31" s="281">
        <v>125</v>
      </c>
      <c r="H31" s="281">
        <v>158</v>
      </c>
      <c r="I31" s="281">
        <v>19</v>
      </c>
      <c r="J31" s="281">
        <v>36</v>
      </c>
      <c r="K31" s="281">
        <v>0</v>
      </c>
      <c r="L31" s="278">
        <v>338</v>
      </c>
      <c r="M31" s="283">
        <v>338</v>
      </c>
      <c r="N31" s="281">
        <v>0</v>
      </c>
      <c r="O31" s="281">
        <v>0</v>
      </c>
      <c r="P31" s="278">
        <v>0</v>
      </c>
      <c r="Q31" s="280">
        <v>0</v>
      </c>
      <c r="R31" s="281">
        <v>0</v>
      </c>
      <c r="S31" s="281">
        <v>6</v>
      </c>
      <c r="T31" s="281">
        <v>32</v>
      </c>
      <c r="U31" s="281">
        <v>0</v>
      </c>
      <c r="V31" s="281">
        <v>0</v>
      </c>
      <c r="W31" s="278">
        <v>38</v>
      </c>
      <c r="X31" s="283">
        <v>38</v>
      </c>
    </row>
    <row r="32" spans="2:24" ht="19.8" customHeight="1" x14ac:dyDescent="0.2">
      <c r="B32" s="257" t="s">
        <v>30</v>
      </c>
      <c r="C32" s="281">
        <v>0</v>
      </c>
      <c r="D32" s="281">
        <v>0</v>
      </c>
      <c r="E32" s="278">
        <v>0</v>
      </c>
      <c r="F32" s="280">
        <v>0</v>
      </c>
      <c r="G32" s="281">
        <v>210</v>
      </c>
      <c r="H32" s="281">
        <v>133</v>
      </c>
      <c r="I32" s="281">
        <v>87</v>
      </c>
      <c r="J32" s="281">
        <v>48</v>
      </c>
      <c r="K32" s="281">
        <v>0</v>
      </c>
      <c r="L32" s="278">
        <v>478</v>
      </c>
      <c r="M32" s="283">
        <v>478</v>
      </c>
      <c r="N32" s="281">
        <v>5</v>
      </c>
      <c r="O32" s="281">
        <v>0</v>
      </c>
      <c r="P32" s="278">
        <v>5</v>
      </c>
      <c r="Q32" s="280">
        <v>0</v>
      </c>
      <c r="R32" s="281">
        <v>7</v>
      </c>
      <c r="S32" s="281">
        <v>7</v>
      </c>
      <c r="T32" s="281">
        <v>21</v>
      </c>
      <c r="U32" s="281">
        <v>0</v>
      </c>
      <c r="V32" s="281">
        <v>0</v>
      </c>
      <c r="W32" s="278">
        <v>35</v>
      </c>
      <c r="X32" s="283">
        <v>40</v>
      </c>
    </row>
    <row r="33" spans="2:24" ht="19.8" customHeight="1" x14ac:dyDescent="0.2">
      <c r="B33" s="257" t="s">
        <v>31</v>
      </c>
      <c r="C33" s="281">
        <v>0</v>
      </c>
      <c r="D33" s="281">
        <v>0</v>
      </c>
      <c r="E33" s="278">
        <v>0</v>
      </c>
      <c r="F33" s="280">
        <v>0</v>
      </c>
      <c r="G33" s="281">
        <v>238</v>
      </c>
      <c r="H33" s="281">
        <v>137</v>
      </c>
      <c r="I33" s="281">
        <v>104</v>
      </c>
      <c r="J33" s="281">
        <v>18</v>
      </c>
      <c r="K33" s="281">
        <v>4</v>
      </c>
      <c r="L33" s="278">
        <v>501</v>
      </c>
      <c r="M33" s="283">
        <v>501</v>
      </c>
      <c r="N33" s="281">
        <v>0</v>
      </c>
      <c r="O33" s="281">
        <v>0</v>
      </c>
      <c r="P33" s="278">
        <v>0</v>
      </c>
      <c r="Q33" s="280">
        <v>0</v>
      </c>
      <c r="R33" s="281">
        <v>0</v>
      </c>
      <c r="S33" s="281">
        <v>0</v>
      </c>
      <c r="T33" s="281">
        <v>13</v>
      </c>
      <c r="U33" s="281">
        <v>0</v>
      </c>
      <c r="V33" s="281">
        <v>17</v>
      </c>
      <c r="W33" s="278">
        <v>30</v>
      </c>
      <c r="X33" s="283">
        <v>30</v>
      </c>
    </row>
    <row r="34" spans="2:24" ht="19.8" customHeight="1" x14ac:dyDescent="0.2">
      <c r="B34" s="257" t="s">
        <v>32</v>
      </c>
      <c r="C34" s="281">
        <v>0</v>
      </c>
      <c r="D34" s="281">
        <v>0</v>
      </c>
      <c r="E34" s="278">
        <v>0</v>
      </c>
      <c r="F34" s="280">
        <v>0</v>
      </c>
      <c r="G34" s="281">
        <v>374</v>
      </c>
      <c r="H34" s="281">
        <v>284</v>
      </c>
      <c r="I34" s="281">
        <v>88</v>
      </c>
      <c r="J34" s="281">
        <v>42</v>
      </c>
      <c r="K34" s="281">
        <v>21</v>
      </c>
      <c r="L34" s="278">
        <v>809</v>
      </c>
      <c r="M34" s="283">
        <v>809</v>
      </c>
      <c r="N34" s="281">
        <v>0</v>
      </c>
      <c r="O34" s="281">
        <v>0</v>
      </c>
      <c r="P34" s="278">
        <v>0</v>
      </c>
      <c r="Q34" s="280">
        <v>0</v>
      </c>
      <c r="R34" s="281">
        <v>12</v>
      </c>
      <c r="S34" s="281">
        <v>0</v>
      </c>
      <c r="T34" s="281">
        <v>26</v>
      </c>
      <c r="U34" s="281">
        <v>12</v>
      </c>
      <c r="V34" s="281">
        <v>12</v>
      </c>
      <c r="W34" s="278">
        <v>62</v>
      </c>
      <c r="X34" s="283">
        <v>62</v>
      </c>
    </row>
    <row r="35" spans="2:24" ht="19.8" customHeight="1" x14ac:dyDescent="0.2">
      <c r="B35" s="257" t="s">
        <v>33</v>
      </c>
      <c r="C35" s="281">
        <v>0</v>
      </c>
      <c r="D35" s="281">
        <v>0</v>
      </c>
      <c r="E35" s="278">
        <v>0</v>
      </c>
      <c r="F35" s="280">
        <v>0</v>
      </c>
      <c r="G35" s="281">
        <v>182</v>
      </c>
      <c r="H35" s="281">
        <v>54</v>
      </c>
      <c r="I35" s="281">
        <v>49</v>
      </c>
      <c r="J35" s="281">
        <v>49</v>
      </c>
      <c r="K35" s="281">
        <v>18</v>
      </c>
      <c r="L35" s="278">
        <v>352</v>
      </c>
      <c r="M35" s="283">
        <v>352</v>
      </c>
      <c r="N35" s="281">
        <v>0</v>
      </c>
      <c r="O35" s="281">
        <v>0</v>
      </c>
      <c r="P35" s="278">
        <v>0</v>
      </c>
      <c r="Q35" s="280">
        <v>0</v>
      </c>
      <c r="R35" s="281">
        <v>7</v>
      </c>
      <c r="S35" s="281">
        <v>0</v>
      </c>
      <c r="T35" s="281">
        <v>0</v>
      </c>
      <c r="U35" s="281">
        <v>0</v>
      </c>
      <c r="V35" s="281">
        <v>0</v>
      </c>
      <c r="W35" s="278">
        <v>7</v>
      </c>
      <c r="X35" s="283">
        <v>7</v>
      </c>
    </row>
    <row r="36" spans="2:24" ht="19.8" customHeight="1" x14ac:dyDescent="0.2">
      <c r="B36" s="257" t="s">
        <v>34</v>
      </c>
      <c r="C36" s="281">
        <v>0</v>
      </c>
      <c r="D36" s="281">
        <v>0</v>
      </c>
      <c r="E36" s="278">
        <v>0</v>
      </c>
      <c r="F36" s="280">
        <v>0</v>
      </c>
      <c r="G36" s="281">
        <v>162</v>
      </c>
      <c r="H36" s="281">
        <v>33</v>
      </c>
      <c r="I36" s="281">
        <v>43</v>
      </c>
      <c r="J36" s="281">
        <v>26</v>
      </c>
      <c r="K36" s="281">
        <v>0</v>
      </c>
      <c r="L36" s="278">
        <v>264</v>
      </c>
      <c r="M36" s="283">
        <v>264</v>
      </c>
      <c r="N36" s="281">
        <v>0</v>
      </c>
      <c r="O36" s="281">
        <v>0</v>
      </c>
      <c r="P36" s="278">
        <v>0</v>
      </c>
      <c r="Q36" s="280">
        <v>0</v>
      </c>
      <c r="R36" s="281">
        <v>0</v>
      </c>
      <c r="S36" s="281">
        <v>0</v>
      </c>
      <c r="T36" s="281">
        <v>0</v>
      </c>
      <c r="U36" s="281">
        <v>8</v>
      </c>
      <c r="V36" s="281">
        <v>0</v>
      </c>
      <c r="W36" s="278">
        <v>8</v>
      </c>
      <c r="X36" s="283">
        <v>8</v>
      </c>
    </row>
    <row r="37" spans="2:24" ht="19.8" customHeight="1" x14ac:dyDescent="0.2">
      <c r="B37" s="257" t="s">
        <v>35</v>
      </c>
      <c r="C37" s="281">
        <v>0</v>
      </c>
      <c r="D37" s="281">
        <v>0</v>
      </c>
      <c r="E37" s="278">
        <v>0</v>
      </c>
      <c r="F37" s="280">
        <v>0</v>
      </c>
      <c r="G37" s="281">
        <v>159</v>
      </c>
      <c r="H37" s="281">
        <v>217</v>
      </c>
      <c r="I37" s="281">
        <v>142</v>
      </c>
      <c r="J37" s="281">
        <v>121</v>
      </c>
      <c r="K37" s="281">
        <v>21</v>
      </c>
      <c r="L37" s="278">
        <v>660</v>
      </c>
      <c r="M37" s="283">
        <v>660</v>
      </c>
      <c r="N37" s="281">
        <v>0</v>
      </c>
      <c r="O37" s="281">
        <v>0</v>
      </c>
      <c r="P37" s="278">
        <v>0</v>
      </c>
      <c r="Q37" s="280">
        <v>0</v>
      </c>
      <c r="R37" s="281">
        <v>0</v>
      </c>
      <c r="S37" s="281">
        <v>0</v>
      </c>
      <c r="T37" s="281">
        <v>0</v>
      </c>
      <c r="U37" s="281">
        <v>0</v>
      </c>
      <c r="V37" s="281">
        <v>0</v>
      </c>
      <c r="W37" s="278">
        <v>0</v>
      </c>
      <c r="X37" s="283">
        <v>0</v>
      </c>
    </row>
    <row r="38" spans="2:24" ht="19.8" customHeight="1" x14ac:dyDescent="0.2">
      <c r="B38" s="257" t="s">
        <v>36</v>
      </c>
      <c r="C38" s="281">
        <v>0</v>
      </c>
      <c r="D38" s="281">
        <v>0</v>
      </c>
      <c r="E38" s="278">
        <v>0</v>
      </c>
      <c r="F38" s="280">
        <v>0</v>
      </c>
      <c r="G38" s="281">
        <v>383</v>
      </c>
      <c r="H38" s="281">
        <v>430</v>
      </c>
      <c r="I38" s="281">
        <v>456</v>
      </c>
      <c r="J38" s="281">
        <v>220</v>
      </c>
      <c r="K38" s="281">
        <v>169</v>
      </c>
      <c r="L38" s="278">
        <v>1658</v>
      </c>
      <c r="M38" s="283">
        <v>1658</v>
      </c>
      <c r="N38" s="281">
        <v>0</v>
      </c>
      <c r="O38" s="281">
        <v>0</v>
      </c>
      <c r="P38" s="278">
        <v>0</v>
      </c>
      <c r="Q38" s="280">
        <v>0</v>
      </c>
      <c r="R38" s="281">
        <v>0</v>
      </c>
      <c r="S38" s="281">
        <v>0</v>
      </c>
      <c r="T38" s="281">
        <v>0</v>
      </c>
      <c r="U38" s="281">
        <v>0</v>
      </c>
      <c r="V38" s="281">
        <v>0</v>
      </c>
      <c r="W38" s="278">
        <v>0</v>
      </c>
      <c r="X38" s="283">
        <v>0</v>
      </c>
    </row>
    <row r="39" spans="2:24" ht="19.8" customHeight="1" thickBot="1" x14ac:dyDescent="0.25">
      <c r="B39" s="258" t="s">
        <v>37</v>
      </c>
      <c r="C39" s="288">
        <v>0</v>
      </c>
      <c r="D39" s="288">
        <v>0</v>
      </c>
      <c r="E39" s="285">
        <v>0</v>
      </c>
      <c r="F39" s="287">
        <v>0</v>
      </c>
      <c r="G39" s="288">
        <v>169</v>
      </c>
      <c r="H39" s="288">
        <v>102</v>
      </c>
      <c r="I39" s="288">
        <v>66</v>
      </c>
      <c r="J39" s="288">
        <v>0</v>
      </c>
      <c r="K39" s="288">
        <v>27</v>
      </c>
      <c r="L39" s="285">
        <v>364</v>
      </c>
      <c r="M39" s="290">
        <v>364</v>
      </c>
      <c r="N39" s="288">
        <v>0</v>
      </c>
      <c r="O39" s="288">
        <v>0</v>
      </c>
      <c r="P39" s="285">
        <v>0</v>
      </c>
      <c r="Q39" s="287">
        <v>0</v>
      </c>
      <c r="R39" s="288">
        <v>5</v>
      </c>
      <c r="S39" s="288">
        <v>0</v>
      </c>
      <c r="T39" s="288">
        <v>20</v>
      </c>
      <c r="U39" s="288">
        <v>0</v>
      </c>
      <c r="V39" s="288">
        <v>15</v>
      </c>
      <c r="W39" s="285">
        <v>40</v>
      </c>
      <c r="X39" s="290">
        <v>4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 style="256" customWidth="1"/>
    <col min="6" max="6" width="7.77734375" style="256" customWidth="1"/>
    <col min="7" max="7" width="10.77734375" style="256" customWidth="1"/>
    <col min="8" max="16" width="9" style="256"/>
    <col min="17" max="17" width="7.6640625" style="256" customWidth="1"/>
    <col min="18" max="16384" width="9" style="256"/>
  </cols>
  <sheetData>
    <row r="1" spans="2:24" ht="24" customHeight="1" x14ac:dyDescent="0.2">
      <c r="B1" s="291" t="s">
        <v>125</v>
      </c>
      <c r="H1" s="528">
        <f>第１表!F2</f>
        <v>4</v>
      </c>
      <c r="I1" s="528"/>
      <c r="J1" s="248">
        <f>第１表!G2</f>
        <v>8</v>
      </c>
      <c r="K1" s="529">
        <f>IF(J1&lt;3,J1+12-2,J1-2)</f>
        <v>6</v>
      </c>
      <c r="L1" s="529"/>
    </row>
    <row r="2" spans="2:24" ht="24" customHeight="1" thickBot="1" x14ac:dyDescent="0.25">
      <c r="B2" s="291" t="s">
        <v>135</v>
      </c>
    </row>
    <row r="3" spans="2:24" ht="18.75" customHeight="1" x14ac:dyDescent="0.2">
      <c r="B3" s="541"/>
      <c r="C3" s="537" t="s">
        <v>143</v>
      </c>
      <c r="D3" s="537"/>
      <c r="E3" s="537"/>
      <c r="F3" s="537"/>
      <c r="G3" s="537"/>
      <c r="H3" s="537"/>
      <c r="I3" s="537"/>
      <c r="J3" s="537"/>
      <c r="K3" s="537"/>
      <c r="L3" s="537"/>
      <c r="M3" s="567"/>
      <c r="N3" s="537" t="s">
        <v>113</v>
      </c>
      <c r="O3" s="537"/>
      <c r="P3" s="537"/>
      <c r="Q3" s="537"/>
      <c r="R3" s="537"/>
      <c r="S3" s="537"/>
      <c r="T3" s="537"/>
      <c r="U3" s="537"/>
      <c r="V3" s="537"/>
      <c r="W3" s="537"/>
      <c r="X3" s="567"/>
    </row>
    <row r="4" spans="2:24" ht="18.75" customHeight="1" x14ac:dyDescent="0.2">
      <c r="B4" s="565"/>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27" thickBot="1" x14ac:dyDescent="0.25">
      <c r="B5" s="566"/>
      <c r="C5" s="260" t="s">
        <v>43</v>
      </c>
      <c r="D5" s="260" t="s">
        <v>44</v>
      </c>
      <c r="E5" s="266" t="s">
        <v>45</v>
      </c>
      <c r="F5" s="268" t="s">
        <v>83</v>
      </c>
      <c r="G5" s="260" t="s">
        <v>47</v>
      </c>
      <c r="H5" s="260" t="s">
        <v>48</v>
      </c>
      <c r="I5" s="260" t="s">
        <v>49</v>
      </c>
      <c r="J5" s="260" t="s">
        <v>50</v>
      </c>
      <c r="K5" s="260" t="s">
        <v>51</v>
      </c>
      <c r="L5" s="266" t="s">
        <v>45</v>
      </c>
      <c r="M5" s="540"/>
      <c r="N5" s="260" t="s">
        <v>43</v>
      </c>
      <c r="O5" s="260" t="s">
        <v>44</v>
      </c>
      <c r="P5" s="266" t="s">
        <v>45</v>
      </c>
      <c r="Q5" s="268" t="s">
        <v>83</v>
      </c>
      <c r="R5" s="260" t="s">
        <v>47</v>
      </c>
      <c r="S5" s="260" t="s">
        <v>48</v>
      </c>
      <c r="T5" s="260" t="s">
        <v>49</v>
      </c>
      <c r="U5" s="260" t="s">
        <v>50</v>
      </c>
      <c r="V5" s="260" t="s">
        <v>51</v>
      </c>
      <c r="W5" s="266" t="s">
        <v>45</v>
      </c>
      <c r="X5" s="540"/>
    </row>
    <row r="6" spans="2:24" ht="19.8" customHeight="1" x14ac:dyDescent="0.2">
      <c r="B6" s="259" t="s">
        <v>4</v>
      </c>
      <c r="C6" s="274">
        <v>0</v>
      </c>
      <c r="D6" s="274">
        <v>0</v>
      </c>
      <c r="E6" s="271">
        <v>0</v>
      </c>
      <c r="F6" s="273">
        <v>0</v>
      </c>
      <c r="G6" s="274">
        <v>7148</v>
      </c>
      <c r="H6" s="274">
        <v>5678</v>
      </c>
      <c r="I6" s="274">
        <v>3820</v>
      </c>
      <c r="J6" s="274">
        <v>1871</v>
      </c>
      <c r="K6" s="274">
        <v>615</v>
      </c>
      <c r="L6" s="271">
        <v>19132</v>
      </c>
      <c r="M6" s="276">
        <v>19132</v>
      </c>
      <c r="N6" s="274">
        <v>5</v>
      </c>
      <c r="O6" s="274">
        <v>13</v>
      </c>
      <c r="P6" s="271">
        <v>18</v>
      </c>
      <c r="Q6" s="273">
        <v>0</v>
      </c>
      <c r="R6" s="274">
        <v>611</v>
      </c>
      <c r="S6" s="274">
        <v>736</v>
      </c>
      <c r="T6" s="274">
        <v>762</v>
      </c>
      <c r="U6" s="274">
        <v>356</v>
      </c>
      <c r="V6" s="274">
        <v>206</v>
      </c>
      <c r="W6" s="271">
        <v>2671</v>
      </c>
      <c r="X6" s="276">
        <v>2689</v>
      </c>
    </row>
    <row r="7" spans="2:24" ht="19.8" customHeight="1" x14ac:dyDescent="0.2">
      <c r="B7" s="257" t="s">
        <v>5</v>
      </c>
      <c r="C7" s="281">
        <v>0</v>
      </c>
      <c r="D7" s="281">
        <v>0</v>
      </c>
      <c r="E7" s="278">
        <v>0</v>
      </c>
      <c r="F7" s="280">
        <v>0</v>
      </c>
      <c r="G7" s="281">
        <v>2818</v>
      </c>
      <c r="H7" s="281">
        <v>2701</v>
      </c>
      <c r="I7" s="281">
        <v>2013</v>
      </c>
      <c r="J7" s="281">
        <v>960</v>
      </c>
      <c r="K7" s="281">
        <v>292</v>
      </c>
      <c r="L7" s="278">
        <v>8784</v>
      </c>
      <c r="M7" s="283">
        <v>8784</v>
      </c>
      <c r="N7" s="281">
        <v>0</v>
      </c>
      <c r="O7" s="281">
        <v>13</v>
      </c>
      <c r="P7" s="278">
        <v>13</v>
      </c>
      <c r="Q7" s="280">
        <v>0</v>
      </c>
      <c r="R7" s="281">
        <v>262</v>
      </c>
      <c r="S7" s="281">
        <v>409</v>
      </c>
      <c r="T7" s="281">
        <v>421</v>
      </c>
      <c r="U7" s="281">
        <v>241</v>
      </c>
      <c r="V7" s="281">
        <v>129</v>
      </c>
      <c r="W7" s="278">
        <v>1462</v>
      </c>
      <c r="X7" s="283">
        <v>1475</v>
      </c>
    </row>
    <row r="8" spans="2:24" ht="19.8" customHeight="1" x14ac:dyDescent="0.2">
      <c r="B8" s="257" t="s">
        <v>6</v>
      </c>
      <c r="C8" s="281">
        <v>0</v>
      </c>
      <c r="D8" s="281">
        <v>0</v>
      </c>
      <c r="E8" s="278">
        <v>0</v>
      </c>
      <c r="F8" s="280">
        <v>0</v>
      </c>
      <c r="G8" s="281">
        <v>808</v>
      </c>
      <c r="H8" s="281">
        <v>508</v>
      </c>
      <c r="I8" s="281">
        <v>362</v>
      </c>
      <c r="J8" s="281">
        <v>214</v>
      </c>
      <c r="K8" s="281">
        <v>105</v>
      </c>
      <c r="L8" s="278">
        <v>1997</v>
      </c>
      <c r="M8" s="283">
        <v>1997</v>
      </c>
      <c r="N8" s="281">
        <v>0</v>
      </c>
      <c r="O8" s="281">
        <v>0</v>
      </c>
      <c r="P8" s="278">
        <v>0</v>
      </c>
      <c r="Q8" s="280">
        <v>0</v>
      </c>
      <c r="R8" s="281">
        <v>117</v>
      </c>
      <c r="S8" s="281">
        <v>116</v>
      </c>
      <c r="T8" s="281">
        <v>147</v>
      </c>
      <c r="U8" s="281">
        <v>47</v>
      </c>
      <c r="V8" s="281">
        <v>32</v>
      </c>
      <c r="W8" s="278">
        <v>459</v>
      </c>
      <c r="X8" s="283">
        <v>459</v>
      </c>
    </row>
    <row r="9" spans="2:24" ht="19.8" customHeight="1" x14ac:dyDescent="0.2">
      <c r="B9" s="257" t="s">
        <v>14</v>
      </c>
      <c r="C9" s="281">
        <v>0</v>
      </c>
      <c r="D9" s="281">
        <v>0</v>
      </c>
      <c r="E9" s="278">
        <v>0</v>
      </c>
      <c r="F9" s="280">
        <v>0</v>
      </c>
      <c r="G9" s="281">
        <v>604</v>
      </c>
      <c r="H9" s="281">
        <v>486</v>
      </c>
      <c r="I9" s="281">
        <v>400</v>
      </c>
      <c r="J9" s="281">
        <v>172</v>
      </c>
      <c r="K9" s="281">
        <v>22</v>
      </c>
      <c r="L9" s="278">
        <v>1684</v>
      </c>
      <c r="M9" s="283">
        <v>1684</v>
      </c>
      <c r="N9" s="281">
        <v>0</v>
      </c>
      <c r="O9" s="281">
        <v>0</v>
      </c>
      <c r="P9" s="278">
        <v>0</v>
      </c>
      <c r="Q9" s="280">
        <v>0</v>
      </c>
      <c r="R9" s="281">
        <v>9</v>
      </c>
      <c r="S9" s="281">
        <v>8</v>
      </c>
      <c r="T9" s="281">
        <v>0</v>
      </c>
      <c r="U9" s="281">
        <v>9</v>
      </c>
      <c r="V9" s="281">
        <v>0</v>
      </c>
      <c r="W9" s="278">
        <v>26</v>
      </c>
      <c r="X9" s="283">
        <v>26</v>
      </c>
    </row>
    <row r="10" spans="2:24" ht="19.8" customHeight="1" x14ac:dyDescent="0.2">
      <c r="B10" s="257" t="s">
        <v>7</v>
      </c>
      <c r="C10" s="281">
        <v>0</v>
      </c>
      <c r="D10" s="281">
        <v>0</v>
      </c>
      <c r="E10" s="278">
        <v>0</v>
      </c>
      <c r="F10" s="280">
        <v>0</v>
      </c>
      <c r="G10" s="281">
        <v>665</v>
      </c>
      <c r="H10" s="281">
        <v>327</v>
      </c>
      <c r="I10" s="281">
        <v>100</v>
      </c>
      <c r="J10" s="281">
        <v>67</v>
      </c>
      <c r="K10" s="281">
        <v>27</v>
      </c>
      <c r="L10" s="278">
        <v>1186</v>
      </c>
      <c r="M10" s="283">
        <v>1186</v>
      </c>
      <c r="N10" s="281">
        <v>0</v>
      </c>
      <c r="O10" s="281">
        <v>0</v>
      </c>
      <c r="P10" s="278">
        <v>0</v>
      </c>
      <c r="Q10" s="280">
        <v>0</v>
      </c>
      <c r="R10" s="281">
        <v>86</v>
      </c>
      <c r="S10" s="281">
        <v>98</v>
      </c>
      <c r="T10" s="281">
        <v>47</v>
      </c>
      <c r="U10" s="281">
        <v>22</v>
      </c>
      <c r="V10" s="281">
        <v>13</v>
      </c>
      <c r="W10" s="278">
        <v>266</v>
      </c>
      <c r="X10" s="283">
        <v>266</v>
      </c>
    </row>
    <row r="11" spans="2:24" ht="19.8" customHeight="1" x14ac:dyDescent="0.2">
      <c r="B11" s="257" t="s">
        <v>8</v>
      </c>
      <c r="C11" s="281">
        <v>0</v>
      </c>
      <c r="D11" s="281">
        <v>0</v>
      </c>
      <c r="E11" s="278">
        <v>0</v>
      </c>
      <c r="F11" s="280">
        <v>0</v>
      </c>
      <c r="G11" s="281">
        <v>299</v>
      </c>
      <c r="H11" s="281">
        <v>228</v>
      </c>
      <c r="I11" s="281">
        <v>125</v>
      </c>
      <c r="J11" s="281">
        <v>97</v>
      </c>
      <c r="K11" s="281">
        <v>21</v>
      </c>
      <c r="L11" s="278">
        <v>770</v>
      </c>
      <c r="M11" s="283">
        <v>770</v>
      </c>
      <c r="N11" s="281">
        <v>0</v>
      </c>
      <c r="O11" s="281">
        <v>0</v>
      </c>
      <c r="P11" s="278">
        <v>0</v>
      </c>
      <c r="Q11" s="280">
        <v>0</v>
      </c>
      <c r="R11" s="281">
        <v>0</v>
      </c>
      <c r="S11" s="281">
        <v>0</v>
      </c>
      <c r="T11" s="281">
        <v>0</v>
      </c>
      <c r="U11" s="281">
        <v>0</v>
      </c>
      <c r="V11" s="281">
        <v>0</v>
      </c>
      <c r="W11" s="278">
        <v>0</v>
      </c>
      <c r="X11" s="283">
        <v>0</v>
      </c>
    </row>
    <row r="12" spans="2:24" ht="19.8" customHeight="1" x14ac:dyDescent="0.2">
      <c r="B12" s="257" t="s">
        <v>9</v>
      </c>
      <c r="C12" s="281">
        <v>0</v>
      </c>
      <c r="D12" s="281">
        <v>0</v>
      </c>
      <c r="E12" s="278">
        <v>0</v>
      </c>
      <c r="F12" s="280">
        <v>0</v>
      </c>
      <c r="G12" s="281">
        <v>278</v>
      </c>
      <c r="H12" s="281">
        <v>160</v>
      </c>
      <c r="I12" s="281">
        <v>174</v>
      </c>
      <c r="J12" s="281">
        <v>89</v>
      </c>
      <c r="K12" s="281">
        <v>27</v>
      </c>
      <c r="L12" s="278">
        <v>728</v>
      </c>
      <c r="M12" s="283">
        <v>728</v>
      </c>
      <c r="N12" s="281">
        <v>0</v>
      </c>
      <c r="O12" s="281">
        <v>0</v>
      </c>
      <c r="P12" s="278">
        <v>0</v>
      </c>
      <c r="Q12" s="280">
        <v>0</v>
      </c>
      <c r="R12" s="281">
        <v>0</v>
      </c>
      <c r="S12" s="281">
        <v>7</v>
      </c>
      <c r="T12" s="281">
        <v>26</v>
      </c>
      <c r="U12" s="281">
        <v>0</v>
      </c>
      <c r="V12" s="281">
        <v>0</v>
      </c>
      <c r="W12" s="278">
        <v>33</v>
      </c>
      <c r="X12" s="283">
        <v>33</v>
      </c>
    </row>
    <row r="13" spans="2:24" ht="19.8" customHeight="1" x14ac:dyDescent="0.2">
      <c r="B13" s="257" t="s">
        <v>10</v>
      </c>
      <c r="C13" s="281">
        <v>0</v>
      </c>
      <c r="D13" s="281">
        <v>0</v>
      </c>
      <c r="E13" s="278">
        <v>0</v>
      </c>
      <c r="F13" s="280">
        <v>0</v>
      </c>
      <c r="G13" s="281">
        <v>350</v>
      </c>
      <c r="H13" s="281">
        <v>204</v>
      </c>
      <c r="I13" s="281">
        <v>39</v>
      </c>
      <c r="J13" s="281">
        <v>14</v>
      </c>
      <c r="K13" s="281">
        <v>4</v>
      </c>
      <c r="L13" s="278">
        <v>611</v>
      </c>
      <c r="M13" s="283">
        <v>611</v>
      </c>
      <c r="N13" s="281">
        <v>0</v>
      </c>
      <c r="O13" s="281">
        <v>0</v>
      </c>
      <c r="P13" s="278">
        <v>0</v>
      </c>
      <c r="Q13" s="280">
        <v>0</v>
      </c>
      <c r="R13" s="281">
        <v>17</v>
      </c>
      <c r="S13" s="281">
        <v>20</v>
      </c>
      <c r="T13" s="281">
        <v>27</v>
      </c>
      <c r="U13" s="281">
        <v>0</v>
      </c>
      <c r="V13" s="281">
        <v>4</v>
      </c>
      <c r="W13" s="278">
        <v>68</v>
      </c>
      <c r="X13" s="283">
        <v>68</v>
      </c>
    </row>
    <row r="14" spans="2:24" ht="19.8" customHeight="1" x14ac:dyDescent="0.2">
      <c r="B14" s="257" t="s">
        <v>11</v>
      </c>
      <c r="C14" s="281">
        <v>0</v>
      </c>
      <c r="D14" s="281">
        <v>0</v>
      </c>
      <c r="E14" s="278">
        <v>0</v>
      </c>
      <c r="F14" s="280">
        <v>0</v>
      </c>
      <c r="G14" s="281">
        <v>240</v>
      </c>
      <c r="H14" s="281">
        <v>65</v>
      </c>
      <c r="I14" s="281">
        <v>141</v>
      </c>
      <c r="J14" s="281">
        <v>33</v>
      </c>
      <c r="K14" s="281">
        <v>20</v>
      </c>
      <c r="L14" s="278">
        <v>499</v>
      </c>
      <c r="M14" s="283">
        <v>499</v>
      </c>
      <c r="N14" s="281">
        <v>0</v>
      </c>
      <c r="O14" s="281">
        <v>0</v>
      </c>
      <c r="P14" s="278">
        <v>0</v>
      </c>
      <c r="Q14" s="280">
        <v>0</v>
      </c>
      <c r="R14" s="281">
        <v>41</v>
      </c>
      <c r="S14" s="281">
        <v>22</v>
      </c>
      <c r="T14" s="281">
        <v>25</v>
      </c>
      <c r="U14" s="281">
        <v>0</v>
      </c>
      <c r="V14" s="281">
        <v>0</v>
      </c>
      <c r="W14" s="278">
        <v>88</v>
      </c>
      <c r="X14" s="283">
        <v>88</v>
      </c>
    </row>
    <row r="15" spans="2:24" ht="19.8" customHeight="1" x14ac:dyDescent="0.2">
      <c r="B15" s="257" t="s">
        <v>12</v>
      </c>
      <c r="C15" s="281">
        <v>0</v>
      </c>
      <c r="D15" s="281">
        <v>0</v>
      </c>
      <c r="E15" s="278">
        <v>0</v>
      </c>
      <c r="F15" s="280">
        <v>0</v>
      </c>
      <c r="G15" s="281">
        <v>203</v>
      </c>
      <c r="H15" s="281">
        <v>150</v>
      </c>
      <c r="I15" s="281">
        <v>118</v>
      </c>
      <c r="J15" s="281">
        <v>8</v>
      </c>
      <c r="K15" s="281">
        <v>24</v>
      </c>
      <c r="L15" s="278">
        <v>503</v>
      </c>
      <c r="M15" s="283">
        <v>503</v>
      </c>
      <c r="N15" s="281">
        <v>0</v>
      </c>
      <c r="O15" s="281">
        <v>0</v>
      </c>
      <c r="P15" s="278">
        <v>0</v>
      </c>
      <c r="Q15" s="280">
        <v>0</v>
      </c>
      <c r="R15" s="281">
        <v>0</v>
      </c>
      <c r="S15" s="281">
        <v>0</v>
      </c>
      <c r="T15" s="281">
        <v>0</v>
      </c>
      <c r="U15" s="281">
        <v>0</v>
      </c>
      <c r="V15" s="281">
        <v>0</v>
      </c>
      <c r="W15" s="278">
        <v>0</v>
      </c>
      <c r="X15" s="283">
        <v>0</v>
      </c>
    </row>
    <row r="16" spans="2:24" ht="19.8" customHeight="1" x14ac:dyDescent="0.2">
      <c r="B16" s="257" t="s">
        <v>13</v>
      </c>
      <c r="C16" s="281">
        <v>0</v>
      </c>
      <c r="D16" s="281">
        <v>0</v>
      </c>
      <c r="E16" s="278">
        <v>0</v>
      </c>
      <c r="F16" s="280">
        <v>0</v>
      </c>
      <c r="G16" s="281">
        <v>75</v>
      </c>
      <c r="H16" s="281">
        <v>59</v>
      </c>
      <c r="I16" s="281">
        <v>9</v>
      </c>
      <c r="J16" s="281">
        <v>2</v>
      </c>
      <c r="K16" s="281">
        <v>9</v>
      </c>
      <c r="L16" s="278">
        <v>154</v>
      </c>
      <c r="M16" s="283">
        <v>154</v>
      </c>
      <c r="N16" s="281">
        <v>0</v>
      </c>
      <c r="O16" s="281">
        <v>0</v>
      </c>
      <c r="P16" s="278">
        <v>0</v>
      </c>
      <c r="Q16" s="280">
        <v>0</v>
      </c>
      <c r="R16" s="281">
        <v>0</v>
      </c>
      <c r="S16" s="281">
        <v>4</v>
      </c>
      <c r="T16" s="281">
        <v>0</v>
      </c>
      <c r="U16" s="281">
        <v>4</v>
      </c>
      <c r="V16" s="281">
        <v>4</v>
      </c>
      <c r="W16" s="278">
        <v>12</v>
      </c>
      <c r="X16" s="283">
        <v>12</v>
      </c>
    </row>
    <row r="17" spans="2:24" ht="19.8" customHeight="1" x14ac:dyDescent="0.2">
      <c r="B17" s="257" t="s">
        <v>15</v>
      </c>
      <c r="C17" s="281">
        <v>0</v>
      </c>
      <c r="D17" s="281">
        <v>0</v>
      </c>
      <c r="E17" s="278">
        <v>0</v>
      </c>
      <c r="F17" s="280">
        <v>0</v>
      </c>
      <c r="G17" s="281">
        <v>31</v>
      </c>
      <c r="H17" s="281">
        <v>71</v>
      </c>
      <c r="I17" s="281">
        <v>15</v>
      </c>
      <c r="J17" s="281">
        <v>0</v>
      </c>
      <c r="K17" s="281">
        <v>13</v>
      </c>
      <c r="L17" s="278">
        <v>130</v>
      </c>
      <c r="M17" s="283">
        <v>130</v>
      </c>
      <c r="N17" s="281">
        <v>0</v>
      </c>
      <c r="O17" s="281">
        <v>0</v>
      </c>
      <c r="P17" s="278">
        <v>0</v>
      </c>
      <c r="Q17" s="280">
        <v>0</v>
      </c>
      <c r="R17" s="281">
        <v>0</v>
      </c>
      <c r="S17" s="281">
        <v>10</v>
      </c>
      <c r="T17" s="281">
        <v>0</v>
      </c>
      <c r="U17" s="281">
        <v>0</v>
      </c>
      <c r="V17" s="281">
        <v>0</v>
      </c>
      <c r="W17" s="278">
        <v>10</v>
      </c>
      <c r="X17" s="283">
        <v>10</v>
      </c>
    </row>
    <row r="18" spans="2:24" ht="19.8" customHeight="1" x14ac:dyDescent="0.2">
      <c r="B18" s="257" t="s">
        <v>16</v>
      </c>
      <c r="C18" s="281">
        <v>0</v>
      </c>
      <c r="D18" s="281">
        <v>0</v>
      </c>
      <c r="E18" s="278">
        <v>0</v>
      </c>
      <c r="F18" s="280">
        <v>0</v>
      </c>
      <c r="G18" s="281">
        <v>58</v>
      </c>
      <c r="H18" s="281">
        <v>108</v>
      </c>
      <c r="I18" s="281">
        <v>30</v>
      </c>
      <c r="J18" s="281">
        <v>41</v>
      </c>
      <c r="K18" s="281">
        <v>0</v>
      </c>
      <c r="L18" s="278">
        <v>237</v>
      </c>
      <c r="M18" s="283">
        <v>237</v>
      </c>
      <c r="N18" s="281">
        <v>0</v>
      </c>
      <c r="O18" s="281">
        <v>0</v>
      </c>
      <c r="P18" s="278">
        <v>0</v>
      </c>
      <c r="Q18" s="280">
        <v>0</v>
      </c>
      <c r="R18" s="281">
        <v>23</v>
      </c>
      <c r="S18" s="281">
        <v>0</v>
      </c>
      <c r="T18" s="281">
        <v>9</v>
      </c>
      <c r="U18" s="281">
        <v>0</v>
      </c>
      <c r="V18" s="281">
        <v>0</v>
      </c>
      <c r="W18" s="278">
        <v>32</v>
      </c>
      <c r="X18" s="283">
        <v>32</v>
      </c>
    </row>
    <row r="19" spans="2:24" ht="19.8" customHeight="1" x14ac:dyDescent="0.2">
      <c r="B19" s="257" t="s">
        <v>17</v>
      </c>
      <c r="C19" s="281">
        <v>0</v>
      </c>
      <c r="D19" s="281">
        <v>0</v>
      </c>
      <c r="E19" s="278">
        <v>0</v>
      </c>
      <c r="F19" s="280">
        <v>0</v>
      </c>
      <c r="G19" s="281">
        <v>120</v>
      </c>
      <c r="H19" s="281">
        <v>123</v>
      </c>
      <c r="I19" s="281">
        <v>119</v>
      </c>
      <c r="J19" s="281">
        <v>34</v>
      </c>
      <c r="K19" s="281">
        <v>12</v>
      </c>
      <c r="L19" s="278">
        <v>408</v>
      </c>
      <c r="M19" s="283">
        <v>408</v>
      </c>
      <c r="N19" s="281">
        <v>0</v>
      </c>
      <c r="O19" s="281">
        <v>0</v>
      </c>
      <c r="P19" s="278">
        <v>0</v>
      </c>
      <c r="Q19" s="280">
        <v>0</v>
      </c>
      <c r="R19" s="281">
        <v>15</v>
      </c>
      <c r="S19" s="281">
        <v>0</v>
      </c>
      <c r="T19" s="281">
        <v>4</v>
      </c>
      <c r="U19" s="281">
        <v>0</v>
      </c>
      <c r="V19" s="281">
        <v>17</v>
      </c>
      <c r="W19" s="278">
        <v>36</v>
      </c>
      <c r="X19" s="283">
        <v>36</v>
      </c>
    </row>
    <row r="20" spans="2:24" ht="19.8" customHeight="1" x14ac:dyDescent="0.2">
      <c r="B20" s="257" t="s">
        <v>18</v>
      </c>
      <c r="C20" s="281">
        <v>0</v>
      </c>
      <c r="D20" s="281">
        <v>0</v>
      </c>
      <c r="E20" s="278">
        <v>0</v>
      </c>
      <c r="F20" s="280">
        <v>0</v>
      </c>
      <c r="G20" s="281">
        <v>155</v>
      </c>
      <c r="H20" s="281">
        <v>164</v>
      </c>
      <c r="I20" s="281">
        <v>30</v>
      </c>
      <c r="J20" s="281">
        <v>7</v>
      </c>
      <c r="K20" s="281">
        <v>0</v>
      </c>
      <c r="L20" s="278">
        <v>356</v>
      </c>
      <c r="M20" s="283">
        <v>356</v>
      </c>
      <c r="N20" s="281">
        <v>0</v>
      </c>
      <c r="O20" s="281">
        <v>0</v>
      </c>
      <c r="P20" s="278">
        <v>0</v>
      </c>
      <c r="Q20" s="280">
        <v>0</v>
      </c>
      <c r="R20" s="281">
        <v>13</v>
      </c>
      <c r="S20" s="281">
        <v>0</v>
      </c>
      <c r="T20" s="281">
        <v>9</v>
      </c>
      <c r="U20" s="281">
        <v>0</v>
      </c>
      <c r="V20" s="281">
        <v>5</v>
      </c>
      <c r="W20" s="278">
        <v>27</v>
      </c>
      <c r="X20" s="283">
        <v>27</v>
      </c>
    </row>
    <row r="21" spans="2:24" ht="19.8" customHeight="1" x14ac:dyDescent="0.2">
      <c r="B21" s="257" t="s">
        <v>19</v>
      </c>
      <c r="C21" s="281">
        <v>0</v>
      </c>
      <c r="D21" s="281">
        <v>0</v>
      </c>
      <c r="E21" s="278">
        <v>0</v>
      </c>
      <c r="F21" s="280">
        <v>0</v>
      </c>
      <c r="G21" s="281">
        <v>43</v>
      </c>
      <c r="H21" s="281">
        <v>30</v>
      </c>
      <c r="I21" s="281">
        <v>8</v>
      </c>
      <c r="J21" s="281">
        <v>17</v>
      </c>
      <c r="K21" s="281">
        <v>0</v>
      </c>
      <c r="L21" s="278">
        <v>98</v>
      </c>
      <c r="M21" s="283">
        <v>98</v>
      </c>
      <c r="N21" s="281">
        <v>0</v>
      </c>
      <c r="O21" s="281">
        <v>0</v>
      </c>
      <c r="P21" s="278">
        <v>0</v>
      </c>
      <c r="Q21" s="280">
        <v>0</v>
      </c>
      <c r="R21" s="281">
        <v>0</v>
      </c>
      <c r="S21" s="281">
        <v>24</v>
      </c>
      <c r="T21" s="281">
        <v>0</v>
      </c>
      <c r="U21" s="281">
        <v>0</v>
      </c>
      <c r="V21" s="281">
        <v>0</v>
      </c>
      <c r="W21" s="278">
        <v>24</v>
      </c>
      <c r="X21" s="283">
        <v>24</v>
      </c>
    </row>
    <row r="22" spans="2:24" ht="19.8" customHeight="1" x14ac:dyDescent="0.2">
      <c r="B22" s="257" t="s">
        <v>20</v>
      </c>
      <c r="C22" s="281">
        <v>0</v>
      </c>
      <c r="D22" s="281">
        <v>0</v>
      </c>
      <c r="E22" s="278">
        <v>0</v>
      </c>
      <c r="F22" s="280">
        <v>0</v>
      </c>
      <c r="G22" s="281">
        <v>93</v>
      </c>
      <c r="H22" s="281">
        <v>64</v>
      </c>
      <c r="I22" s="281">
        <v>42</v>
      </c>
      <c r="J22" s="281">
        <v>27</v>
      </c>
      <c r="K22" s="281">
        <v>0</v>
      </c>
      <c r="L22" s="278">
        <v>226</v>
      </c>
      <c r="M22" s="283">
        <v>226</v>
      </c>
      <c r="N22" s="281">
        <v>0</v>
      </c>
      <c r="O22" s="281">
        <v>0</v>
      </c>
      <c r="P22" s="278">
        <v>0</v>
      </c>
      <c r="Q22" s="280">
        <v>0</v>
      </c>
      <c r="R22" s="281">
        <v>0</v>
      </c>
      <c r="S22" s="281">
        <v>0</v>
      </c>
      <c r="T22" s="281">
        <v>13</v>
      </c>
      <c r="U22" s="281">
        <v>8</v>
      </c>
      <c r="V22" s="281">
        <v>0</v>
      </c>
      <c r="W22" s="278">
        <v>21</v>
      </c>
      <c r="X22" s="283">
        <v>21</v>
      </c>
    </row>
    <row r="23" spans="2:24" ht="19.8" customHeight="1" x14ac:dyDescent="0.2">
      <c r="B23" s="257" t="s">
        <v>21</v>
      </c>
      <c r="C23" s="281">
        <v>0</v>
      </c>
      <c r="D23" s="281">
        <v>0</v>
      </c>
      <c r="E23" s="278">
        <v>0</v>
      </c>
      <c r="F23" s="280">
        <v>0</v>
      </c>
      <c r="G23" s="281">
        <v>46</v>
      </c>
      <c r="H23" s="281">
        <v>72</v>
      </c>
      <c r="I23" s="281">
        <v>32</v>
      </c>
      <c r="J23" s="281">
        <v>20</v>
      </c>
      <c r="K23" s="281">
        <v>0</v>
      </c>
      <c r="L23" s="278">
        <v>170</v>
      </c>
      <c r="M23" s="283">
        <v>170</v>
      </c>
      <c r="N23" s="281">
        <v>0</v>
      </c>
      <c r="O23" s="281">
        <v>0</v>
      </c>
      <c r="P23" s="278">
        <v>0</v>
      </c>
      <c r="Q23" s="280">
        <v>0</v>
      </c>
      <c r="R23" s="281">
        <v>0</v>
      </c>
      <c r="S23" s="281">
        <v>0</v>
      </c>
      <c r="T23" s="281">
        <v>0</v>
      </c>
      <c r="U23" s="281">
        <v>0</v>
      </c>
      <c r="V23" s="281">
        <v>0</v>
      </c>
      <c r="W23" s="278">
        <v>0</v>
      </c>
      <c r="X23" s="283">
        <v>0</v>
      </c>
    </row>
    <row r="24" spans="2:24" ht="19.8" customHeight="1" x14ac:dyDescent="0.2">
      <c r="B24" s="257" t="s">
        <v>22</v>
      </c>
      <c r="C24" s="281">
        <v>0</v>
      </c>
      <c r="D24" s="281">
        <v>0</v>
      </c>
      <c r="E24" s="278">
        <v>0</v>
      </c>
      <c r="F24" s="280">
        <v>0</v>
      </c>
      <c r="G24" s="281">
        <v>35</v>
      </c>
      <c r="H24" s="281">
        <v>26</v>
      </c>
      <c r="I24" s="281">
        <v>13</v>
      </c>
      <c r="J24" s="281">
        <v>28</v>
      </c>
      <c r="K24" s="281">
        <v>0</v>
      </c>
      <c r="L24" s="278">
        <v>102</v>
      </c>
      <c r="M24" s="283">
        <v>102</v>
      </c>
      <c r="N24" s="281">
        <v>0</v>
      </c>
      <c r="O24" s="281">
        <v>0</v>
      </c>
      <c r="P24" s="278">
        <v>0</v>
      </c>
      <c r="Q24" s="280">
        <v>0</v>
      </c>
      <c r="R24" s="281">
        <v>12</v>
      </c>
      <c r="S24" s="281">
        <v>0</v>
      </c>
      <c r="T24" s="281">
        <v>8</v>
      </c>
      <c r="U24" s="281">
        <v>13</v>
      </c>
      <c r="V24" s="281">
        <v>0</v>
      </c>
      <c r="W24" s="278">
        <v>33</v>
      </c>
      <c r="X24" s="283">
        <v>33</v>
      </c>
    </row>
    <row r="25" spans="2:24" ht="19.8" customHeight="1" x14ac:dyDescent="0.2">
      <c r="B25" s="257" t="s">
        <v>23</v>
      </c>
      <c r="C25" s="281">
        <v>0</v>
      </c>
      <c r="D25" s="281">
        <v>0</v>
      </c>
      <c r="E25" s="278">
        <v>0</v>
      </c>
      <c r="F25" s="280">
        <v>0</v>
      </c>
      <c r="G25" s="281">
        <v>29</v>
      </c>
      <c r="H25" s="281">
        <v>15</v>
      </c>
      <c r="I25" s="281">
        <v>7</v>
      </c>
      <c r="J25" s="281">
        <v>41</v>
      </c>
      <c r="K25" s="281">
        <v>0</v>
      </c>
      <c r="L25" s="278">
        <v>92</v>
      </c>
      <c r="M25" s="283">
        <v>92</v>
      </c>
      <c r="N25" s="281">
        <v>0</v>
      </c>
      <c r="O25" s="281">
        <v>0</v>
      </c>
      <c r="P25" s="278">
        <v>0</v>
      </c>
      <c r="Q25" s="280">
        <v>0</v>
      </c>
      <c r="R25" s="281">
        <v>0</v>
      </c>
      <c r="S25" s="281">
        <v>0</v>
      </c>
      <c r="T25" s="281">
        <v>0</v>
      </c>
      <c r="U25" s="281">
        <v>0</v>
      </c>
      <c r="V25" s="281">
        <v>0</v>
      </c>
      <c r="W25" s="278">
        <v>0</v>
      </c>
      <c r="X25" s="283">
        <v>0</v>
      </c>
    </row>
    <row r="26" spans="2:24" ht="19.8" customHeight="1" x14ac:dyDescent="0.2">
      <c r="B26" s="257" t="s">
        <v>24</v>
      </c>
      <c r="C26" s="281">
        <v>0</v>
      </c>
      <c r="D26" s="281">
        <v>0</v>
      </c>
      <c r="E26" s="278">
        <v>0</v>
      </c>
      <c r="F26" s="280">
        <v>0</v>
      </c>
      <c r="G26" s="281">
        <v>21</v>
      </c>
      <c r="H26" s="281">
        <v>0</v>
      </c>
      <c r="I26" s="281">
        <v>29</v>
      </c>
      <c r="J26" s="281">
        <v>0</v>
      </c>
      <c r="K26" s="281">
        <v>0</v>
      </c>
      <c r="L26" s="278">
        <v>50</v>
      </c>
      <c r="M26" s="283">
        <v>50</v>
      </c>
      <c r="N26" s="281">
        <v>0</v>
      </c>
      <c r="O26" s="281">
        <v>0</v>
      </c>
      <c r="P26" s="278">
        <v>0</v>
      </c>
      <c r="Q26" s="280">
        <v>0</v>
      </c>
      <c r="R26" s="281">
        <v>0</v>
      </c>
      <c r="S26" s="281">
        <v>0</v>
      </c>
      <c r="T26" s="281">
        <v>13</v>
      </c>
      <c r="U26" s="281">
        <v>0</v>
      </c>
      <c r="V26" s="281">
        <v>0</v>
      </c>
      <c r="W26" s="278">
        <v>13</v>
      </c>
      <c r="X26" s="283">
        <v>13</v>
      </c>
    </row>
    <row r="27" spans="2:24" ht="19.8" customHeight="1" x14ac:dyDescent="0.2">
      <c r="B27" s="257" t="s">
        <v>25</v>
      </c>
      <c r="C27" s="281">
        <v>0</v>
      </c>
      <c r="D27" s="281">
        <v>0</v>
      </c>
      <c r="E27" s="278">
        <v>0</v>
      </c>
      <c r="F27" s="280">
        <v>0</v>
      </c>
      <c r="G27" s="281">
        <v>60</v>
      </c>
      <c r="H27" s="281">
        <v>0</v>
      </c>
      <c r="I27" s="281">
        <v>0</v>
      </c>
      <c r="J27" s="281">
        <v>0</v>
      </c>
      <c r="K27" s="281">
        <v>0</v>
      </c>
      <c r="L27" s="278">
        <v>60</v>
      </c>
      <c r="M27" s="283">
        <v>60</v>
      </c>
      <c r="N27" s="281">
        <v>0</v>
      </c>
      <c r="O27" s="281">
        <v>0</v>
      </c>
      <c r="P27" s="278">
        <v>0</v>
      </c>
      <c r="Q27" s="280">
        <v>0</v>
      </c>
      <c r="R27" s="281">
        <v>0</v>
      </c>
      <c r="S27" s="281">
        <v>0</v>
      </c>
      <c r="T27" s="281">
        <v>0</v>
      </c>
      <c r="U27" s="281">
        <v>0</v>
      </c>
      <c r="V27" s="281">
        <v>0</v>
      </c>
      <c r="W27" s="278">
        <v>0</v>
      </c>
      <c r="X27" s="283">
        <v>0</v>
      </c>
    </row>
    <row r="28" spans="2:24" ht="19.8" customHeight="1" x14ac:dyDescent="0.2">
      <c r="B28" s="257" t="s">
        <v>26</v>
      </c>
      <c r="C28" s="281">
        <v>0</v>
      </c>
      <c r="D28" s="281">
        <v>0</v>
      </c>
      <c r="E28" s="278">
        <v>0</v>
      </c>
      <c r="F28" s="280">
        <v>0</v>
      </c>
      <c r="G28" s="281">
        <v>6</v>
      </c>
      <c r="H28" s="281">
        <v>50</v>
      </c>
      <c r="I28" s="281">
        <v>12</v>
      </c>
      <c r="J28" s="281">
        <v>0</v>
      </c>
      <c r="K28" s="281">
        <v>13</v>
      </c>
      <c r="L28" s="278">
        <v>81</v>
      </c>
      <c r="M28" s="283">
        <v>81</v>
      </c>
      <c r="N28" s="281">
        <v>0</v>
      </c>
      <c r="O28" s="281">
        <v>0</v>
      </c>
      <c r="P28" s="278">
        <v>0</v>
      </c>
      <c r="Q28" s="280">
        <v>0</v>
      </c>
      <c r="R28" s="281">
        <v>0</v>
      </c>
      <c r="S28" s="281">
        <v>0</v>
      </c>
      <c r="T28" s="281">
        <v>0</v>
      </c>
      <c r="U28" s="281">
        <v>0</v>
      </c>
      <c r="V28" s="281">
        <v>0</v>
      </c>
      <c r="W28" s="278">
        <v>0</v>
      </c>
      <c r="X28" s="283">
        <v>0</v>
      </c>
    </row>
    <row r="29" spans="2:24" ht="19.8" customHeight="1" x14ac:dyDescent="0.2">
      <c r="B29" s="257" t="s">
        <v>27</v>
      </c>
      <c r="C29" s="281">
        <v>0</v>
      </c>
      <c r="D29" s="281">
        <v>0</v>
      </c>
      <c r="E29" s="278">
        <v>0</v>
      </c>
      <c r="F29" s="280">
        <v>0</v>
      </c>
      <c r="G29" s="281">
        <v>8</v>
      </c>
      <c r="H29" s="281">
        <v>3</v>
      </c>
      <c r="I29" s="281">
        <v>0</v>
      </c>
      <c r="J29" s="281">
        <v>0</v>
      </c>
      <c r="K29" s="281">
        <v>0</v>
      </c>
      <c r="L29" s="278">
        <v>11</v>
      </c>
      <c r="M29" s="283">
        <v>11</v>
      </c>
      <c r="N29" s="281">
        <v>0</v>
      </c>
      <c r="O29" s="281">
        <v>0</v>
      </c>
      <c r="P29" s="278">
        <v>0</v>
      </c>
      <c r="Q29" s="280">
        <v>0</v>
      </c>
      <c r="R29" s="281">
        <v>16</v>
      </c>
      <c r="S29" s="281">
        <v>18</v>
      </c>
      <c r="T29" s="281">
        <v>0</v>
      </c>
      <c r="U29" s="281">
        <v>0</v>
      </c>
      <c r="V29" s="281">
        <v>0</v>
      </c>
      <c r="W29" s="278">
        <v>34</v>
      </c>
      <c r="X29" s="283">
        <v>34</v>
      </c>
    </row>
    <row r="30" spans="2:24" ht="19.8" customHeight="1" x14ac:dyDescent="0.2">
      <c r="B30" s="257" t="s">
        <v>28</v>
      </c>
      <c r="C30" s="281">
        <v>0</v>
      </c>
      <c r="D30" s="281">
        <v>0</v>
      </c>
      <c r="E30" s="278">
        <v>0</v>
      </c>
      <c r="F30" s="280">
        <v>0</v>
      </c>
      <c r="G30" s="281">
        <v>22</v>
      </c>
      <c r="H30" s="281">
        <v>11</v>
      </c>
      <c r="I30" s="281">
        <v>0</v>
      </c>
      <c r="J30" s="281">
        <v>0</v>
      </c>
      <c r="K30" s="281">
        <v>0</v>
      </c>
      <c r="L30" s="278">
        <v>33</v>
      </c>
      <c r="M30" s="283">
        <v>33</v>
      </c>
      <c r="N30" s="281">
        <v>0</v>
      </c>
      <c r="O30" s="281">
        <v>0</v>
      </c>
      <c r="P30" s="278">
        <v>0</v>
      </c>
      <c r="Q30" s="280">
        <v>0</v>
      </c>
      <c r="R30" s="281">
        <v>0</v>
      </c>
      <c r="S30" s="281">
        <v>0</v>
      </c>
      <c r="T30" s="281">
        <v>0</v>
      </c>
      <c r="U30" s="281">
        <v>0</v>
      </c>
      <c r="V30" s="281">
        <v>2</v>
      </c>
      <c r="W30" s="278">
        <v>2</v>
      </c>
      <c r="X30" s="283">
        <v>2</v>
      </c>
    </row>
    <row r="31" spans="2:24" ht="19.8" customHeight="1" x14ac:dyDescent="0.2">
      <c r="B31" s="257" t="s">
        <v>29</v>
      </c>
      <c r="C31" s="281">
        <v>0</v>
      </c>
      <c r="D31" s="281">
        <v>0</v>
      </c>
      <c r="E31" s="278">
        <v>0</v>
      </c>
      <c r="F31" s="280">
        <v>0</v>
      </c>
      <c r="G31" s="281">
        <v>7</v>
      </c>
      <c r="H31" s="281">
        <v>4</v>
      </c>
      <c r="I31" s="281">
        <v>0</v>
      </c>
      <c r="J31" s="281">
        <v>0</v>
      </c>
      <c r="K31" s="281">
        <v>0</v>
      </c>
      <c r="L31" s="278">
        <v>11</v>
      </c>
      <c r="M31" s="283">
        <v>11</v>
      </c>
      <c r="N31" s="281">
        <v>0</v>
      </c>
      <c r="O31" s="281">
        <v>0</v>
      </c>
      <c r="P31" s="278">
        <v>0</v>
      </c>
      <c r="Q31" s="280">
        <v>0</v>
      </c>
      <c r="R31" s="281">
        <v>0</v>
      </c>
      <c r="S31" s="281">
        <v>0</v>
      </c>
      <c r="T31" s="281">
        <v>0</v>
      </c>
      <c r="U31" s="281">
        <v>0</v>
      </c>
      <c r="V31" s="281">
        <v>0</v>
      </c>
      <c r="W31" s="278">
        <v>0</v>
      </c>
      <c r="X31" s="283">
        <v>0</v>
      </c>
    </row>
    <row r="32" spans="2:24" ht="19.8" customHeight="1" x14ac:dyDescent="0.2">
      <c r="B32" s="257" t="s">
        <v>30</v>
      </c>
      <c r="C32" s="281">
        <v>0</v>
      </c>
      <c r="D32" s="281">
        <v>0</v>
      </c>
      <c r="E32" s="278">
        <v>0</v>
      </c>
      <c r="F32" s="280">
        <v>0</v>
      </c>
      <c r="G32" s="281">
        <v>7</v>
      </c>
      <c r="H32" s="281">
        <v>17</v>
      </c>
      <c r="I32" s="281">
        <v>0</v>
      </c>
      <c r="J32" s="281">
        <v>0</v>
      </c>
      <c r="K32" s="281">
        <v>0</v>
      </c>
      <c r="L32" s="278">
        <v>24</v>
      </c>
      <c r="M32" s="283">
        <v>24</v>
      </c>
      <c r="N32" s="281">
        <v>5</v>
      </c>
      <c r="O32" s="281">
        <v>0</v>
      </c>
      <c r="P32" s="278">
        <v>5</v>
      </c>
      <c r="Q32" s="280">
        <v>0</v>
      </c>
      <c r="R32" s="281">
        <v>0</v>
      </c>
      <c r="S32" s="281">
        <v>0</v>
      </c>
      <c r="T32" s="281">
        <v>0</v>
      </c>
      <c r="U32" s="281">
        <v>0</v>
      </c>
      <c r="V32" s="281">
        <v>0</v>
      </c>
      <c r="W32" s="278">
        <v>0</v>
      </c>
      <c r="X32" s="283">
        <v>5</v>
      </c>
    </row>
    <row r="33" spans="2:24" ht="19.8" customHeight="1" x14ac:dyDescent="0.2">
      <c r="B33" s="257" t="s">
        <v>31</v>
      </c>
      <c r="C33" s="281">
        <v>0</v>
      </c>
      <c r="D33" s="281">
        <v>0</v>
      </c>
      <c r="E33" s="278">
        <v>0</v>
      </c>
      <c r="F33" s="280">
        <v>0</v>
      </c>
      <c r="G33" s="281">
        <v>13</v>
      </c>
      <c r="H33" s="281">
        <v>3</v>
      </c>
      <c r="I33" s="281">
        <v>0</v>
      </c>
      <c r="J33" s="281">
        <v>0</v>
      </c>
      <c r="K33" s="281">
        <v>0</v>
      </c>
      <c r="L33" s="278">
        <v>16</v>
      </c>
      <c r="M33" s="283">
        <v>16</v>
      </c>
      <c r="N33" s="281">
        <v>0</v>
      </c>
      <c r="O33" s="281">
        <v>0</v>
      </c>
      <c r="P33" s="278">
        <v>0</v>
      </c>
      <c r="Q33" s="280">
        <v>0</v>
      </c>
      <c r="R33" s="281">
        <v>0</v>
      </c>
      <c r="S33" s="281">
        <v>0</v>
      </c>
      <c r="T33" s="281">
        <v>13</v>
      </c>
      <c r="U33" s="281">
        <v>0</v>
      </c>
      <c r="V33" s="281">
        <v>0</v>
      </c>
      <c r="W33" s="278">
        <v>13</v>
      </c>
      <c r="X33" s="283">
        <v>13</v>
      </c>
    </row>
    <row r="34" spans="2:24" ht="19.8" customHeight="1" x14ac:dyDescent="0.2">
      <c r="B34" s="257" t="s">
        <v>32</v>
      </c>
      <c r="C34" s="281">
        <v>0</v>
      </c>
      <c r="D34" s="281">
        <v>0</v>
      </c>
      <c r="E34" s="278">
        <v>0</v>
      </c>
      <c r="F34" s="280">
        <v>0</v>
      </c>
      <c r="G34" s="281">
        <v>12</v>
      </c>
      <c r="H34" s="281">
        <v>16</v>
      </c>
      <c r="I34" s="281">
        <v>2</v>
      </c>
      <c r="J34" s="281">
        <v>0</v>
      </c>
      <c r="K34" s="281">
        <v>4</v>
      </c>
      <c r="L34" s="278">
        <v>34</v>
      </c>
      <c r="M34" s="283">
        <v>34</v>
      </c>
      <c r="N34" s="281">
        <v>0</v>
      </c>
      <c r="O34" s="281">
        <v>0</v>
      </c>
      <c r="P34" s="278">
        <v>0</v>
      </c>
      <c r="Q34" s="280">
        <v>0</v>
      </c>
      <c r="R34" s="281">
        <v>0</v>
      </c>
      <c r="S34" s="281">
        <v>0</v>
      </c>
      <c r="T34" s="281">
        <v>0</v>
      </c>
      <c r="U34" s="281">
        <v>12</v>
      </c>
      <c r="V34" s="281">
        <v>0</v>
      </c>
      <c r="W34" s="278">
        <v>12</v>
      </c>
      <c r="X34" s="283">
        <v>12</v>
      </c>
    </row>
    <row r="35" spans="2:24" ht="19.8" customHeight="1" x14ac:dyDescent="0.2">
      <c r="B35" s="257" t="s">
        <v>33</v>
      </c>
      <c r="C35" s="281">
        <v>0</v>
      </c>
      <c r="D35" s="281">
        <v>0</v>
      </c>
      <c r="E35" s="278">
        <v>0</v>
      </c>
      <c r="F35" s="280">
        <v>0</v>
      </c>
      <c r="G35" s="281">
        <v>4</v>
      </c>
      <c r="H35" s="281">
        <v>0</v>
      </c>
      <c r="I35" s="281">
        <v>0</v>
      </c>
      <c r="J35" s="281">
        <v>0</v>
      </c>
      <c r="K35" s="281">
        <v>0</v>
      </c>
      <c r="L35" s="278">
        <v>4</v>
      </c>
      <c r="M35" s="283">
        <v>4</v>
      </c>
      <c r="N35" s="281">
        <v>0</v>
      </c>
      <c r="O35" s="281">
        <v>0</v>
      </c>
      <c r="P35" s="278">
        <v>0</v>
      </c>
      <c r="Q35" s="280">
        <v>0</v>
      </c>
      <c r="R35" s="281">
        <v>0</v>
      </c>
      <c r="S35" s="281">
        <v>0</v>
      </c>
      <c r="T35" s="281">
        <v>0</v>
      </c>
      <c r="U35" s="281">
        <v>0</v>
      </c>
      <c r="V35" s="281">
        <v>0</v>
      </c>
      <c r="W35" s="278">
        <v>0</v>
      </c>
      <c r="X35" s="283">
        <v>0</v>
      </c>
    </row>
    <row r="36" spans="2:24" ht="19.8" customHeight="1" x14ac:dyDescent="0.2">
      <c r="B36" s="257" t="s">
        <v>34</v>
      </c>
      <c r="C36" s="281">
        <v>0</v>
      </c>
      <c r="D36" s="281">
        <v>0</v>
      </c>
      <c r="E36" s="278">
        <v>0</v>
      </c>
      <c r="F36" s="280">
        <v>0</v>
      </c>
      <c r="G36" s="281">
        <v>21</v>
      </c>
      <c r="H36" s="281">
        <v>0</v>
      </c>
      <c r="I36" s="281">
        <v>0</v>
      </c>
      <c r="J36" s="281">
        <v>0</v>
      </c>
      <c r="K36" s="281">
        <v>0</v>
      </c>
      <c r="L36" s="278">
        <v>21</v>
      </c>
      <c r="M36" s="283">
        <v>21</v>
      </c>
      <c r="N36" s="281">
        <v>0</v>
      </c>
      <c r="O36" s="281">
        <v>0</v>
      </c>
      <c r="P36" s="278">
        <v>0</v>
      </c>
      <c r="Q36" s="280">
        <v>0</v>
      </c>
      <c r="R36" s="281">
        <v>0</v>
      </c>
      <c r="S36" s="281">
        <v>0</v>
      </c>
      <c r="T36" s="281">
        <v>0</v>
      </c>
      <c r="U36" s="281">
        <v>0</v>
      </c>
      <c r="V36" s="281">
        <v>0</v>
      </c>
      <c r="W36" s="278">
        <v>0</v>
      </c>
      <c r="X36" s="283">
        <v>0</v>
      </c>
    </row>
    <row r="37" spans="2:24" ht="19.8" customHeight="1" x14ac:dyDescent="0.2">
      <c r="B37" s="257" t="s">
        <v>35</v>
      </c>
      <c r="C37" s="281">
        <v>0</v>
      </c>
      <c r="D37" s="281">
        <v>0</v>
      </c>
      <c r="E37" s="278">
        <v>0</v>
      </c>
      <c r="F37" s="280">
        <v>0</v>
      </c>
      <c r="G37" s="281">
        <v>0</v>
      </c>
      <c r="H37" s="281">
        <v>7</v>
      </c>
      <c r="I37" s="281">
        <v>0</v>
      </c>
      <c r="J37" s="281">
        <v>0</v>
      </c>
      <c r="K37" s="281">
        <v>0</v>
      </c>
      <c r="L37" s="278">
        <v>7</v>
      </c>
      <c r="M37" s="283">
        <v>7</v>
      </c>
      <c r="N37" s="281">
        <v>0</v>
      </c>
      <c r="O37" s="281">
        <v>0</v>
      </c>
      <c r="P37" s="278">
        <v>0</v>
      </c>
      <c r="Q37" s="280">
        <v>0</v>
      </c>
      <c r="R37" s="281">
        <v>0</v>
      </c>
      <c r="S37" s="281">
        <v>0</v>
      </c>
      <c r="T37" s="281">
        <v>0</v>
      </c>
      <c r="U37" s="281">
        <v>0</v>
      </c>
      <c r="V37" s="281">
        <v>0</v>
      </c>
      <c r="W37" s="278">
        <v>0</v>
      </c>
      <c r="X37" s="283">
        <v>0</v>
      </c>
    </row>
    <row r="38" spans="2:24" ht="19.8" customHeight="1" x14ac:dyDescent="0.2">
      <c r="B38" s="257" t="s">
        <v>36</v>
      </c>
      <c r="C38" s="281">
        <v>0</v>
      </c>
      <c r="D38" s="281">
        <v>0</v>
      </c>
      <c r="E38" s="278">
        <v>0</v>
      </c>
      <c r="F38" s="280">
        <v>0</v>
      </c>
      <c r="G38" s="281">
        <v>17</v>
      </c>
      <c r="H38" s="281">
        <v>6</v>
      </c>
      <c r="I38" s="281">
        <v>0</v>
      </c>
      <c r="J38" s="281">
        <v>0</v>
      </c>
      <c r="K38" s="281">
        <v>22</v>
      </c>
      <c r="L38" s="278">
        <v>45</v>
      </c>
      <c r="M38" s="283">
        <v>45</v>
      </c>
      <c r="N38" s="281">
        <v>0</v>
      </c>
      <c r="O38" s="281">
        <v>0</v>
      </c>
      <c r="P38" s="278">
        <v>0</v>
      </c>
      <c r="Q38" s="280">
        <v>0</v>
      </c>
      <c r="R38" s="281">
        <v>0</v>
      </c>
      <c r="S38" s="281">
        <v>0</v>
      </c>
      <c r="T38" s="281">
        <v>0</v>
      </c>
      <c r="U38" s="281">
        <v>0</v>
      </c>
      <c r="V38" s="281">
        <v>0</v>
      </c>
      <c r="W38" s="278">
        <v>0</v>
      </c>
      <c r="X38" s="283">
        <v>0</v>
      </c>
    </row>
    <row r="39" spans="2:24" ht="19.8" customHeight="1" thickBot="1" x14ac:dyDescent="0.25">
      <c r="B39" s="258" t="s">
        <v>37</v>
      </c>
      <c r="C39" s="288">
        <v>0</v>
      </c>
      <c r="D39" s="288">
        <v>0</v>
      </c>
      <c r="E39" s="285">
        <v>0</v>
      </c>
      <c r="F39" s="287">
        <v>0</v>
      </c>
      <c r="G39" s="288">
        <v>0</v>
      </c>
      <c r="H39" s="288">
        <v>0</v>
      </c>
      <c r="I39" s="288">
        <v>0</v>
      </c>
      <c r="J39" s="288">
        <v>0</v>
      </c>
      <c r="K39" s="288">
        <v>0</v>
      </c>
      <c r="L39" s="285">
        <v>0</v>
      </c>
      <c r="M39" s="290">
        <v>0</v>
      </c>
      <c r="N39" s="288">
        <v>0</v>
      </c>
      <c r="O39" s="288">
        <v>0</v>
      </c>
      <c r="P39" s="285">
        <v>0</v>
      </c>
      <c r="Q39" s="287">
        <v>0</v>
      </c>
      <c r="R39" s="288">
        <v>0</v>
      </c>
      <c r="S39" s="288">
        <v>0</v>
      </c>
      <c r="T39" s="288">
        <v>0</v>
      </c>
      <c r="U39" s="288">
        <v>0</v>
      </c>
      <c r="V39" s="288">
        <v>0</v>
      </c>
      <c r="W39" s="285">
        <v>0</v>
      </c>
      <c r="X39" s="290">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 style="256" customWidth="1"/>
    <col min="6" max="6" width="7.77734375" style="256" customWidth="1"/>
    <col min="7" max="7" width="10.77734375" style="256" customWidth="1"/>
    <col min="8" max="16" width="9" style="256"/>
    <col min="17" max="17" width="7.6640625" style="256" customWidth="1"/>
    <col min="18" max="16384" width="9" style="256"/>
  </cols>
  <sheetData>
    <row r="1" spans="2:24" ht="24" customHeight="1" x14ac:dyDescent="0.2">
      <c r="B1" s="291" t="s">
        <v>125</v>
      </c>
      <c r="H1" s="528">
        <f>第１表!F2</f>
        <v>4</v>
      </c>
      <c r="I1" s="528"/>
      <c r="J1" s="248">
        <f>第１表!G2</f>
        <v>8</v>
      </c>
      <c r="K1" s="529">
        <f>IF(J1&lt;3,J1+12-2,J1-2)</f>
        <v>6</v>
      </c>
      <c r="L1" s="529"/>
    </row>
    <row r="2" spans="2:24" ht="24" customHeight="1" thickBot="1" x14ac:dyDescent="0.25">
      <c r="B2" s="291" t="s">
        <v>155</v>
      </c>
    </row>
    <row r="3" spans="2:24" ht="18.75" customHeight="1" x14ac:dyDescent="0.2">
      <c r="B3" s="541"/>
      <c r="C3" s="537" t="s">
        <v>142</v>
      </c>
      <c r="D3" s="537"/>
      <c r="E3" s="537"/>
      <c r="F3" s="537"/>
      <c r="G3" s="537"/>
      <c r="H3" s="537"/>
      <c r="I3" s="537"/>
      <c r="J3" s="537"/>
      <c r="K3" s="537"/>
      <c r="L3" s="537"/>
      <c r="M3" s="567"/>
      <c r="N3" s="537" t="s">
        <v>113</v>
      </c>
      <c r="O3" s="537"/>
      <c r="P3" s="537"/>
      <c r="Q3" s="537"/>
      <c r="R3" s="537"/>
      <c r="S3" s="537"/>
      <c r="T3" s="537"/>
      <c r="U3" s="537"/>
      <c r="V3" s="537"/>
      <c r="W3" s="537"/>
      <c r="X3" s="567"/>
    </row>
    <row r="4" spans="2:24" ht="18.75" customHeight="1" x14ac:dyDescent="0.2">
      <c r="B4" s="565"/>
      <c r="C4" s="568" t="s">
        <v>61</v>
      </c>
      <c r="D4" s="568"/>
      <c r="E4" s="569"/>
      <c r="F4" s="570" t="s">
        <v>62</v>
      </c>
      <c r="G4" s="568"/>
      <c r="H4" s="568"/>
      <c r="I4" s="568"/>
      <c r="J4" s="568"/>
      <c r="K4" s="568"/>
      <c r="L4" s="571"/>
      <c r="M4" s="572" t="s">
        <v>52</v>
      </c>
      <c r="N4" s="568" t="s">
        <v>61</v>
      </c>
      <c r="O4" s="568"/>
      <c r="P4" s="569"/>
      <c r="Q4" s="570" t="s">
        <v>62</v>
      </c>
      <c r="R4" s="568"/>
      <c r="S4" s="568"/>
      <c r="T4" s="568"/>
      <c r="U4" s="568"/>
      <c r="V4" s="568"/>
      <c r="W4" s="571"/>
      <c r="X4" s="572" t="s">
        <v>52</v>
      </c>
    </row>
    <row r="5" spans="2:24" ht="27" thickBot="1" x14ac:dyDescent="0.25">
      <c r="B5" s="566"/>
      <c r="C5" s="260" t="s">
        <v>43</v>
      </c>
      <c r="D5" s="260" t="s">
        <v>44</v>
      </c>
      <c r="E5" s="266" t="s">
        <v>45</v>
      </c>
      <c r="F5" s="268" t="s">
        <v>83</v>
      </c>
      <c r="G5" s="260" t="s">
        <v>47</v>
      </c>
      <c r="H5" s="260" t="s">
        <v>48</v>
      </c>
      <c r="I5" s="260" t="s">
        <v>49</v>
      </c>
      <c r="J5" s="260" t="s">
        <v>50</v>
      </c>
      <c r="K5" s="260" t="s">
        <v>51</v>
      </c>
      <c r="L5" s="266" t="s">
        <v>45</v>
      </c>
      <c r="M5" s="540"/>
      <c r="N5" s="260" t="s">
        <v>43</v>
      </c>
      <c r="O5" s="260" t="s">
        <v>44</v>
      </c>
      <c r="P5" s="266" t="s">
        <v>45</v>
      </c>
      <c r="Q5" s="268" t="s">
        <v>83</v>
      </c>
      <c r="R5" s="260" t="s">
        <v>47</v>
      </c>
      <c r="S5" s="260" t="s">
        <v>48</v>
      </c>
      <c r="T5" s="260" t="s">
        <v>49</v>
      </c>
      <c r="U5" s="260" t="s">
        <v>50</v>
      </c>
      <c r="V5" s="260" t="s">
        <v>51</v>
      </c>
      <c r="W5" s="266" t="s">
        <v>45</v>
      </c>
      <c r="X5" s="540"/>
    </row>
    <row r="6" spans="2:24" ht="19.8" customHeight="1" x14ac:dyDescent="0.2">
      <c r="B6" s="259" t="s">
        <v>4</v>
      </c>
      <c r="C6" s="274">
        <v>0</v>
      </c>
      <c r="D6" s="274">
        <v>0</v>
      </c>
      <c r="E6" s="271">
        <v>0</v>
      </c>
      <c r="F6" s="273">
        <v>0</v>
      </c>
      <c r="G6" s="274">
        <v>5888</v>
      </c>
      <c r="H6" s="274">
        <v>4749</v>
      </c>
      <c r="I6" s="274">
        <v>2677</v>
      </c>
      <c r="J6" s="274">
        <v>1187</v>
      </c>
      <c r="K6" s="274">
        <v>583</v>
      </c>
      <c r="L6" s="271">
        <v>15084</v>
      </c>
      <c r="M6" s="276">
        <v>15084</v>
      </c>
      <c r="N6" s="274">
        <v>8</v>
      </c>
      <c r="O6" s="274">
        <v>0</v>
      </c>
      <c r="P6" s="271">
        <v>8</v>
      </c>
      <c r="Q6" s="273">
        <v>0</v>
      </c>
      <c r="R6" s="274">
        <v>349</v>
      </c>
      <c r="S6" s="274">
        <v>630</v>
      </c>
      <c r="T6" s="274">
        <v>620</v>
      </c>
      <c r="U6" s="274">
        <v>334</v>
      </c>
      <c r="V6" s="274">
        <v>306</v>
      </c>
      <c r="W6" s="271">
        <v>2239</v>
      </c>
      <c r="X6" s="276">
        <v>2247</v>
      </c>
    </row>
    <row r="7" spans="2:24" ht="19.8" customHeight="1" x14ac:dyDescent="0.2">
      <c r="B7" s="257" t="s">
        <v>5</v>
      </c>
      <c r="C7" s="281">
        <v>0</v>
      </c>
      <c r="D7" s="281">
        <v>0</v>
      </c>
      <c r="E7" s="278">
        <v>0</v>
      </c>
      <c r="F7" s="280">
        <v>0</v>
      </c>
      <c r="G7" s="281">
        <v>2164</v>
      </c>
      <c r="H7" s="281">
        <v>2689</v>
      </c>
      <c r="I7" s="281">
        <v>1003</v>
      </c>
      <c r="J7" s="281">
        <v>617</v>
      </c>
      <c r="K7" s="281">
        <v>279</v>
      </c>
      <c r="L7" s="278">
        <v>6752</v>
      </c>
      <c r="M7" s="283">
        <v>6752</v>
      </c>
      <c r="N7" s="281">
        <v>8</v>
      </c>
      <c r="O7" s="281">
        <v>0</v>
      </c>
      <c r="P7" s="278">
        <v>8</v>
      </c>
      <c r="Q7" s="280">
        <v>0</v>
      </c>
      <c r="R7" s="281">
        <v>200</v>
      </c>
      <c r="S7" s="281">
        <v>399</v>
      </c>
      <c r="T7" s="281">
        <v>298</v>
      </c>
      <c r="U7" s="281">
        <v>269</v>
      </c>
      <c r="V7" s="281">
        <v>221</v>
      </c>
      <c r="W7" s="278">
        <v>1387</v>
      </c>
      <c r="X7" s="283">
        <v>1395</v>
      </c>
    </row>
    <row r="8" spans="2:24" ht="19.8" customHeight="1" x14ac:dyDescent="0.2">
      <c r="B8" s="257" t="s">
        <v>6</v>
      </c>
      <c r="C8" s="281">
        <v>0</v>
      </c>
      <c r="D8" s="281">
        <v>0</v>
      </c>
      <c r="E8" s="278">
        <v>0</v>
      </c>
      <c r="F8" s="280">
        <v>0</v>
      </c>
      <c r="G8" s="281">
        <v>1169</v>
      </c>
      <c r="H8" s="281">
        <v>466</v>
      </c>
      <c r="I8" s="281">
        <v>398</v>
      </c>
      <c r="J8" s="281">
        <v>133</v>
      </c>
      <c r="K8" s="281">
        <v>80</v>
      </c>
      <c r="L8" s="278">
        <v>2246</v>
      </c>
      <c r="M8" s="283">
        <v>2246</v>
      </c>
      <c r="N8" s="281">
        <v>0</v>
      </c>
      <c r="O8" s="281">
        <v>0</v>
      </c>
      <c r="P8" s="278">
        <v>0</v>
      </c>
      <c r="Q8" s="280">
        <v>0</v>
      </c>
      <c r="R8" s="281">
        <v>63</v>
      </c>
      <c r="S8" s="281">
        <v>114</v>
      </c>
      <c r="T8" s="281">
        <v>165</v>
      </c>
      <c r="U8" s="281">
        <v>54</v>
      </c>
      <c r="V8" s="281">
        <v>11</v>
      </c>
      <c r="W8" s="278">
        <v>407</v>
      </c>
      <c r="X8" s="283">
        <v>407</v>
      </c>
    </row>
    <row r="9" spans="2:24" ht="19.8" customHeight="1" x14ac:dyDescent="0.2">
      <c r="B9" s="257" t="s">
        <v>14</v>
      </c>
      <c r="C9" s="281">
        <v>0</v>
      </c>
      <c r="D9" s="281">
        <v>0</v>
      </c>
      <c r="E9" s="278">
        <v>0</v>
      </c>
      <c r="F9" s="280">
        <v>0</v>
      </c>
      <c r="G9" s="281">
        <v>424</v>
      </c>
      <c r="H9" s="281">
        <v>309</v>
      </c>
      <c r="I9" s="281">
        <v>243</v>
      </c>
      <c r="J9" s="281">
        <v>74</v>
      </c>
      <c r="K9" s="281">
        <v>18</v>
      </c>
      <c r="L9" s="278">
        <v>1068</v>
      </c>
      <c r="M9" s="283">
        <v>1068</v>
      </c>
      <c r="N9" s="281">
        <v>0</v>
      </c>
      <c r="O9" s="281">
        <v>0</v>
      </c>
      <c r="P9" s="278">
        <v>0</v>
      </c>
      <c r="Q9" s="280">
        <v>0</v>
      </c>
      <c r="R9" s="281">
        <v>8</v>
      </c>
      <c r="S9" s="281">
        <v>0</v>
      </c>
      <c r="T9" s="281">
        <v>1</v>
      </c>
      <c r="U9" s="281">
        <v>1</v>
      </c>
      <c r="V9" s="281">
        <v>9</v>
      </c>
      <c r="W9" s="278">
        <v>19</v>
      </c>
      <c r="X9" s="283">
        <v>19</v>
      </c>
    </row>
    <row r="10" spans="2:24" ht="19.8" customHeight="1" x14ac:dyDescent="0.2">
      <c r="B10" s="257" t="s">
        <v>7</v>
      </c>
      <c r="C10" s="281">
        <v>0</v>
      </c>
      <c r="D10" s="281">
        <v>0</v>
      </c>
      <c r="E10" s="278">
        <v>0</v>
      </c>
      <c r="F10" s="280">
        <v>0</v>
      </c>
      <c r="G10" s="281">
        <v>166</v>
      </c>
      <c r="H10" s="281">
        <v>103</v>
      </c>
      <c r="I10" s="281">
        <v>145</v>
      </c>
      <c r="J10" s="281">
        <v>49</v>
      </c>
      <c r="K10" s="281">
        <v>19</v>
      </c>
      <c r="L10" s="278">
        <v>482</v>
      </c>
      <c r="M10" s="283">
        <v>482</v>
      </c>
      <c r="N10" s="281">
        <v>0</v>
      </c>
      <c r="O10" s="281">
        <v>0</v>
      </c>
      <c r="P10" s="278">
        <v>0</v>
      </c>
      <c r="Q10" s="280">
        <v>0</v>
      </c>
      <c r="R10" s="281">
        <v>16</v>
      </c>
      <c r="S10" s="281">
        <v>24</v>
      </c>
      <c r="T10" s="281">
        <v>39</v>
      </c>
      <c r="U10" s="281">
        <v>10</v>
      </c>
      <c r="V10" s="281">
        <v>0</v>
      </c>
      <c r="W10" s="278">
        <v>89</v>
      </c>
      <c r="X10" s="283">
        <v>89</v>
      </c>
    </row>
    <row r="11" spans="2:24" ht="19.8" customHeight="1" x14ac:dyDescent="0.2">
      <c r="B11" s="257" t="s">
        <v>8</v>
      </c>
      <c r="C11" s="281">
        <v>0</v>
      </c>
      <c r="D11" s="281">
        <v>0</v>
      </c>
      <c r="E11" s="278">
        <v>0</v>
      </c>
      <c r="F11" s="280">
        <v>0</v>
      </c>
      <c r="G11" s="281">
        <v>246</v>
      </c>
      <c r="H11" s="281">
        <v>164</v>
      </c>
      <c r="I11" s="281">
        <v>72</v>
      </c>
      <c r="J11" s="281">
        <v>17</v>
      </c>
      <c r="K11" s="281">
        <v>20</v>
      </c>
      <c r="L11" s="278">
        <v>519</v>
      </c>
      <c r="M11" s="283">
        <v>519</v>
      </c>
      <c r="N11" s="281">
        <v>0</v>
      </c>
      <c r="O11" s="281">
        <v>0</v>
      </c>
      <c r="P11" s="278">
        <v>0</v>
      </c>
      <c r="Q11" s="280">
        <v>0</v>
      </c>
      <c r="R11" s="281">
        <v>0</v>
      </c>
      <c r="S11" s="281">
        <v>9</v>
      </c>
      <c r="T11" s="281">
        <v>1</v>
      </c>
      <c r="U11" s="281">
        <v>0</v>
      </c>
      <c r="V11" s="281">
        <v>0</v>
      </c>
      <c r="W11" s="278">
        <v>10</v>
      </c>
      <c r="X11" s="283">
        <v>10</v>
      </c>
    </row>
    <row r="12" spans="2:24" ht="19.8" customHeight="1" x14ac:dyDescent="0.2">
      <c r="B12" s="257" t="s">
        <v>9</v>
      </c>
      <c r="C12" s="281">
        <v>0</v>
      </c>
      <c r="D12" s="281">
        <v>0</v>
      </c>
      <c r="E12" s="278">
        <v>0</v>
      </c>
      <c r="F12" s="280">
        <v>0</v>
      </c>
      <c r="G12" s="281">
        <v>274</v>
      </c>
      <c r="H12" s="281">
        <v>224</v>
      </c>
      <c r="I12" s="281">
        <v>173</v>
      </c>
      <c r="J12" s="281">
        <v>55</v>
      </c>
      <c r="K12" s="281">
        <v>30</v>
      </c>
      <c r="L12" s="278">
        <v>756</v>
      </c>
      <c r="M12" s="283">
        <v>756</v>
      </c>
      <c r="N12" s="281">
        <v>0</v>
      </c>
      <c r="O12" s="281">
        <v>0</v>
      </c>
      <c r="P12" s="278">
        <v>0</v>
      </c>
      <c r="Q12" s="280">
        <v>0</v>
      </c>
      <c r="R12" s="281">
        <v>23</v>
      </c>
      <c r="S12" s="281">
        <v>0</v>
      </c>
      <c r="T12" s="281">
        <v>18</v>
      </c>
      <c r="U12" s="281">
        <v>0</v>
      </c>
      <c r="V12" s="281">
        <v>8</v>
      </c>
      <c r="W12" s="278">
        <v>49</v>
      </c>
      <c r="X12" s="283">
        <v>49</v>
      </c>
    </row>
    <row r="13" spans="2:24" ht="19.8" customHeight="1" x14ac:dyDescent="0.2">
      <c r="B13" s="257" t="s">
        <v>10</v>
      </c>
      <c r="C13" s="281">
        <v>0</v>
      </c>
      <c r="D13" s="281">
        <v>0</v>
      </c>
      <c r="E13" s="278">
        <v>0</v>
      </c>
      <c r="F13" s="280">
        <v>0</v>
      </c>
      <c r="G13" s="281">
        <v>293</v>
      </c>
      <c r="H13" s="281">
        <v>108</v>
      </c>
      <c r="I13" s="281">
        <v>66</v>
      </c>
      <c r="J13" s="281">
        <v>49</v>
      </c>
      <c r="K13" s="281">
        <v>26</v>
      </c>
      <c r="L13" s="278">
        <v>542</v>
      </c>
      <c r="M13" s="283">
        <v>542</v>
      </c>
      <c r="N13" s="281">
        <v>0</v>
      </c>
      <c r="O13" s="281">
        <v>0</v>
      </c>
      <c r="P13" s="278">
        <v>0</v>
      </c>
      <c r="Q13" s="280">
        <v>0</v>
      </c>
      <c r="R13" s="281">
        <v>21</v>
      </c>
      <c r="S13" s="281">
        <v>13</v>
      </c>
      <c r="T13" s="281">
        <v>12</v>
      </c>
      <c r="U13" s="281">
        <v>0</v>
      </c>
      <c r="V13" s="281">
        <v>2</v>
      </c>
      <c r="W13" s="278">
        <v>48</v>
      </c>
      <c r="X13" s="283">
        <v>48</v>
      </c>
    </row>
    <row r="14" spans="2:24" ht="19.8" customHeight="1" x14ac:dyDescent="0.2">
      <c r="B14" s="257" t="s">
        <v>11</v>
      </c>
      <c r="C14" s="281">
        <v>0</v>
      </c>
      <c r="D14" s="281">
        <v>0</v>
      </c>
      <c r="E14" s="278">
        <v>0</v>
      </c>
      <c r="F14" s="280">
        <v>0</v>
      </c>
      <c r="G14" s="281">
        <v>124</v>
      </c>
      <c r="H14" s="281">
        <v>20</v>
      </c>
      <c r="I14" s="281">
        <v>73</v>
      </c>
      <c r="J14" s="281">
        <v>10</v>
      </c>
      <c r="K14" s="281">
        <v>8</v>
      </c>
      <c r="L14" s="278">
        <v>235</v>
      </c>
      <c r="M14" s="283">
        <v>235</v>
      </c>
      <c r="N14" s="281">
        <v>0</v>
      </c>
      <c r="O14" s="281">
        <v>0</v>
      </c>
      <c r="P14" s="278">
        <v>0</v>
      </c>
      <c r="Q14" s="280">
        <v>0</v>
      </c>
      <c r="R14" s="281">
        <v>0</v>
      </c>
      <c r="S14" s="281">
        <v>0</v>
      </c>
      <c r="T14" s="281">
        <v>0</v>
      </c>
      <c r="U14" s="281">
        <v>0</v>
      </c>
      <c r="V14" s="281">
        <v>12</v>
      </c>
      <c r="W14" s="278">
        <v>12</v>
      </c>
      <c r="X14" s="283">
        <v>12</v>
      </c>
    </row>
    <row r="15" spans="2:24" ht="19.8" customHeight="1" x14ac:dyDescent="0.2">
      <c r="B15" s="257" t="s">
        <v>12</v>
      </c>
      <c r="C15" s="281">
        <v>0</v>
      </c>
      <c r="D15" s="281">
        <v>0</v>
      </c>
      <c r="E15" s="278">
        <v>0</v>
      </c>
      <c r="F15" s="280">
        <v>0</v>
      </c>
      <c r="G15" s="281">
        <v>163</v>
      </c>
      <c r="H15" s="281">
        <v>83</v>
      </c>
      <c r="I15" s="281">
        <v>96</v>
      </c>
      <c r="J15" s="281">
        <v>36</v>
      </c>
      <c r="K15" s="281">
        <v>0</v>
      </c>
      <c r="L15" s="278">
        <v>378</v>
      </c>
      <c r="M15" s="283">
        <v>378</v>
      </c>
      <c r="N15" s="281">
        <v>0</v>
      </c>
      <c r="O15" s="281">
        <v>0</v>
      </c>
      <c r="P15" s="278">
        <v>0</v>
      </c>
      <c r="Q15" s="280">
        <v>0</v>
      </c>
      <c r="R15" s="281">
        <v>0</v>
      </c>
      <c r="S15" s="281">
        <v>4</v>
      </c>
      <c r="T15" s="281">
        <v>0</v>
      </c>
      <c r="U15" s="281">
        <v>0</v>
      </c>
      <c r="V15" s="281">
        <v>0</v>
      </c>
      <c r="W15" s="278">
        <v>4</v>
      </c>
      <c r="X15" s="283">
        <v>4</v>
      </c>
    </row>
    <row r="16" spans="2:24" ht="19.8" customHeight="1" x14ac:dyDescent="0.2">
      <c r="B16" s="257" t="s">
        <v>13</v>
      </c>
      <c r="C16" s="281">
        <v>0</v>
      </c>
      <c r="D16" s="281">
        <v>0</v>
      </c>
      <c r="E16" s="278">
        <v>0</v>
      </c>
      <c r="F16" s="280">
        <v>0</v>
      </c>
      <c r="G16" s="281">
        <v>67</v>
      </c>
      <c r="H16" s="281">
        <v>74</v>
      </c>
      <c r="I16" s="281">
        <v>52</v>
      </c>
      <c r="J16" s="281">
        <v>24</v>
      </c>
      <c r="K16" s="281">
        <v>15</v>
      </c>
      <c r="L16" s="278">
        <v>232</v>
      </c>
      <c r="M16" s="283">
        <v>232</v>
      </c>
      <c r="N16" s="281">
        <v>0</v>
      </c>
      <c r="O16" s="281">
        <v>0</v>
      </c>
      <c r="P16" s="278">
        <v>0</v>
      </c>
      <c r="Q16" s="280">
        <v>0</v>
      </c>
      <c r="R16" s="281">
        <v>0</v>
      </c>
      <c r="S16" s="281">
        <v>0</v>
      </c>
      <c r="T16" s="281">
        <v>0</v>
      </c>
      <c r="U16" s="281">
        <v>0</v>
      </c>
      <c r="V16" s="281">
        <v>0</v>
      </c>
      <c r="W16" s="278">
        <v>0</v>
      </c>
      <c r="X16" s="283">
        <v>0</v>
      </c>
    </row>
    <row r="17" spans="2:24" ht="19.8" customHeight="1" x14ac:dyDescent="0.2">
      <c r="B17" s="257" t="s">
        <v>15</v>
      </c>
      <c r="C17" s="281">
        <v>0</v>
      </c>
      <c r="D17" s="281">
        <v>0</v>
      </c>
      <c r="E17" s="278">
        <v>0</v>
      </c>
      <c r="F17" s="280">
        <v>0</v>
      </c>
      <c r="G17" s="281">
        <v>43</v>
      </c>
      <c r="H17" s="281">
        <v>50</v>
      </c>
      <c r="I17" s="281">
        <v>9</v>
      </c>
      <c r="J17" s="281">
        <v>27</v>
      </c>
      <c r="K17" s="281">
        <v>1</v>
      </c>
      <c r="L17" s="278">
        <v>130</v>
      </c>
      <c r="M17" s="283">
        <v>130</v>
      </c>
      <c r="N17" s="281">
        <v>0</v>
      </c>
      <c r="O17" s="281">
        <v>0</v>
      </c>
      <c r="P17" s="278">
        <v>0</v>
      </c>
      <c r="Q17" s="280">
        <v>0</v>
      </c>
      <c r="R17" s="281">
        <v>0</v>
      </c>
      <c r="S17" s="281">
        <v>1</v>
      </c>
      <c r="T17" s="281">
        <v>0</v>
      </c>
      <c r="U17" s="281">
        <v>0</v>
      </c>
      <c r="V17" s="281">
        <v>0</v>
      </c>
      <c r="W17" s="278">
        <v>1</v>
      </c>
      <c r="X17" s="283">
        <v>1</v>
      </c>
    </row>
    <row r="18" spans="2:24" ht="19.8" customHeight="1" x14ac:dyDescent="0.2">
      <c r="B18" s="257" t="s">
        <v>16</v>
      </c>
      <c r="C18" s="281">
        <v>0</v>
      </c>
      <c r="D18" s="281">
        <v>0</v>
      </c>
      <c r="E18" s="278">
        <v>0</v>
      </c>
      <c r="F18" s="280">
        <v>0</v>
      </c>
      <c r="G18" s="281">
        <v>57</v>
      </c>
      <c r="H18" s="281">
        <v>42</v>
      </c>
      <c r="I18" s="281">
        <v>49</v>
      </c>
      <c r="J18" s="281">
        <v>0</v>
      </c>
      <c r="K18" s="281">
        <v>24</v>
      </c>
      <c r="L18" s="278">
        <v>172</v>
      </c>
      <c r="M18" s="283">
        <v>172</v>
      </c>
      <c r="N18" s="281">
        <v>0</v>
      </c>
      <c r="O18" s="281">
        <v>0</v>
      </c>
      <c r="P18" s="278">
        <v>0</v>
      </c>
      <c r="Q18" s="280">
        <v>0</v>
      </c>
      <c r="R18" s="281">
        <v>0</v>
      </c>
      <c r="S18" s="281">
        <v>17</v>
      </c>
      <c r="T18" s="281">
        <v>34</v>
      </c>
      <c r="U18" s="281">
        <v>0</v>
      </c>
      <c r="V18" s="281">
        <v>0</v>
      </c>
      <c r="W18" s="278">
        <v>51</v>
      </c>
      <c r="X18" s="283">
        <v>51</v>
      </c>
    </row>
    <row r="19" spans="2:24" ht="19.8" customHeight="1" x14ac:dyDescent="0.2">
      <c r="B19" s="257" t="s">
        <v>17</v>
      </c>
      <c r="C19" s="281">
        <v>0</v>
      </c>
      <c r="D19" s="281">
        <v>0</v>
      </c>
      <c r="E19" s="278">
        <v>0</v>
      </c>
      <c r="F19" s="280">
        <v>0</v>
      </c>
      <c r="G19" s="281">
        <v>89</v>
      </c>
      <c r="H19" s="281">
        <v>148</v>
      </c>
      <c r="I19" s="281">
        <v>85</v>
      </c>
      <c r="J19" s="281">
        <v>37</v>
      </c>
      <c r="K19" s="281">
        <v>7</v>
      </c>
      <c r="L19" s="278">
        <v>366</v>
      </c>
      <c r="M19" s="283">
        <v>366</v>
      </c>
      <c r="N19" s="281">
        <v>0</v>
      </c>
      <c r="O19" s="281">
        <v>0</v>
      </c>
      <c r="P19" s="278">
        <v>0</v>
      </c>
      <c r="Q19" s="280">
        <v>0</v>
      </c>
      <c r="R19" s="281">
        <v>0</v>
      </c>
      <c r="S19" s="281">
        <v>0</v>
      </c>
      <c r="T19" s="281">
        <v>0</v>
      </c>
      <c r="U19" s="281">
        <v>0</v>
      </c>
      <c r="V19" s="281">
        <v>0</v>
      </c>
      <c r="W19" s="278">
        <v>0</v>
      </c>
      <c r="X19" s="283">
        <v>0</v>
      </c>
    </row>
    <row r="20" spans="2:24" ht="19.8" customHeight="1" x14ac:dyDescent="0.2">
      <c r="B20" s="257" t="s">
        <v>18</v>
      </c>
      <c r="C20" s="281">
        <v>0</v>
      </c>
      <c r="D20" s="281">
        <v>0</v>
      </c>
      <c r="E20" s="278">
        <v>0</v>
      </c>
      <c r="F20" s="280">
        <v>0</v>
      </c>
      <c r="G20" s="281">
        <v>153</v>
      </c>
      <c r="H20" s="281">
        <v>62</v>
      </c>
      <c r="I20" s="281">
        <v>104</v>
      </c>
      <c r="J20" s="281">
        <v>4</v>
      </c>
      <c r="K20" s="281">
        <v>0</v>
      </c>
      <c r="L20" s="278">
        <v>323</v>
      </c>
      <c r="M20" s="283">
        <v>323</v>
      </c>
      <c r="N20" s="281">
        <v>0</v>
      </c>
      <c r="O20" s="281">
        <v>0</v>
      </c>
      <c r="P20" s="278">
        <v>0</v>
      </c>
      <c r="Q20" s="280">
        <v>0</v>
      </c>
      <c r="R20" s="281">
        <v>4</v>
      </c>
      <c r="S20" s="281">
        <v>0</v>
      </c>
      <c r="T20" s="281">
        <v>29</v>
      </c>
      <c r="U20" s="281">
        <v>0</v>
      </c>
      <c r="V20" s="281">
        <v>0</v>
      </c>
      <c r="W20" s="278">
        <v>33</v>
      </c>
      <c r="X20" s="283">
        <v>33</v>
      </c>
    </row>
    <row r="21" spans="2:24" ht="19.8" customHeight="1" x14ac:dyDescent="0.2">
      <c r="B21" s="257" t="s">
        <v>19</v>
      </c>
      <c r="C21" s="281">
        <v>0</v>
      </c>
      <c r="D21" s="281">
        <v>0</v>
      </c>
      <c r="E21" s="278">
        <v>0</v>
      </c>
      <c r="F21" s="280">
        <v>0</v>
      </c>
      <c r="G21" s="281">
        <v>82</v>
      </c>
      <c r="H21" s="281">
        <v>43</v>
      </c>
      <c r="I21" s="281">
        <v>24</v>
      </c>
      <c r="J21" s="281">
        <v>17</v>
      </c>
      <c r="K21" s="281">
        <v>0</v>
      </c>
      <c r="L21" s="278">
        <v>166</v>
      </c>
      <c r="M21" s="283">
        <v>166</v>
      </c>
      <c r="N21" s="281">
        <v>0</v>
      </c>
      <c r="O21" s="281">
        <v>0</v>
      </c>
      <c r="P21" s="278">
        <v>0</v>
      </c>
      <c r="Q21" s="280">
        <v>0</v>
      </c>
      <c r="R21" s="281">
        <v>5</v>
      </c>
      <c r="S21" s="281">
        <v>33</v>
      </c>
      <c r="T21" s="281">
        <v>0</v>
      </c>
      <c r="U21" s="281">
        <v>0</v>
      </c>
      <c r="V21" s="281">
        <v>0</v>
      </c>
      <c r="W21" s="278">
        <v>38</v>
      </c>
      <c r="X21" s="283">
        <v>38</v>
      </c>
    </row>
    <row r="22" spans="2:24" ht="19.8" customHeight="1" x14ac:dyDescent="0.2">
      <c r="B22" s="257" t="s">
        <v>20</v>
      </c>
      <c r="C22" s="281">
        <v>0</v>
      </c>
      <c r="D22" s="281">
        <v>0</v>
      </c>
      <c r="E22" s="278">
        <v>0</v>
      </c>
      <c r="F22" s="280">
        <v>0</v>
      </c>
      <c r="G22" s="281">
        <v>53</v>
      </c>
      <c r="H22" s="281">
        <v>65</v>
      </c>
      <c r="I22" s="281">
        <v>8</v>
      </c>
      <c r="J22" s="281">
        <v>7</v>
      </c>
      <c r="K22" s="281">
        <v>0</v>
      </c>
      <c r="L22" s="278">
        <v>133</v>
      </c>
      <c r="M22" s="283">
        <v>133</v>
      </c>
      <c r="N22" s="281">
        <v>0</v>
      </c>
      <c r="O22" s="281">
        <v>0</v>
      </c>
      <c r="P22" s="278">
        <v>0</v>
      </c>
      <c r="Q22" s="280">
        <v>0</v>
      </c>
      <c r="R22" s="281">
        <v>9</v>
      </c>
      <c r="S22" s="281">
        <v>2</v>
      </c>
      <c r="T22" s="281">
        <v>0</v>
      </c>
      <c r="U22" s="281">
        <v>0</v>
      </c>
      <c r="V22" s="281">
        <v>0</v>
      </c>
      <c r="W22" s="278">
        <v>11</v>
      </c>
      <c r="X22" s="283">
        <v>11</v>
      </c>
    </row>
    <row r="23" spans="2:24" ht="19.8" customHeight="1" x14ac:dyDescent="0.2">
      <c r="B23" s="257" t="s">
        <v>21</v>
      </c>
      <c r="C23" s="281">
        <v>0</v>
      </c>
      <c r="D23" s="281">
        <v>0</v>
      </c>
      <c r="E23" s="278">
        <v>0</v>
      </c>
      <c r="F23" s="280">
        <v>0</v>
      </c>
      <c r="G23" s="281">
        <v>93</v>
      </c>
      <c r="H23" s="281">
        <v>26</v>
      </c>
      <c r="I23" s="281">
        <v>13</v>
      </c>
      <c r="J23" s="281">
        <v>1</v>
      </c>
      <c r="K23" s="281">
        <v>0</v>
      </c>
      <c r="L23" s="278">
        <v>133</v>
      </c>
      <c r="M23" s="283">
        <v>133</v>
      </c>
      <c r="N23" s="281">
        <v>0</v>
      </c>
      <c r="O23" s="281">
        <v>0</v>
      </c>
      <c r="P23" s="278">
        <v>0</v>
      </c>
      <c r="Q23" s="280">
        <v>0</v>
      </c>
      <c r="R23" s="281">
        <v>0</v>
      </c>
      <c r="S23" s="281">
        <v>0</v>
      </c>
      <c r="T23" s="281">
        <v>0</v>
      </c>
      <c r="U23" s="281">
        <v>0</v>
      </c>
      <c r="V23" s="281">
        <v>0</v>
      </c>
      <c r="W23" s="278">
        <v>0</v>
      </c>
      <c r="X23" s="283">
        <v>0</v>
      </c>
    </row>
    <row r="24" spans="2:24" ht="19.8" customHeight="1" x14ac:dyDescent="0.2">
      <c r="B24" s="257" t="s">
        <v>22</v>
      </c>
      <c r="C24" s="281">
        <v>0</v>
      </c>
      <c r="D24" s="281">
        <v>0</v>
      </c>
      <c r="E24" s="278">
        <v>0</v>
      </c>
      <c r="F24" s="280">
        <v>0</v>
      </c>
      <c r="G24" s="281">
        <v>91</v>
      </c>
      <c r="H24" s="281">
        <v>7</v>
      </c>
      <c r="I24" s="281">
        <v>0</v>
      </c>
      <c r="J24" s="281">
        <v>0</v>
      </c>
      <c r="K24" s="281">
        <v>0</v>
      </c>
      <c r="L24" s="278">
        <v>98</v>
      </c>
      <c r="M24" s="283">
        <v>98</v>
      </c>
      <c r="N24" s="281">
        <v>0</v>
      </c>
      <c r="O24" s="281">
        <v>0</v>
      </c>
      <c r="P24" s="278">
        <v>0</v>
      </c>
      <c r="Q24" s="280">
        <v>0</v>
      </c>
      <c r="R24" s="281">
        <v>0</v>
      </c>
      <c r="S24" s="281">
        <v>0</v>
      </c>
      <c r="T24" s="281">
        <v>9</v>
      </c>
      <c r="U24" s="281">
        <v>0</v>
      </c>
      <c r="V24" s="281">
        <v>0</v>
      </c>
      <c r="W24" s="278">
        <v>9</v>
      </c>
      <c r="X24" s="283">
        <v>9</v>
      </c>
    </row>
    <row r="25" spans="2:24" ht="19.8" customHeight="1" x14ac:dyDescent="0.2">
      <c r="B25" s="257" t="s">
        <v>23</v>
      </c>
      <c r="C25" s="281">
        <v>0</v>
      </c>
      <c r="D25" s="281">
        <v>0</v>
      </c>
      <c r="E25" s="278">
        <v>0</v>
      </c>
      <c r="F25" s="280">
        <v>0</v>
      </c>
      <c r="G25" s="281">
        <v>15</v>
      </c>
      <c r="H25" s="281">
        <v>13</v>
      </c>
      <c r="I25" s="281">
        <v>0</v>
      </c>
      <c r="J25" s="281">
        <v>0</v>
      </c>
      <c r="K25" s="281">
        <v>21</v>
      </c>
      <c r="L25" s="278">
        <v>49</v>
      </c>
      <c r="M25" s="283">
        <v>49</v>
      </c>
      <c r="N25" s="281">
        <v>0</v>
      </c>
      <c r="O25" s="281">
        <v>0</v>
      </c>
      <c r="P25" s="278">
        <v>0</v>
      </c>
      <c r="Q25" s="280">
        <v>0</v>
      </c>
      <c r="R25" s="281">
        <v>0</v>
      </c>
      <c r="S25" s="281">
        <v>0</v>
      </c>
      <c r="T25" s="281">
        <v>0</v>
      </c>
      <c r="U25" s="281">
        <v>0</v>
      </c>
      <c r="V25" s="281">
        <v>0</v>
      </c>
      <c r="W25" s="278">
        <v>0</v>
      </c>
      <c r="X25" s="283">
        <v>0</v>
      </c>
    </row>
    <row r="26" spans="2:24" ht="19.8" customHeight="1" x14ac:dyDescent="0.2">
      <c r="B26" s="257" t="s">
        <v>24</v>
      </c>
      <c r="C26" s="281">
        <v>0</v>
      </c>
      <c r="D26" s="281">
        <v>0</v>
      </c>
      <c r="E26" s="278">
        <v>0</v>
      </c>
      <c r="F26" s="280">
        <v>0</v>
      </c>
      <c r="G26" s="281">
        <v>0</v>
      </c>
      <c r="H26" s="281">
        <v>0</v>
      </c>
      <c r="I26" s="281">
        <v>11</v>
      </c>
      <c r="J26" s="281">
        <v>0</v>
      </c>
      <c r="K26" s="281">
        <v>0</v>
      </c>
      <c r="L26" s="278">
        <v>11</v>
      </c>
      <c r="M26" s="283">
        <v>11</v>
      </c>
      <c r="N26" s="281">
        <v>0</v>
      </c>
      <c r="O26" s="281">
        <v>0</v>
      </c>
      <c r="P26" s="278">
        <v>0</v>
      </c>
      <c r="Q26" s="280">
        <v>0</v>
      </c>
      <c r="R26" s="281">
        <v>0</v>
      </c>
      <c r="S26" s="281">
        <v>10</v>
      </c>
      <c r="T26" s="281">
        <v>0</v>
      </c>
      <c r="U26" s="281">
        <v>0</v>
      </c>
      <c r="V26" s="281">
        <v>19</v>
      </c>
      <c r="W26" s="278">
        <v>29</v>
      </c>
      <c r="X26" s="283">
        <v>29</v>
      </c>
    </row>
    <row r="27" spans="2:24" ht="19.8" customHeight="1" x14ac:dyDescent="0.2">
      <c r="B27" s="257" t="s">
        <v>25</v>
      </c>
      <c r="C27" s="281">
        <v>0</v>
      </c>
      <c r="D27" s="281">
        <v>0</v>
      </c>
      <c r="E27" s="278">
        <v>0</v>
      </c>
      <c r="F27" s="280">
        <v>0</v>
      </c>
      <c r="G27" s="281">
        <v>25</v>
      </c>
      <c r="H27" s="281">
        <v>0</v>
      </c>
      <c r="I27" s="281">
        <v>0</v>
      </c>
      <c r="J27" s="281">
        <v>0</v>
      </c>
      <c r="K27" s="281">
        <v>0</v>
      </c>
      <c r="L27" s="278">
        <v>25</v>
      </c>
      <c r="M27" s="283">
        <v>25</v>
      </c>
      <c r="N27" s="281">
        <v>0</v>
      </c>
      <c r="O27" s="281">
        <v>0</v>
      </c>
      <c r="P27" s="278">
        <v>0</v>
      </c>
      <c r="Q27" s="280">
        <v>0</v>
      </c>
      <c r="R27" s="281">
        <v>0</v>
      </c>
      <c r="S27" s="281">
        <v>0</v>
      </c>
      <c r="T27" s="281">
        <v>0</v>
      </c>
      <c r="U27" s="281">
        <v>0</v>
      </c>
      <c r="V27" s="281">
        <v>0</v>
      </c>
      <c r="W27" s="278">
        <v>0</v>
      </c>
      <c r="X27" s="283">
        <v>0</v>
      </c>
    </row>
    <row r="28" spans="2:24" ht="19.8" customHeight="1" x14ac:dyDescent="0.2">
      <c r="B28" s="257" t="s">
        <v>26</v>
      </c>
      <c r="C28" s="281">
        <v>0</v>
      </c>
      <c r="D28" s="281">
        <v>0</v>
      </c>
      <c r="E28" s="278">
        <v>0</v>
      </c>
      <c r="F28" s="280">
        <v>0</v>
      </c>
      <c r="G28" s="281">
        <v>20</v>
      </c>
      <c r="H28" s="281">
        <v>8</v>
      </c>
      <c r="I28" s="281">
        <v>25</v>
      </c>
      <c r="J28" s="281">
        <v>0</v>
      </c>
      <c r="K28" s="281">
        <v>12</v>
      </c>
      <c r="L28" s="278">
        <v>65</v>
      </c>
      <c r="M28" s="283">
        <v>65</v>
      </c>
      <c r="N28" s="281">
        <v>0</v>
      </c>
      <c r="O28" s="281">
        <v>0</v>
      </c>
      <c r="P28" s="278">
        <v>0</v>
      </c>
      <c r="Q28" s="280">
        <v>0</v>
      </c>
      <c r="R28" s="281">
        <v>0</v>
      </c>
      <c r="S28" s="281">
        <v>0</v>
      </c>
      <c r="T28" s="281">
        <v>0</v>
      </c>
      <c r="U28" s="281">
        <v>0</v>
      </c>
      <c r="V28" s="281">
        <v>24</v>
      </c>
      <c r="W28" s="278">
        <v>24</v>
      </c>
      <c r="X28" s="283">
        <v>24</v>
      </c>
    </row>
    <row r="29" spans="2:24" ht="19.8" customHeight="1" x14ac:dyDescent="0.2">
      <c r="B29" s="257" t="s">
        <v>27</v>
      </c>
      <c r="C29" s="281">
        <v>0</v>
      </c>
      <c r="D29" s="281">
        <v>0</v>
      </c>
      <c r="E29" s="278">
        <v>0</v>
      </c>
      <c r="F29" s="280">
        <v>0</v>
      </c>
      <c r="G29" s="281">
        <v>7</v>
      </c>
      <c r="H29" s="281">
        <v>2</v>
      </c>
      <c r="I29" s="281">
        <v>0</v>
      </c>
      <c r="J29" s="281">
        <v>0</v>
      </c>
      <c r="K29" s="281">
        <v>0</v>
      </c>
      <c r="L29" s="278">
        <v>9</v>
      </c>
      <c r="M29" s="283">
        <v>9</v>
      </c>
      <c r="N29" s="281">
        <v>0</v>
      </c>
      <c r="O29" s="281">
        <v>0</v>
      </c>
      <c r="P29" s="278">
        <v>0</v>
      </c>
      <c r="Q29" s="280">
        <v>0</v>
      </c>
      <c r="R29" s="281">
        <v>0</v>
      </c>
      <c r="S29" s="281">
        <v>1</v>
      </c>
      <c r="T29" s="281">
        <v>5</v>
      </c>
      <c r="U29" s="281">
        <v>0</v>
      </c>
      <c r="V29" s="281">
        <v>0</v>
      </c>
      <c r="W29" s="278">
        <v>6</v>
      </c>
      <c r="X29" s="283">
        <v>6</v>
      </c>
    </row>
    <row r="30" spans="2:24" ht="19.8" customHeight="1" x14ac:dyDescent="0.2">
      <c r="B30" s="257" t="s">
        <v>28</v>
      </c>
      <c r="C30" s="281">
        <v>0</v>
      </c>
      <c r="D30" s="281">
        <v>0</v>
      </c>
      <c r="E30" s="278">
        <v>0</v>
      </c>
      <c r="F30" s="280">
        <v>0</v>
      </c>
      <c r="G30" s="281">
        <v>37</v>
      </c>
      <c r="H30" s="281">
        <v>9</v>
      </c>
      <c r="I30" s="281">
        <v>0</v>
      </c>
      <c r="J30" s="281">
        <v>0</v>
      </c>
      <c r="K30" s="281">
        <v>0</v>
      </c>
      <c r="L30" s="278">
        <v>46</v>
      </c>
      <c r="M30" s="283">
        <v>46</v>
      </c>
      <c r="N30" s="281">
        <v>0</v>
      </c>
      <c r="O30" s="281">
        <v>0</v>
      </c>
      <c r="P30" s="278">
        <v>0</v>
      </c>
      <c r="Q30" s="280">
        <v>0</v>
      </c>
      <c r="R30" s="281">
        <v>0</v>
      </c>
      <c r="S30" s="281">
        <v>0</v>
      </c>
      <c r="T30" s="281">
        <v>0</v>
      </c>
      <c r="U30" s="281">
        <v>0</v>
      </c>
      <c r="V30" s="281">
        <v>0</v>
      </c>
      <c r="W30" s="278">
        <v>0</v>
      </c>
      <c r="X30" s="283">
        <v>0</v>
      </c>
    </row>
    <row r="31" spans="2:24" ht="19.8" customHeight="1" x14ac:dyDescent="0.2">
      <c r="B31" s="257" t="s">
        <v>29</v>
      </c>
      <c r="C31" s="281">
        <v>0</v>
      </c>
      <c r="D31" s="281">
        <v>0</v>
      </c>
      <c r="E31" s="278">
        <v>0</v>
      </c>
      <c r="F31" s="280">
        <v>0</v>
      </c>
      <c r="G31" s="281">
        <v>0</v>
      </c>
      <c r="H31" s="281">
        <v>4</v>
      </c>
      <c r="I31" s="281">
        <v>0</v>
      </c>
      <c r="J31" s="281">
        <v>0</v>
      </c>
      <c r="K31" s="281">
        <v>0</v>
      </c>
      <c r="L31" s="278">
        <v>4</v>
      </c>
      <c r="M31" s="283">
        <v>4</v>
      </c>
      <c r="N31" s="281">
        <v>0</v>
      </c>
      <c r="O31" s="281">
        <v>0</v>
      </c>
      <c r="P31" s="278">
        <v>0</v>
      </c>
      <c r="Q31" s="280">
        <v>0</v>
      </c>
      <c r="R31" s="281">
        <v>0</v>
      </c>
      <c r="S31" s="281">
        <v>0</v>
      </c>
      <c r="T31" s="281">
        <v>9</v>
      </c>
      <c r="U31" s="281">
        <v>0</v>
      </c>
      <c r="V31" s="281">
        <v>0</v>
      </c>
      <c r="W31" s="278">
        <v>9</v>
      </c>
      <c r="X31" s="283">
        <v>9</v>
      </c>
    </row>
    <row r="32" spans="2:24" ht="19.8" customHeight="1" x14ac:dyDescent="0.2">
      <c r="B32" s="257" t="s">
        <v>30</v>
      </c>
      <c r="C32" s="281">
        <v>0</v>
      </c>
      <c r="D32" s="281">
        <v>0</v>
      </c>
      <c r="E32" s="278">
        <v>0</v>
      </c>
      <c r="F32" s="280">
        <v>0</v>
      </c>
      <c r="G32" s="281">
        <v>13</v>
      </c>
      <c r="H32" s="281">
        <v>0</v>
      </c>
      <c r="I32" s="281">
        <v>0</v>
      </c>
      <c r="J32" s="281">
        <v>0</v>
      </c>
      <c r="K32" s="281">
        <v>0</v>
      </c>
      <c r="L32" s="278">
        <v>13</v>
      </c>
      <c r="M32" s="283">
        <v>13</v>
      </c>
      <c r="N32" s="281">
        <v>0</v>
      </c>
      <c r="O32" s="281">
        <v>0</v>
      </c>
      <c r="P32" s="278">
        <v>0</v>
      </c>
      <c r="Q32" s="280">
        <v>0</v>
      </c>
      <c r="R32" s="281">
        <v>0</v>
      </c>
      <c r="S32" s="281">
        <v>3</v>
      </c>
      <c r="T32" s="281">
        <v>0</v>
      </c>
      <c r="U32" s="281">
        <v>0</v>
      </c>
      <c r="V32" s="281">
        <v>0</v>
      </c>
      <c r="W32" s="278">
        <v>3</v>
      </c>
      <c r="X32" s="283">
        <v>3</v>
      </c>
    </row>
    <row r="33" spans="2:24" ht="19.8" customHeight="1" x14ac:dyDescent="0.2">
      <c r="B33" s="257" t="s">
        <v>31</v>
      </c>
      <c r="C33" s="281">
        <v>0</v>
      </c>
      <c r="D33" s="281">
        <v>0</v>
      </c>
      <c r="E33" s="278">
        <v>0</v>
      </c>
      <c r="F33" s="280">
        <v>0</v>
      </c>
      <c r="G33" s="281">
        <v>6</v>
      </c>
      <c r="H33" s="281">
        <v>11</v>
      </c>
      <c r="I33" s="281">
        <v>11</v>
      </c>
      <c r="J33" s="281">
        <v>0</v>
      </c>
      <c r="K33" s="281">
        <v>0</v>
      </c>
      <c r="L33" s="278">
        <v>28</v>
      </c>
      <c r="M33" s="283">
        <v>28</v>
      </c>
      <c r="N33" s="281">
        <v>0</v>
      </c>
      <c r="O33" s="281">
        <v>0</v>
      </c>
      <c r="P33" s="278">
        <v>0</v>
      </c>
      <c r="Q33" s="280">
        <v>0</v>
      </c>
      <c r="R33" s="281">
        <v>0</v>
      </c>
      <c r="S33" s="281">
        <v>0</v>
      </c>
      <c r="T33" s="281">
        <v>0</v>
      </c>
      <c r="U33" s="281">
        <v>0</v>
      </c>
      <c r="V33" s="281">
        <v>0</v>
      </c>
      <c r="W33" s="278">
        <v>0</v>
      </c>
      <c r="X33" s="283">
        <v>0</v>
      </c>
    </row>
    <row r="34" spans="2:24" ht="19.8" customHeight="1" x14ac:dyDescent="0.2">
      <c r="B34" s="257" t="s">
        <v>32</v>
      </c>
      <c r="C34" s="281">
        <v>0</v>
      </c>
      <c r="D34" s="281">
        <v>0</v>
      </c>
      <c r="E34" s="278">
        <v>0</v>
      </c>
      <c r="F34" s="280">
        <v>0</v>
      </c>
      <c r="G34" s="281">
        <v>7</v>
      </c>
      <c r="H34" s="281">
        <v>6</v>
      </c>
      <c r="I34" s="281">
        <v>4</v>
      </c>
      <c r="J34" s="281">
        <v>5</v>
      </c>
      <c r="K34" s="281">
        <v>0</v>
      </c>
      <c r="L34" s="278">
        <v>22</v>
      </c>
      <c r="M34" s="283">
        <v>22</v>
      </c>
      <c r="N34" s="281">
        <v>0</v>
      </c>
      <c r="O34" s="281">
        <v>0</v>
      </c>
      <c r="P34" s="278">
        <v>0</v>
      </c>
      <c r="Q34" s="280">
        <v>0</v>
      </c>
      <c r="R34" s="281">
        <v>0</v>
      </c>
      <c r="S34" s="281">
        <v>0</v>
      </c>
      <c r="T34" s="281">
        <v>0</v>
      </c>
      <c r="U34" s="281">
        <v>0</v>
      </c>
      <c r="V34" s="281">
        <v>0</v>
      </c>
      <c r="W34" s="278">
        <v>0</v>
      </c>
      <c r="X34" s="283">
        <v>0</v>
      </c>
    </row>
    <row r="35" spans="2:24" ht="19.8" customHeight="1" x14ac:dyDescent="0.2">
      <c r="B35" s="257" t="s">
        <v>33</v>
      </c>
      <c r="C35" s="281">
        <v>0</v>
      </c>
      <c r="D35" s="281">
        <v>0</v>
      </c>
      <c r="E35" s="278">
        <v>0</v>
      </c>
      <c r="F35" s="280">
        <v>0</v>
      </c>
      <c r="G35" s="281">
        <v>0</v>
      </c>
      <c r="H35" s="281">
        <v>0</v>
      </c>
      <c r="I35" s="281">
        <v>11</v>
      </c>
      <c r="J35" s="281">
        <v>0</v>
      </c>
      <c r="K35" s="281">
        <v>0</v>
      </c>
      <c r="L35" s="278">
        <v>11</v>
      </c>
      <c r="M35" s="283">
        <v>11</v>
      </c>
      <c r="N35" s="281">
        <v>0</v>
      </c>
      <c r="O35" s="281">
        <v>0</v>
      </c>
      <c r="P35" s="278">
        <v>0</v>
      </c>
      <c r="Q35" s="280">
        <v>0</v>
      </c>
      <c r="R35" s="281">
        <v>0</v>
      </c>
      <c r="S35" s="281">
        <v>0</v>
      </c>
      <c r="T35" s="281">
        <v>0</v>
      </c>
      <c r="U35" s="281">
        <v>0</v>
      </c>
      <c r="V35" s="281">
        <v>0</v>
      </c>
      <c r="W35" s="278">
        <v>0</v>
      </c>
      <c r="X35" s="283">
        <v>0</v>
      </c>
    </row>
    <row r="36" spans="2:24" ht="19.8" customHeight="1" x14ac:dyDescent="0.2">
      <c r="B36" s="257" t="s">
        <v>34</v>
      </c>
      <c r="C36" s="281">
        <v>0</v>
      </c>
      <c r="D36" s="281">
        <v>0</v>
      </c>
      <c r="E36" s="278">
        <v>0</v>
      </c>
      <c r="F36" s="280">
        <v>0</v>
      </c>
      <c r="G36" s="281">
        <v>1</v>
      </c>
      <c r="H36" s="281">
        <v>0</v>
      </c>
      <c r="I36" s="281">
        <v>0</v>
      </c>
      <c r="J36" s="281">
        <v>0</v>
      </c>
      <c r="K36" s="281">
        <v>0</v>
      </c>
      <c r="L36" s="278">
        <v>1</v>
      </c>
      <c r="M36" s="283">
        <v>1</v>
      </c>
      <c r="N36" s="281">
        <v>0</v>
      </c>
      <c r="O36" s="281">
        <v>0</v>
      </c>
      <c r="P36" s="278">
        <v>0</v>
      </c>
      <c r="Q36" s="280">
        <v>0</v>
      </c>
      <c r="R36" s="281">
        <v>0</v>
      </c>
      <c r="S36" s="281">
        <v>0</v>
      </c>
      <c r="T36" s="281">
        <v>0</v>
      </c>
      <c r="U36" s="281">
        <v>0</v>
      </c>
      <c r="V36" s="281">
        <v>0</v>
      </c>
      <c r="W36" s="278">
        <v>0</v>
      </c>
      <c r="X36" s="283">
        <v>0</v>
      </c>
    </row>
    <row r="37" spans="2:24" ht="19.8" customHeight="1" x14ac:dyDescent="0.2">
      <c r="B37" s="257" t="s">
        <v>35</v>
      </c>
      <c r="C37" s="281">
        <v>0</v>
      </c>
      <c r="D37" s="281">
        <v>0</v>
      </c>
      <c r="E37" s="278">
        <v>0</v>
      </c>
      <c r="F37" s="280">
        <v>0</v>
      </c>
      <c r="G37" s="281">
        <v>6</v>
      </c>
      <c r="H37" s="281">
        <v>13</v>
      </c>
      <c r="I37" s="281">
        <v>0</v>
      </c>
      <c r="J37" s="281">
        <v>0</v>
      </c>
      <c r="K37" s="281">
        <v>0</v>
      </c>
      <c r="L37" s="278">
        <v>19</v>
      </c>
      <c r="M37" s="283">
        <v>19</v>
      </c>
      <c r="N37" s="281">
        <v>0</v>
      </c>
      <c r="O37" s="281">
        <v>0</v>
      </c>
      <c r="P37" s="278">
        <v>0</v>
      </c>
      <c r="Q37" s="280">
        <v>0</v>
      </c>
      <c r="R37" s="281">
        <v>0</v>
      </c>
      <c r="S37" s="281">
        <v>0</v>
      </c>
      <c r="T37" s="281">
        <v>0</v>
      </c>
      <c r="U37" s="281">
        <v>0</v>
      </c>
      <c r="V37" s="281">
        <v>0</v>
      </c>
      <c r="W37" s="278">
        <v>0</v>
      </c>
      <c r="X37" s="283">
        <v>0</v>
      </c>
    </row>
    <row r="38" spans="2:24" ht="19.8" customHeight="1" x14ac:dyDescent="0.2">
      <c r="B38" s="257" t="s">
        <v>36</v>
      </c>
      <c r="C38" s="281">
        <v>0</v>
      </c>
      <c r="D38" s="281">
        <v>0</v>
      </c>
      <c r="E38" s="278">
        <v>0</v>
      </c>
      <c r="F38" s="280">
        <v>0</v>
      </c>
      <c r="G38" s="281">
        <v>0</v>
      </c>
      <c r="H38" s="281">
        <v>0</v>
      </c>
      <c r="I38" s="281">
        <v>0</v>
      </c>
      <c r="J38" s="281">
        <v>25</v>
      </c>
      <c r="K38" s="281">
        <v>9</v>
      </c>
      <c r="L38" s="278">
        <v>34</v>
      </c>
      <c r="M38" s="283">
        <v>34</v>
      </c>
      <c r="N38" s="281">
        <v>0</v>
      </c>
      <c r="O38" s="281">
        <v>0</v>
      </c>
      <c r="P38" s="278">
        <v>0</v>
      </c>
      <c r="Q38" s="280">
        <v>0</v>
      </c>
      <c r="R38" s="281">
        <v>0</v>
      </c>
      <c r="S38" s="281">
        <v>0</v>
      </c>
      <c r="T38" s="281">
        <v>0</v>
      </c>
      <c r="U38" s="281">
        <v>0</v>
      </c>
      <c r="V38" s="281">
        <v>0</v>
      </c>
      <c r="W38" s="278">
        <v>0</v>
      </c>
      <c r="X38" s="283">
        <v>0</v>
      </c>
    </row>
    <row r="39" spans="2:24" ht="19.8" customHeight="1" thickBot="1" x14ac:dyDescent="0.25">
      <c r="B39" s="258" t="s">
        <v>37</v>
      </c>
      <c r="C39" s="288">
        <v>0</v>
      </c>
      <c r="D39" s="288">
        <v>0</v>
      </c>
      <c r="E39" s="285">
        <v>0</v>
      </c>
      <c r="F39" s="287">
        <v>0</v>
      </c>
      <c r="G39" s="288">
        <v>0</v>
      </c>
      <c r="H39" s="288">
        <v>0</v>
      </c>
      <c r="I39" s="288">
        <v>2</v>
      </c>
      <c r="J39" s="288">
        <v>0</v>
      </c>
      <c r="K39" s="288">
        <v>14</v>
      </c>
      <c r="L39" s="285">
        <v>16</v>
      </c>
      <c r="M39" s="290">
        <v>16</v>
      </c>
      <c r="N39" s="288">
        <v>0</v>
      </c>
      <c r="O39" s="288">
        <v>0</v>
      </c>
      <c r="P39" s="285">
        <v>0</v>
      </c>
      <c r="Q39" s="287">
        <v>0</v>
      </c>
      <c r="R39" s="288">
        <v>0</v>
      </c>
      <c r="S39" s="288">
        <v>0</v>
      </c>
      <c r="T39" s="288">
        <v>0</v>
      </c>
      <c r="U39" s="288">
        <v>0</v>
      </c>
      <c r="V39" s="288">
        <v>0</v>
      </c>
      <c r="W39" s="285">
        <v>0</v>
      </c>
      <c r="X39" s="290">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E1" s="368">
        <f>第１表!F2</f>
        <v>4</v>
      </c>
      <c r="F1" s="251">
        <f>第１表!G2</f>
        <v>8</v>
      </c>
      <c r="G1" s="555">
        <f>IF(F1&lt;3,F1-2+12,F1-2)</f>
        <v>6</v>
      </c>
      <c r="H1" s="555"/>
    </row>
    <row r="2" spans="2:133" ht="24" customHeight="1" thickBot="1" x14ac:dyDescent="0.25"/>
    <row r="3" spans="2:133" ht="24.75" customHeight="1" thickBot="1" x14ac:dyDescent="0.25">
      <c r="B3" s="601"/>
      <c r="C3" s="591" t="s">
        <v>57</v>
      </c>
      <c r="D3" s="592"/>
      <c r="E3" s="592"/>
      <c r="F3" s="592"/>
      <c r="G3" s="592"/>
      <c r="H3" s="592"/>
      <c r="I3" s="592"/>
      <c r="J3" s="592"/>
      <c r="K3" s="592"/>
      <c r="L3" s="592"/>
      <c r="M3" s="592"/>
      <c r="N3" s="592"/>
      <c r="O3" s="592"/>
      <c r="P3" s="592"/>
      <c r="Q3" s="592"/>
      <c r="R3" s="592"/>
      <c r="S3" s="592"/>
      <c r="T3" s="592"/>
      <c r="U3" s="592"/>
      <c r="V3" s="592"/>
      <c r="W3" s="592"/>
      <c r="X3" s="592"/>
      <c r="Y3" s="592"/>
      <c r="Z3" s="592"/>
      <c r="AA3" s="592"/>
      <c r="AB3" s="592"/>
      <c r="AC3" s="592"/>
      <c r="AD3" s="592"/>
      <c r="AE3" s="592"/>
      <c r="AF3" s="593"/>
      <c r="AG3" s="591" t="s">
        <v>58</v>
      </c>
      <c r="AH3" s="604"/>
      <c r="AI3" s="604"/>
      <c r="AJ3" s="604"/>
      <c r="AK3" s="604"/>
      <c r="AL3" s="604"/>
      <c r="AM3" s="604"/>
      <c r="AN3" s="604"/>
      <c r="AO3" s="604"/>
      <c r="AP3" s="604"/>
      <c r="AQ3" s="604"/>
      <c r="AR3" s="604"/>
      <c r="AS3" s="604"/>
      <c r="AT3" s="604"/>
      <c r="AU3" s="604"/>
      <c r="AV3" s="604"/>
      <c r="AW3" s="604"/>
      <c r="AX3" s="604"/>
      <c r="AY3" s="604"/>
      <c r="AZ3" s="604"/>
      <c r="BA3" s="604"/>
      <c r="BB3" s="604"/>
      <c r="BC3" s="604"/>
      <c r="BD3" s="604"/>
      <c r="BE3" s="604"/>
      <c r="BF3" s="604"/>
      <c r="BG3" s="604"/>
      <c r="BH3" s="604"/>
      <c r="BI3" s="604"/>
      <c r="BJ3" s="605"/>
      <c r="BK3" s="591" t="s">
        <v>59</v>
      </c>
      <c r="BL3" s="592"/>
      <c r="BM3" s="592"/>
      <c r="BN3" s="592"/>
      <c r="BO3" s="592"/>
      <c r="BP3" s="592"/>
      <c r="BQ3" s="592"/>
      <c r="BR3" s="592"/>
      <c r="BS3" s="592"/>
      <c r="BT3" s="592"/>
      <c r="BU3" s="592"/>
      <c r="BV3" s="592"/>
      <c r="BW3" s="592"/>
      <c r="BX3" s="592"/>
      <c r="BY3" s="592"/>
      <c r="BZ3" s="592"/>
      <c r="CA3" s="592"/>
      <c r="CB3" s="592"/>
      <c r="CC3" s="592"/>
      <c r="CD3" s="592"/>
      <c r="CE3" s="592"/>
      <c r="CF3" s="592"/>
      <c r="CG3" s="592"/>
      <c r="CH3" s="592"/>
      <c r="CI3" s="592"/>
      <c r="CJ3" s="592"/>
      <c r="CK3" s="592"/>
      <c r="CL3" s="592"/>
      <c r="CM3" s="592"/>
      <c r="CN3" s="593"/>
      <c r="CO3" s="600" t="s">
        <v>151</v>
      </c>
      <c r="CP3" s="592"/>
      <c r="CQ3" s="592"/>
      <c r="CR3" s="592"/>
      <c r="CS3" s="592"/>
      <c r="CT3" s="592"/>
      <c r="CU3" s="592"/>
      <c r="CV3" s="592"/>
      <c r="CW3" s="592"/>
      <c r="CX3" s="592"/>
      <c r="CY3" s="592"/>
      <c r="CZ3" s="592"/>
      <c r="DA3" s="592"/>
      <c r="DB3" s="592"/>
      <c r="DC3" s="592"/>
      <c r="DD3" s="592"/>
      <c r="DE3" s="592"/>
      <c r="DF3" s="592"/>
      <c r="DG3" s="592"/>
      <c r="DH3" s="592"/>
      <c r="DI3" s="592"/>
      <c r="DJ3" s="592"/>
      <c r="DK3" s="592"/>
      <c r="DL3" s="592"/>
      <c r="DM3" s="592"/>
      <c r="DN3" s="592"/>
      <c r="DO3" s="592"/>
      <c r="DP3" s="592"/>
      <c r="DQ3" s="592"/>
      <c r="DR3" s="593"/>
      <c r="DS3" s="594" t="s">
        <v>60</v>
      </c>
      <c r="DT3" s="503"/>
      <c r="DU3" s="503"/>
      <c r="DV3" s="503"/>
      <c r="DW3" s="503"/>
      <c r="DX3" s="503"/>
      <c r="DY3" s="503"/>
      <c r="DZ3" s="503"/>
      <c r="EA3" s="503"/>
      <c r="EB3" s="504"/>
    </row>
    <row r="4" spans="2:133" ht="24.75" customHeight="1" thickBot="1" x14ac:dyDescent="0.25">
      <c r="B4" s="602"/>
      <c r="C4" s="595"/>
      <c r="D4" s="586"/>
      <c r="E4" s="586"/>
      <c r="F4" s="586"/>
      <c r="G4" s="586"/>
      <c r="H4" s="586"/>
      <c r="I4" s="586"/>
      <c r="J4" s="586"/>
      <c r="K4" s="586"/>
      <c r="L4" s="586"/>
      <c r="M4" s="597" t="s">
        <v>39</v>
      </c>
      <c r="N4" s="598"/>
      <c r="O4" s="598"/>
      <c r="P4" s="598"/>
      <c r="Q4" s="598"/>
      <c r="R4" s="598"/>
      <c r="S4" s="598"/>
      <c r="T4" s="598"/>
      <c r="U4" s="598"/>
      <c r="V4" s="599"/>
      <c r="W4" s="597" t="s">
        <v>40</v>
      </c>
      <c r="X4" s="598"/>
      <c r="Y4" s="598"/>
      <c r="Z4" s="598"/>
      <c r="AA4" s="598"/>
      <c r="AB4" s="598"/>
      <c r="AC4" s="598"/>
      <c r="AD4" s="598"/>
      <c r="AE4" s="598"/>
      <c r="AF4" s="599"/>
      <c r="AG4" s="595"/>
      <c r="AH4" s="586"/>
      <c r="AI4" s="586"/>
      <c r="AJ4" s="586"/>
      <c r="AK4" s="586"/>
      <c r="AL4" s="586"/>
      <c r="AM4" s="586"/>
      <c r="AN4" s="586"/>
      <c r="AO4" s="586"/>
      <c r="AP4" s="586"/>
      <c r="AQ4" s="597" t="s">
        <v>39</v>
      </c>
      <c r="AR4" s="598"/>
      <c r="AS4" s="598"/>
      <c r="AT4" s="598"/>
      <c r="AU4" s="598"/>
      <c r="AV4" s="598"/>
      <c r="AW4" s="598"/>
      <c r="AX4" s="598"/>
      <c r="AY4" s="598"/>
      <c r="AZ4" s="599"/>
      <c r="BA4" s="597" t="s">
        <v>40</v>
      </c>
      <c r="BB4" s="598"/>
      <c r="BC4" s="598"/>
      <c r="BD4" s="598"/>
      <c r="BE4" s="598"/>
      <c r="BF4" s="598"/>
      <c r="BG4" s="598"/>
      <c r="BH4" s="598"/>
      <c r="BI4" s="598"/>
      <c r="BJ4" s="599"/>
      <c r="BK4" s="595"/>
      <c r="BL4" s="586"/>
      <c r="BM4" s="586"/>
      <c r="BN4" s="586"/>
      <c r="BO4" s="586"/>
      <c r="BP4" s="586"/>
      <c r="BQ4" s="586"/>
      <c r="BR4" s="586"/>
      <c r="BS4" s="586"/>
      <c r="BT4" s="586"/>
      <c r="BU4" s="597" t="s">
        <v>39</v>
      </c>
      <c r="BV4" s="598"/>
      <c r="BW4" s="598"/>
      <c r="BX4" s="598"/>
      <c r="BY4" s="598"/>
      <c r="BZ4" s="598"/>
      <c r="CA4" s="598"/>
      <c r="CB4" s="598"/>
      <c r="CC4" s="598"/>
      <c r="CD4" s="599"/>
      <c r="CE4" s="597" t="s">
        <v>40</v>
      </c>
      <c r="CF4" s="598"/>
      <c r="CG4" s="598"/>
      <c r="CH4" s="598"/>
      <c r="CI4" s="598"/>
      <c r="CJ4" s="598"/>
      <c r="CK4" s="598"/>
      <c r="CL4" s="598"/>
      <c r="CM4" s="598"/>
      <c r="CN4" s="599"/>
      <c r="CO4" s="595"/>
      <c r="CP4" s="586"/>
      <c r="CQ4" s="586"/>
      <c r="CR4" s="586"/>
      <c r="CS4" s="586"/>
      <c r="CT4" s="586"/>
      <c r="CU4" s="586"/>
      <c r="CV4" s="586"/>
      <c r="CW4" s="586"/>
      <c r="CX4" s="586"/>
      <c r="CY4" s="597" t="s">
        <v>39</v>
      </c>
      <c r="CZ4" s="598"/>
      <c r="DA4" s="598"/>
      <c r="DB4" s="598"/>
      <c r="DC4" s="598"/>
      <c r="DD4" s="598"/>
      <c r="DE4" s="598"/>
      <c r="DF4" s="598"/>
      <c r="DG4" s="598"/>
      <c r="DH4" s="599"/>
      <c r="DI4" s="597" t="s">
        <v>40</v>
      </c>
      <c r="DJ4" s="598"/>
      <c r="DK4" s="598"/>
      <c r="DL4" s="598"/>
      <c r="DM4" s="598"/>
      <c r="DN4" s="598"/>
      <c r="DO4" s="598"/>
      <c r="DP4" s="598"/>
      <c r="DQ4" s="598"/>
      <c r="DR4" s="599"/>
      <c r="DS4" s="595"/>
      <c r="DT4" s="586"/>
      <c r="DU4" s="586"/>
      <c r="DV4" s="586"/>
      <c r="DW4" s="586"/>
      <c r="DX4" s="586"/>
      <c r="DY4" s="586"/>
      <c r="DZ4" s="586"/>
      <c r="EA4" s="586"/>
      <c r="EB4" s="596"/>
    </row>
    <row r="5" spans="2:133" ht="24.75" customHeight="1" x14ac:dyDescent="0.2">
      <c r="B5" s="603"/>
      <c r="C5" s="573" t="s">
        <v>61</v>
      </c>
      <c r="D5" s="574"/>
      <c r="E5" s="575"/>
      <c r="F5" s="576" t="s">
        <v>62</v>
      </c>
      <c r="G5" s="577"/>
      <c r="H5" s="577"/>
      <c r="I5" s="577"/>
      <c r="J5" s="577"/>
      <c r="K5" s="578"/>
      <c r="L5" s="588" t="s">
        <v>52</v>
      </c>
      <c r="M5" s="590" t="s">
        <v>61</v>
      </c>
      <c r="N5" s="583"/>
      <c r="O5" s="584"/>
      <c r="P5" s="585" t="s">
        <v>62</v>
      </c>
      <c r="Q5" s="586"/>
      <c r="R5" s="586"/>
      <c r="S5" s="586"/>
      <c r="T5" s="586"/>
      <c r="U5" s="587"/>
      <c r="V5" s="581" t="s">
        <v>52</v>
      </c>
      <c r="W5" s="582" t="s">
        <v>61</v>
      </c>
      <c r="X5" s="583"/>
      <c r="Y5" s="584"/>
      <c r="Z5" s="585" t="s">
        <v>62</v>
      </c>
      <c r="AA5" s="586"/>
      <c r="AB5" s="586"/>
      <c r="AC5" s="586"/>
      <c r="AD5" s="586"/>
      <c r="AE5" s="587"/>
      <c r="AF5" s="581" t="s">
        <v>52</v>
      </c>
      <c r="AG5" s="573" t="s">
        <v>61</v>
      </c>
      <c r="AH5" s="574"/>
      <c r="AI5" s="575"/>
      <c r="AJ5" s="576" t="s">
        <v>62</v>
      </c>
      <c r="AK5" s="577"/>
      <c r="AL5" s="577"/>
      <c r="AM5" s="577"/>
      <c r="AN5" s="577"/>
      <c r="AO5" s="578"/>
      <c r="AP5" s="579" t="s">
        <v>52</v>
      </c>
      <c r="AQ5" s="590" t="s">
        <v>61</v>
      </c>
      <c r="AR5" s="583"/>
      <c r="AS5" s="584"/>
      <c r="AT5" s="585" t="s">
        <v>62</v>
      </c>
      <c r="AU5" s="586"/>
      <c r="AV5" s="586"/>
      <c r="AW5" s="586"/>
      <c r="AX5" s="586"/>
      <c r="AY5" s="587"/>
      <c r="AZ5" s="606" t="s">
        <v>52</v>
      </c>
      <c r="BA5" s="590" t="s">
        <v>61</v>
      </c>
      <c r="BB5" s="583"/>
      <c r="BC5" s="584"/>
      <c r="BD5" s="585" t="s">
        <v>62</v>
      </c>
      <c r="BE5" s="586"/>
      <c r="BF5" s="586"/>
      <c r="BG5" s="586"/>
      <c r="BH5" s="586"/>
      <c r="BI5" s="587"/>
      <c r="BJ5" s="581" t="s">
        <v>52</v>
      </c>
      <c r="BK5" s="573" t="s">
        <v>61</v>
      </c>
      <c r="BL5" s="574"/>
      <c r="BM5" s="575"/>
      <c r="BN5" s="576" t="s">
        <v>62</v>
      </c>
      <c r="BO5" s="577"/>
      <c r="BP5" s="577"/>
      <c r="BQ5" s="577"/>
      <c r="BR5" s="577"/>
      <c r="BS5" s="578"/>
      <c r="BT5" s="588" t="s">
        <v>52</v>
      </c>
      <c r="BU5" s="590" t="s">
        <v>61</v>
      </c>
      <c r="BV5" s="583"/>
      <c r="BW5" s="584"/>
      <c r="BX5" s="585" t="s">
        <v>62</v>
      </c>
      <c r="BY5" s="586"/>
      <c r="BZ5" s="586"/>
      <c r="CA5" s="586"/>
      <c r="CB5" s="586"/>
      <c r="CC5" s="587"/>
      <c r="CD5" s="581" t="s">
        <v>52</v>
      </c>
      <c r="CE5" s="582" t="s">
        <v>61</v>
      </c>
      <c r="CF5" s="583"/>
      <c r="CG5" s="584"/>
      <c r="CH5" s="585" t="s">
        <v>62</v>
      </c>
      <c r="CI5" s="586"/>
      <c r="CJ5" s="586"/>
      <c r="CK5" s="586"/>
      <c r="CL5" s="586"/>
      <c r="CM5" s="587"/>
      <c r="CN5" s="581" t="s">
        <v>52</v>
      </c>
      <c r="CO5" s="573" t="s">
        <v>61</v>
      </c>
      <c r="CP5" s="574"/>
      <c r="CQ5" s="575"/>
      <c r="CR5" s="576" t="s">
        <v>62</v>
      </c>
      <c r="CS5" s="577"/>
      <c r="CT5" s="577"/>
      <c r="CU5" s="577"/>
      <c r="CV5" s="577"/>
      <c r="CW5" s="578"/>
      <c r="CX5" s="588" t="s">
        <v>52</v>
      </c>
      <c r="CY5" s="590" t="s">
        <v>61</v>
      </c>
      <c r="CZ5" s="583"/>
      <c r="DA5" s="584"/>
      <c r="DB5" s="585" t="s">
        <v>62</v>
      </c>
      <c r="DC5" s="586"/>
      <c r="DD5" s="586"/>
      <c r="DE5" s="586"/>
      <c r="DF5" s="586"/>
      <c r="DG5" s="587"/>
      <c r="DH5" s="581" t="s">
        <v>52</v>
      </c>
      <c r="DI5" s="582" t="s">
        <v>61</v>
      </c>
      <c r="DJ5" s="583"/>
      <c r="DK5" s="584"/>
      <c r="DL5" s="585" t="s">
        <v>62</v>
      </c>
      <c r="DM5" s="586"/>
      <c r="DN5" s="586"/>
      <c r="DO5" s="586"/>
      <c r="DP5" s="586"/>
      <c r="DQ5" s="587"/>
      <c r="DR5" s="581" t="s">
        <v>52</v>
      </c>
      <c r="DS5" s="573" t="s">
        <v>61</v>
      </c>
      <c r="DT5" s="574"/>
      <c r="DU5" s="575"/>
      <c r="DV5" s="576" t="s">
        <v>62</v>
      </c>
      <c r="DW5" s="577"/>
      <c r="DX5" s="577"/>
      <c r="DY5" s="577"/>
      <c r="DZ5" s="577"/>
      <c r="EA5" s="578"/>
      <c r="EB5" s="579" t="s">
        <v>52</v>
      </c>
    </row>
    <row r="6" spans="2:133" ht="24.75" customHeight="1" thickBot="1" x14ac:dyDescent="0.25">
      <c r="B6" s="314" t="s">
        <v>42</v>
      </c>
      <c r="C6" s="31" t="s">
        <v>43</v>
      </c>
      <c r="D6" s="32" t="s">
        <v>44</v>
      </c>
      <c r="E6" s="32" t="s">
        <v>45</v>
      </c>
      <c r="F6" s="33" t="s">
        <v>47</v>
      </c>
      <c r="G6" s="34" t="s">
        <v>48</v>
      </c>
      <c r="H6" s="34" t="s">
        <v>49</v>
      </c>
      <c r="I6" s="35" t="s">
        <v>50</v>
      </c>
      <c r="J6" s="32" t="s">
        <v>51</v>
      </c>
      <c r="K6" s="36" t="s">
        <v>95</v>
      </c>
      <c r="L6" s="589"/>
      <c r="M6" s="31" t="s">
        <v>43</v>
      </c>
      <c r="N6" s="32" t="s">
        <v>44</v>
      </c>
      <c r="O6" s="36" t="s">
        <v>45</v>
      </c>
      <c r="P6" s="33" t="s">
        <v>47</v>
      </c>
      <c r="Q6" s="34" t="s">
        <v>48</v>
      </c>
      <c r="R6" s="34" t="s">
        <v>49</v>
      </c>
      <c r="S6" s="35" t="s">
        <v>50</v>
      </c>
      <c r="T6" s="32" t="s">
        <v>51</v>
      </c>
      <c r="U6" s="36" t="s">
        <v>45</v>
      </c>
      <c r="V6" s="580"/>
      <c r="W6" s="15" t="s">
        <v>43</v>
      </c>
      <c r="X6" s="32" t="s">
        <v>44</v>
      </c>
      <c r="Y6" s="36" t="s">
        <v>45</v>
      </c>
      <c r="Z6" s="15" t="s">
        <v>47</v>
      </c>
      <c r="AA6" s="34" t="s">
        <v>48</v>
      </c>
      <c r="AB6" s="34" t="s">
        <v>49</v>
      </c>
      <c r="AC6" s="35" t="s">
        <v>50</v>
      </c>
      <c r="AD6" s="32" t="s">
        <v>51</v>
      </c>
      <c r="AE6" s="36" t="s">
        <v>45</v>
      </c>
      <c r="AF6" s="580"/>
      <c r="AG6" s="31" t="s">
        <v>43</v>
      </c>
      <c r="AH6" s="32" t="s">
        <v>44</v>
      </c>
      <c r="AI6" s="36" t="s">
        <v>45</v>
      </c>
      <c r="AJ6" s="15" t="s">
        <v>47</v>
      </c>
      <c r="AK6" s="34" t="s">
        <v>48</v>
      </c>
      <c r="AL6" s="34" t="s">
        <v>49</v>
      </c>
      <c r="AM6" s="35" t="s">
        <v>50</v>
      </c>
      <c r="AN6" s="32" t="s">
        <v>51</v>
      </c>
      <c r="AO6" s="36" t="s">
        <v>45</v>
      </c>
      <c r="AP6" s="580"/>
      <c r="AQ6" s="31" t="s">
        <v>43</v>
      </c>
      <c r="AR6" s="32" t="s">
        <v>44</v>
      </c>
      <c r="AS6" s="36" t="s">
        <v>45</v>
      </c>
      <c r="AT6" s="33" t="s">
        <v>47</v>
      </c>
      <c r="AU6" s="34" t="s">
        <v>48</v>
      </c>
      <c r="AV6" s="34" t="s">
        <v>49</v>
      </c>
      <c r="AW6" s="35" t="s">
        <v>50</v>
      </c>
      <c r="AX6" s="32" t="s">
        <v>51</v>
      </c>
      <c r="AY6" s="36" t="s">
        <v>45</v>
      </c>
      <c r="AZ6" s="589"/>
      <c r="BA6" s="31" t="s">
        <v>43</v>
      </c>
      <c r="BB6" s="32" t="s">
        <v>44</v>
      </c>
      <c r="BC6" s="32" t="s">
        <v>45</v>
      </c>
      <c r="BD6" s="33" t="s">
        <v>47</v>
      </c>
      <c r="BE6" s="34" t="s">
        <v>48</v>
      </c>
      <c r="BF6" s="34" t="s">
        <v>49</v>
      </c>
      <c r="BG6" s="35" t="s">
        <v>50</v>
      </c>
      <c r="BH6" s="32" t="s">
        <v>51</v>
      </c>
      <c r="BI6" s="36" t="s">
        <v>45</v>
      </c>
      <c r="BJ6" s="580"/>
      <c r="BK6" s="31" t="s">
        <v>43</v>
      </c>
      <c r="BL6" s="32" t="s">
        <v>44</v>
      </c>
      <c r="BM6" s="32" t="s">
        <v>45</v>
      </c>
      <c r="BN6" s="33" t="s">
        <v>47</v>
      </c>
      <c r="BO6" s="34" t="s">
        <v>48</v>
      </c>
      <c r="BP6" s="34" t="s">
        <v>49</v>
      </c>
      <c r="BQ6" s="35" t="s">
        <v>50</v>
      </c>
      <c r="BR6" s="32" t="s">
        <v>51</v>
      </c>
      <c r="BS6" s="36" t="s">
        <v>45</v>
      </c>
      <c r="BT6" s="589"/>
      <c r="BU6" s="31" t="s">
        <v>43</v>
      </c>
      <c r="BV6" s="32" t="s">
        <v>44</v>
      </c>
      <c r="BW6" s="32" t="s">
        <v>45</v>
      </c>
      <c r="BX6" s="33" t="s">
        <v>47</v>
      </c>
      <c r="BY6" s="34" t="s">
        <v>48</v>
      </c>
      <c r="BZ6" s="34" t="s">
        <v>49</v>
      </c>
      <c r="CA6" s="35" t="s">
        <v>50</v>
      </c>
      <c r="CB6" s="32" t="s">
        <v>51</v>
      </c>
      <c r="CC6" s="36" t="s">
        <v>45</v>
      </c>
      <c r="CD6" s="580"/>
      <c r="CE6" s="15" t="s">
        <v>43</v>
      </c>
      <c r="CF6" s="32" t="s">
        <v>44</v>
      </c>
      <c r="CG6" s="32" t="s">
        <v>45</v>
      </c>
      <c r="CH6" s="33" t="s">
        <v>47</v>
      </c>
      <c r="CI6" s="34" t="s">
        <v>48</v>
      </c>
      <c r="CJ6" s="34" t="s">
        <v>49</v>
      </c>
      <c r="CK6" s="35" t="s">
        <v>50</v>
      </c>
      <c r="CL6" s="32" t="s">
        <v>51</v>
      </c>
      <c r="CM6" s="36" t="s">
        <v>45</v>
      </c>
      <c r="CN6" s="580"/>
      <c r="CO6" s="31" t="s">
        <v>43</v>
      </c>
      <c r="CP6" s="32" t="s">
        <v>44</v>
      </c>
      <c r="CQ6" s="32" t="s">
        <v>45</v>
      </c>
      <c r="CR6" s="33" t="s">
        <v>47</v>
      </c>
      <c r="CS6" s="34" t="s">
        <v>48</v>
      </c>
      <c r="CT6" s="34" t="s">
        <v>49</v>
      </c>
      <c r="CU6" s="35" t="s">
        <v>50</v>
      </c>
      <c r="CV6" s="32" t="s">
        <v>51</v>
      </c>
      <c r="CW6" s="36" t="s">
        <v>45</v>
      </c>
      <c r="CX6" s="589"/>
      <c r="CY6" s="31" t="s">
        <v>43</v>
      </c>
      <c r="CZ6" s="32" t="s">
        <v>44</v>
      </c>
      <c r="DA6" s="32" t="s">
        <v>45</v>
      </c>
      <c r="DB6" s="33" t="s">
        <v>47</v>
      </c>
      <c r="DC6" s="34" t="s">
        <v>48</v>
      </c>
      <c r="DD6" s="34" t="s">
        <v>49</v>
      </c>
      <c r="DE6" s="35" t="s">
        <v>50</v>
      </c>
      <c r="DF6" s="32" t="s">
        <v>51</v>
      </c>
      <c r="DG6" s="36" t="s">
        <v>45</v>
      </c>
      <c r="DH6" s="580"/>
      <c r="DI6" s="15" t="s">
        <v>43</v>
      </c>
      <c r="DJ6" s="32" t="s">
        <v>44</v>
      </c>
      <c r="DK6" s="32" t="s">
        <v>45</v>
      </c>
      <c r="DL6" s="33" t="s">
        <v>47</v>
      </c>
      <c r="DM6" s="34" t="s">
        <v>48</v>
      </c>
      <c r="DN6" s="34" t="s">
        <v>49</v>
      </c>
      <c r="DO6" s="35" t="s">
        <v>50</v>
      </c>
      <c r="DP6" s="32" t="s">
        <v>51</v>
      </c>
      <c r="DQ6" s="36" t="s">
        <v>45</v>
      </c>
      <c r="DR6" s="580"/>
      <c r="DS6" s="31" t="s">
        <v>43</v>
      </c>
      <c r="DT6" s="32" t="s">
        <v>44</v>
      </c>
      <c r="DU6" s="32" t="s">
        <v>45</v>
      </c>
      <c r="DV6" s="33" t="s">
        <v>47</v>
      </c>
      <c r="DW6" s="34" t="s">
        <v>48</v>
      </c>
      <c r="DX6" s="34" t="s">
        <v>49</v>
      </c>
      <c r="DY6" s="35" t="s">
        <v>50</v>
      </c>
      <c r="DZ6" s="32" t="s">
        <v>51</v>
      </c>
      <c r="EA6" s="36" t="s">
        <v>45</v>
      </c>
      <c r="EB6" s="580"/>
    </row>
    <row r="7" spans="2:133" ht="20.25" customHeight="1" x14ac:dyDescent="0.2">
      <c r="B7" s="313" t="s">
        <v>4</v>
      </c>
      <c r="C7" s="185">
        <v>0</v>
      </c>
      <c r="D7" s="186">
        <v>0</v>
      </c>
      <c r="E7" s="186">
        <v>0</v>
      </c>
      <c r="F7" s="187">
        <v>440</v>
      </c>
      <c r="G7" s="188">
        <v>1484</v>
      </c>
      <c r="H7" s="188">
        <v>9878</v>
      </c>
      <c r="I7" s="188">
        <v>14507</v>
      </c>
      <c r="J7" s="186">
        <v>10271</v>
      </c>
      <c r="K7" s="189">
        <v>36580</v>
      </c>
      <c r="L7" s="190">
        <v>36580</v>
      </c>
      <c r="M7" s="185">
        <v>0</v>
      </c>
      <c r="N7" s="186">
        <v>0</v>
      </c>
      <c r="O7" s="189">
        <v>0</v>
      </c>
      <c r="P7" s="187">
        <v>436</v>
      </c>
      <c r="Q7" s="188">
        <v>1480</v>
      </c>
      <c r="R7" s="188">
        <v>9801</v>
      </c>
      <c r="S7" s="188">
        <v>14379</v>
      </c>
      <c r="T7" s="186">
        <v>10115</v>
      </c>
      <c r="U7" s="189">
        <v>36211</v>
      </c>
      <c r="V7" s="191">
        <v>36211</v>
      </c>
      <c r="W7" s="192">
        <v>0</v>
      </c>
      <c r="X7" s="186">
        <v>0</v>
      </c>
      <c r="Y7" s="189">
        <v>0</v>
      </c>
      <c r="Z7" s="192">
        <v>4</v>
      </c>
      <c r="AA7" s="188">
        <v>4</v>
      </c>
      <c r="AB7" s="188">
        <v>77</v>
      </c>
      <c r="AC7" s="188">
        <v>128</v>
      </c>
      <c r="AD7" s="186">
        <v>156</v>
      </c>
      <c r="AE7" s="189">
        <v>369</v>
      </c>
      <c r="AF7" s="193">
        <v>369</v>
      </c>
      <c r="AG7" s="192">
        <v>0</v>
      </c>
      <c r="AH7" s="186">
        <v>0</v>
      </c>
      <c r="AI7" s="189">
        <v>0</v>
      </c>
      <c r="AJ7" s="192">
        <v>1796</v>
      </c>
      <c r="AK7" s="188">
        <v>3470</v>
      </c>
      <c r="AL7" s="188">
        <v>4670</v>
      </c>
      <c r="AM7" s="188">
        <v>5518</v>
      </c>
      <c r="AN7" s="186">
        <v>2862</v>
      </c>
      <c r="AO7" s="189">
        <v>18316</v>
      </c>
      <c r="AP7" s="193">
        <v>18316</v>
      </c>
      <c r="AQ7" s="192">
        <v>0</v>
      </c>
      <c r="AR7" s="186">
        <v>0</v>
      </c>
      <c r="AS7" s="189">
        <v>0</v>
      </c>
      <c r="AT7" s="187">
        <v>1770</v>
      </c>
      <c r="AU7" s="188">
        <v>3431</v>
      </c>
      <c r="AV7" s="188">
        <v>4592</v>
      </c>
      <c r="AW7" s="188">
        <v>5412</v>
      </c>
      <c r="AX7" s="186">
        <v>2788</v>
      </c>
      <c r="AY7" s="189">
        <v>17993</v>
      </c>
      <c r="AZ7" s="190">
        <v>17993</v>
      </c>
      <c r="BA7" s="185">
        <v>0</v>
      </c>
      <c r="BB7" s="186">
        <v>0</v>
      </c>
      <c r="BC7" s="186">
        <v>0</v>
      </c>
      <c r="BD7" s="187">
        <v>26</v>
      </c>
      <c r="BE7" s="188">
        <v>39</v>
      </c>
      <c r="BF7" s="188">
        <v>78</v>
      </c>
      <c r="BG7" s="188">
        <v>106</v>
      </c>
      <c r="BH7" s="186">
        <v>74</v>
      </c>
      <c r="BI7" s="189">
        <v>323</v>
      </c>
      <c r="BJ7" s="191">
        <v>323</v>
      </c>
      <c r="BK7" s="192">
        <v>0</v>
      </c>
      <c r="BL7" s="186">
        <v>0</v>
      </c>
      <c r="BM7" s="186">
        <v>0</v>
      </c>
      <c r="BN7" s="187">
        <v>0</v>
      </c>
      <c r="BO7" s="188">
        <v>1</v>
      </c>
      <c r="BP7" s="188">
        <v>15</v>
      </c>
      <c r="BQ7" s="188">
        <v>168</v>
      </c>
      <c r="BR7" s="186">
        <v>235</v>
      </c>
      <c r="BS7" s="189">
        <v>419</v>
      </c>
      <c r="BT7" s="190">
        <v>419</v>
      </c>
      <c r="BU7" s="185">
        <v>0</v>
      </c>
      <c r="BV7" s="186">
        <v>0</v>
      </c>
      <c r="BW7" s="186">
        <v>0</v>
      </c>
      <c r="BX7" s="187">
        <v>0</v>
      </c>
      <c r="BY7" s="188">
        <v>1</v>
      </c>
      <c r="BZ7" s="188">
        <v>15</v>
      </c>
      <c r="CA7" s="188">
        <v>167</v>
      </c>
      <c r="CB7" s="186">
        <v>231</v>
      </c>
      <c r="CC7" s="189">
        <v>414</v>
      </c>
      <c r="CD7" s="191">
        <v>414</v>
      </c>
      <c r="CE7" s="192">
        <v>0</v>
      </c>
      <c r="CF7" s="186">
        <v>0</v>
      </c>
      <c r="CG7" s="186">
        <v>0</v>
      </c>
      <c r="CH7" s="187">
        <v>0</v>
      </c>
      <c r="CI7" s="188">
        <v>0</v>
      </c>
      <c r="CJ7" s="188">
        <v>0</v>
      </c>
      <c r="CK7" s="188">
        <v>1</v>
      </c>
      <c r="CL7" s="186">
        <v>4</v>
      </c>
      <c r="CM7" s="189">
        <v>5</v>
      </c>
      <c r="CN7" s="191">
        <v>5</v>
      </c>
      <c r="CO7" s="192">
        <v>0</v>
      </c>
      <c r="CP7" s="186">
        <v>0</v>
      </c>
      <c r="CQ7" s="186">
        <v>0</v>
      </c>
      <c r="CR7" s="187">
        <v>13</v>
      </c>
      <c r="CS7" s="188">
        <v>26</v>
      </c>
      <c r="CT7" s="188">
        <v>52</v>
      </c>
      <c r="CU7" s="188">
        <v>313</v>
      </c>
      <c r="CV7" s="186">
        <v>426</v>
      </c>
      <c r="CW7" s="189">
        <v>830</v>
      </c>
      <c r="CX7" s="190">
        <v>830</v>
      </c>
      <c r="CY7" s="185">
        <v>0</v>
      </c>
      <c r="CZ7" s="186">
        <v>0</v>
      </c>
      <c r="DA7" s="186">
        <v>0</v>
      </c>
      <c r="DB7" s="187">
        <v>12</v>
      </c>
      <c r="DC7" s="188">
        <v>25</v>
      </c>
      <c r="DD7" s="188">
        <v>52</v>
      </c>
      <c r="DE7" s="188">
        <v>308</v>
      </c>
      <c r="DF7" s="186">
        <v>410</v>
      </c>
      <c r="DG7" s="189">
        <v>807</v>
      </c>
      <c r="DH7" s="191">
        <v>807</v>
      </c>
      <c r="DI7" s="192">
        <v>0</v>
      </c>
      <c r="DJ7" s="186">
        <v>0</v>
      </c>
      <c r="DK7" s="186">
        <v>0</v>
      </c>
      <c r="DL7" s="187">
        <v>1</v>
      </c>
      <c r="DM7" s="188">
        <v>1</v>
      </c>
      <c r="DN7" s="188">
        <v>0</v>
      </c>
      <c r="DO7" s="188">
        <v>5</v>
      </c>
      <c r="DP7" s="186">
        <v>16</v>
      </c>
      <c r="DQ7" s="189">
        <v>23</v>
      </c>
      <c r="DR7" s="191">
        <v>23</v>
      </c>
      <c r="DS7" s="192">
        <v>0</v>
      </c>
      <c r="DT7" s="186">
        <v>0</v>
      </c>
      <c r="DU7" s="186">
        <v>0</v>
      </c>
      <c r="DV7" s="187">
        <v>2248</v>
      </c>
      <c r="DW7" s="188">
        <v>4981</v>
      </c>
      <c r="DX7" s="188">
        <v>14599</v>
      </c>
      <c r="DY7" s="188">
        <v>20480</v>
      </c>
      <c r="DZ7" s="186">
        <v>13774</v>
      </c>
      <c r="EA7" s="189">
        <v>56082</v>
      </c>
      <c r="EB7" s="191">
        <v>56082</v>
      </c>
      <c r="EC7" s="37"/>
    </row>
    <row r="8" spans="2:133" ht="20.25" customHeight="1" x14ac:dyDescent="0.2">
      <c r="B8" s="62" t="s">
        <v>5</v>
      </c>
      <c r="C8" s="194">
        <v>0</v>
      </c>
      <c r="D8" s="195">
        <v>0</v>
      </c>
      <c r="E8" s="195">
        <v>0</v>
      </c>
      <c r="F8" s="196">
        <v>235</v>
      </c>
      <c r="G8" s="197">
        <v>906</v>
      </c>
      <c r="H8" s="197">
        <v>4203</v>
      </c>
      <c r="I8" s="197">
        <v>5982</v>
      </c>
      <c r="J8" s="195">
        <v>4423</v>
      </c>
      <c r="K8" s="198">
        <v>15749</v>
      </c>
      <c r="L8" s="199">
        <v>15749</v>
      </c>
      <c r="M8" s="194">
        <v>0</v>
      </c>
      <c r="N8" s="195">
        <v>0</v>
      </c>
      <c r="O8" s="198">
        <v>0</v>
      </c>
      <c r="P8" s="196">
        <v>231</v>
      </c>
      <c r="Q8" s="197">
        <v>903</v>
      </c>
      <c r="R8" s="197">
        <v>4169</v>
      </c>
      <c r="S8" s="197">
        <v>5916</v>
      </c>
      <c r="T8" s="195">
        <v>4346</v>
      </c>
      <c r="U8" s="198">
        <v>15565</v>
      </c>
      <c r="V8" s="200">
        <v>15565</v>
      </c>
      <c r="W8" s="201">
        <v>0</v>
      </c>
      <c r="X8" s="195">
        <v>0</v>
      </c>
      <c r="Y8" s="198">
        <v>0</v>
      </c>
      <c r="Z8" s="201">
        <v>4</v>
      </c>
      <c r="AA8" s="197">
        <v>3</v>
      </c>
      <c r="AB8" s="197">
        <v>34</v>
      </c>
      <c r="AC8" s="197">
        <v>66</v>
      </c>
      <c r="AD8" s="195">
        <v>77</v>
      </c>
      <c r="AE8" s="198">
        <v>184</v>
      </c>
      <c r="AF8" s="202">
        <v>184</v>
      </c>
      <c r="AG8" s="201">
        <v>0</v>
      </c>
      <c r="AH8" s="195">
        <v>0</v>
      </c>
      <c r="AI8" s="198">
        <v>0</v>
      </c>
      <c r="AJ8" s="201">
        <v>647</v>
      </c>
      <c r="AK8" s="197">
        <v>1584</v>
      </c>
      <c r="AL8" s="197">
        <v>2066</v>
      </c>
      <c r="AM8" s="197">
        <v>2465</v>
      </c>
      <c r="AN8" s="195">
        <v>1411</v>
      </c>
      <c r="AO8" s="198">
        <v>8173</v>
      </c>
      <c r="AP8" s="202">
        <v>8173</v>
      </c>
      <c r="AQ8" s="201">
        <v>0</v>
      </c>
      <c r="AR8" s="195">
        <v>0</v>
      </c>
      <c r="AS8" s="198">
        <v>0</v>
      </c>
      <c r="AT8" s="196">
        <v>642</v>
      </c>
      <c r="AU8" s="197">
        <v>1566</v>
      </c>
      <c r="AV8" s="197">
        <v>2036</v>
      </c>
      <c r="AW8" s="197">
        <v>2420</v>
      </c>
      <c r="AX8" s="195">
        <v>1381</v>
      </c>
      <c r="AY8" s="198">
        <v>8045</v>
      </c>
      <c r="AZ8" s="199">
        <v>8045</v>
      </c>
      <c r="BA8" s="194">
        <v>0</v>
      </c>
      <c r="BB8" s="195">
        <v>0</v>
      </c>
      <c r="BC8" s="195">
        <v>0</v>
      </c>
      <c r="BD8" s="196">
        <v>5</v>
      </c>
      <c r="BE8" s="197">
        <v>18</v>
      </c>
      <c r="BF8" s="197">
        <v>30</v>
      </c>
      <c r="BG8" s="197">
        <v>45</v>
      </c>
      <c r="BH8" s="195">
        <v>30</v>
      </c>
      <c r="BI8" s="198">
        <v>128</v>
      </c>
      <c r="BJ8" s="200">
        <v>128</v>
      </c>
      <c r="BK8" s="201">
        <v>0</v>
      </c>
      <c r="BL8" s="195">
        <v>0</v>
      </c>
      <c r="BM8" s="195">
        <v>0</v>
      </c>
      <c r="BN8" s="196">
        <v>0</v>
      </c>
      <c r="BO8" s="197">
        <v>1</v>
      </c>
      <c r="BP8" s="197">
        <v>4</v>
      </c>
      <c r="BQ8" s="197">
        <v>60</v>
      </c>
      <c r="BR8" s="195">
        <v>85</v>
      </c>
      <c r="BS8" s="198">
        <v>150</v>
      </c>
      <c r="BT8" s="199">
        <v>150</v>
      </c>
      <c r="BU8" s="194">
        <v>0</v>
      </c>
      <c r="BV8" s="195">
        <v>0</v>
      </c>
      <c r="BW8" s="195">
        <v>0</v>
      </c>
      <c r="BX8" s="196">
        <v>0</v>
      </c>
      <c r="BY8" s="197">
        <v>1</v>
      </c>
      <c r="BZ8" s="197">
        <v>4</v>
      </c>
      <c r="CA8" s="197">
        <v>60</v>
      </c>
      <c r="CB8" s="195">
        <v>83</v>
      </c>
      <c r="CC8" s="198">
        <v>148</v>
      </c>
      <c r="CD8" s="200">
        <v>148</v>
      </c>
      <c r="CE8" s="201">
        <v>0</v>
      </c>
      <c r="CF8" s="195">
        <v>0</v>
      </c>
      <c r="CG8" s="195">
        <v>0</v>
      </c>
      <c r="CH8" s="196">
        <v>0</v>
      </c>
      <c r="CI8" s="197">
        <v>0</v>
      </c>
      <c r="CJ8" s="197">
        <v>0</v>
      </c>
      <c r="CK8" s="197">
        <v>0</v>
      </c>
      <c r="CL8" s="195">
        <v>2</v>
      </c>
      <c r="CM8" s="198">
        <v>2</v>
      </c>
      <c r="CN8" s="200">
        <v>2</v>
      </c>
      <c r="CO8" s="201">
        <v>0</v>
      </c>
      <c r="CP8" s="195">
        <v>0</v>
      </c>
      <c r="CQ8" s="195">
        <v>0</v>
      </c>
      <c r="CR8" s="196">
        <v>1</v>
      </c>
      <c r="CS8" s="197">
        <v>4</v>
      </c>
      <c r="CT8" s="197">
        <v>9</v>
      </c>
      <c r="CU8" s="197">
        <v>88</v>
      </c>
      <c r="CV8" s="195">
        <v>102</v>
      </c>
      <c r="CW8" s="198">
        <v>204</v>
      </c>
      <c r="CX8" s="199">
        <v>204</v>
      </c>
      <c r="CY8" s="194">
        <v>0</v>
      </c>
      <c r="CZ8" s="195">
        <v>0</v>
      </c>
      <c r="DA8" s="195">
        <v>0</v>
      </c>
      <c r="DB8" s="196">
        <v>1</v>
      </c>
      <c r="DC8" s="197">
        <v>4</v>
      </c>
      <c r="DD8" s="197">
        <v>9</v>
      </c>
      <c r="DE8" s="197">
        <v>86</v>
      </c>
      <c r="DF8" s="195">
        <v>100</v>
      </c>
      <c r="DG8" s="198">
        <v>200</v>
      </c>
      <c r="DH8" s="200">
        <v>200</v>
      </c>
      <c r="DI8" s="201">
        <v>0</v>
      </c>
      <c r="DJ8" s="195">
        <v>0</v>
      </c>
      <c r="DK8" s="195">
        <v>0</v>
      </c>
      <c r="DL8" s="196">
        <v>0</v>
      </c>
      <c r="DM8" s="197">
        <v>0</v>
      </c>
      <c r="DN8" s="197">
        <v>0</v>
      </c>
      <c r="DO8" s="197">
        <v>2</v>
      </c>
      <c r="DP8" s="195">
        <v>2</v>
      </c>
      <c r="DQ8" s="198">
        <v>4</v>
      </c>
      <c r="DR8" s="200">
        <v>4</v>
      </c>
      <c r="DS8" s="201">
        <v>0</v>
      </c>
      <c r="DT8" s="195">
        <v>0</v>
      </c>
      <c r="DU8" s="195">
        <v>0</v>
      </c>
      <c r="DV8" s="196">
        <v>883</v>
      </c>
      <c r="DW8" s="197">
        <v>2495</v>
      </c>
      <c r="DX8" s="197">
        <v>6282</v>
      </c>
      <c r="DY8" s="197">
        <v>8595</v>
      </c>
      <c r="DZ8" s="195">
        <v>6021</v>
      </c>
      <c r="EA8" s="198">
        <v>24276</v>
      </c>
      <c r="EB8" s="200">
        <v>24276</v>
      </c>
      <c r="EC8" s="37"/>
    </row>
    <row r="9" spans="2:133" ht="20.25" customHeight="1" x14ac:dyDescent="0.2">
      <c r="B9" s="62" t="s">
        <v>6</v>
      </c>
      <c r="C9" s="194">
        <v>0</v>
      </c>
      <c r="D9" s="195">
        <v>0</v>
      </c>
      <c r="E9" s="195">
        <v>0</v>
      </c>
      <c r="F9" s="196">
        <v>79</v>
      </c>
      <c r="G9" s="197">
        <v>176</v>
      </c>
      <c r="H9" s="197">
        <v>1290</v>
      </c>
      <c r="I9" s="197">
        <v>1794</v>
      </c>
      <c r="J9" s="195">
        <v>1294</v>
      </c>
      <c r="K9" s="198">
        <v>4633</v>
      </c>
      <c r="L9" s="199">
        <v>4633</v>
      </c>
      <c r="M9" s="194">
        <v>0</v>
      </c>
      <c r="N9" s="195">
        <v>0</v>
      </c>
      <c r="O9" s="198">
        <v>0</v>
      </c>
      <c r="P9" s="196">
        <v>79</v>
      </c>
      <c r="Q9" s="197">
        <v>176</v>
      </c>
      <c r="R9" s="197">
        <v>1276</v>
      </c>
      <c r="S9" s="197">
        <v>1776</v>
      </c>
      <c r="T9" s="195">
        <v>1281</v>
      </c>
      <c r="U9" s="198">
        <v>4588</v>
      </c>
      <c r="V9" s="200">
        <v>4588</v>
      </c>
      <c r="W9" s="201">
        <v>0</v>
      </c>
      <c r="X9" s="195">
        <v>0</v>
      </c>
      <c r="Y9" s="198">
        <v>0</v>
      </c>
      <c r="Z9" s="201">
        <v>0</v>
      </c>
      <c r="AA9" s="197">
        <v>0</v>
      </c>
      <c r="AB9" s="197">
        <v>14</v>
      </c>
      <c r="AC9" s="197">
        <v>18</v>
      </c>
      <c r="AD9" s="195">
        <v>13</v>
      </c>
      <c r="AE9" s="198">
        <v>45</v>
      </c>
      <c r="AF9" s="202">
        <v>45</v>
      </c>
      <c r="AG9" s="201">
        <v>0</v>
      </c>
      <c r="AH9" s="195">
        <v>0</v>
      </c>
      <c r="AI9" s="198">
        <v>0</v>
      </c>
      <c r="AJ9" s="201">
        <v>220</v>
      </c>
      <c r="AK9" s="197">
        <v>335</v>
      </c>
      <c r="AL9" s="197">
        <v>483</v>
      </c>
      <c r="AM9" s="197">
        <v>681</v>
      </c>
      <c r="AN9" s="195">
        <v>306</v>
      </c>
      <c r="AO9" s="198">
        <v>2025</v>
      </c>
      <c r="AP9" s="202">
        <v>2025</v>
      </c>
      <c r="AQ9" s="201">
        <v>0</v>
      </c>
      <c r="AR9" s="195">
        <v>0</v>
      </c>
      <c r="AS9" s="198">
        <v>0</v>
      </c>
      <c r="AT9" s="196">
        <v>215</v>
      </c>
      <c r="AU9" s="197">
        <v>332</v>
      </c>
      <c r="AV9" s="197">
        <v>475</v>
      </c>
      <c r="AW9" s="197">
        <v>659</v>
      </c>
      <c r="AX9" s="195">
        <v>290</v>
      </c>
      <c r="AY9" s="198">
        <v>1971</v>
      </c>
      <c r="AZ9" s="199">
        <v>1971</v>
      </c>
      <c r="BA9" s="194">
        <v>0</v>
      </c>
      <c r="BB9" s="195">
        <v>0</v>
      </c>
      <c r="BC9" s="195">
        <v>0</v>
      </c>
      <c r="BD9" s="196">
        <v>5</v>
      </c>
      <c r="BE9" s="197">
        <v>3</v>
      </c>
      <c r="BF9" s="197">
        <v>8</v>
      </c>
      <c r="BG9" s="197">
        <v>22</v>
      </c>
      <c r="BH9" s="195">
        <v>16</v>
      </c>
      <c r="BI9" s="198">
        <v>54</v>
      </c>
      <c r="BJ9" s="200">
        <v>54</v>
      </c>
      <c r="BK9" s="201">
        <v>0</v>
      </c>
      <c r="BL9" s="195">
        <v>0</v>
      </c>
      <c r="BM9" s="195">
        <v>0</v>
      </c>
      <c r="BN9" s="196">
        <v>0</v>
      </c>
      <c r="BO9" s="197">
        <v>0</v>
      </c>
      <c r="BP9" s="197">
        <v>9</v>
      </c>
      <c r="BQ9" s="197">
        <v>67</v>
      </c>
      <c r="BR9" s="195">
        <v>90</v>
      </c>
      <c r="BS9" s="198">
        <v>166</v>
      </c>
      <c r="BT9" s="199">
        <v>166</v>
      </c>
      <c r="BU9" s="194">
        <v>0</v>
      </c>
      <c r="BV9" s="195">
        <v>0</v>
      </c>
      <c r="BW9" s="195">
        <v>0</v>
      </c>
      <c r="BX9" s="196">
        <v>0</v>
      </c>
      <c r="BY9" s="197">
        <v>0</v>
      </c>
      <c r="BZ9" s="197">
        <v>9</v>
      </c>
      <c r="CA9" s="197">
        <v>66</v>
      </c>
      <c r="CB9" s="195">
        <v>88</v>
      </c>
      <c r="CC9" s="198">
        <v>163</v>
      </c>
      <c r="CD9" s="200">
        <v>163</v>
      </c>
      <c r="CE9" s="201">
        <v>0</v>
      </c>
      <c r="CF9" s="195">
        <v>0</v>
      </c>
      <c r="CG9" s="195">
        <v>0</v>
      </c>
      <c r="CH9" s="196">
        <v>0</v>
      </c>
      <c r="CI9" s="197">
        <v>0</v>
      </c>
      <c r="CJ9" s="197">
        <v>0</v>
      </c>
      <c r="CK9" s="197">
        <v>1</v>
      </c>
      <c r="CL9" s="195">
        <v>2</v>
      </c>
      <c r="CM9" s="198">
        <v>3</v>
      </c>
      <c r="CN9" s="200">
        <v>3</v>
      </c>
      <c r="CO9" s="201">
        <v>0</v>
      </c>
      <c r="CP9" s="195">
        <v>0</v>
      </c>
      <c r="CQ9" s="195">
        <v>0</v>
      </c>
      <c r="CR9" s="196">
        <v>0</v>
      </c>
      <c r="CS9" s="197">
        <v>1</v>
      </c>
      <c r="CT9" s="197">
        <v>4</v>
      </c>
      <c r="CU9" s="197">
        <v>35</v>
      </c>
      <c r="CV9" s="195">
        <v>59</v>
      </c>
      <c r="CW9" s="198">
        <v>99</v>
      </c>
      <c r="CX9" s="199">
        <v>99</v>
      </c>
      <c r="CY9" s="194">
        <v>0</v>
      </c>
      <c r="CZ9" s="195">
        <v>0</v>
      </c>
      <c r="DA9" s="195">
        <v>0</v>
      </c>
      <c r="DB9" s="196">
        <v>0</v>
      </c>
      <c r="DC9" s="197">
        <v>1</v>
      </c>
      <c r="DD9" s="197">
        <v>4</v>
      </c>
      <c r="DE9" s="197">
        <v>34</v>
      </c>
      <c r="DF9" s="195">
        <v>58</v>
      </c>
      <c r="DG9" s="198">
        <v>97</v>
      </c>
      <c r="DH9" s="200">
        <v>97</v>
      </c>
      <c r="DI9" s="201">
        <v>0</v>
      </c>
      <c r="DJ9" s="195">
        <v>0</v>
      </c>
      <c r="DK9" s="195">
        <v>0</v>
      </c>
      <c r="DL9" s="196">
        <v>0</v>
      </c>
      <c r="DM9" s="197">
        <v>0</v>
      </c>
      <c r="DN9" s="197">
        <v>0</v>
      </c>
      <c r="DO9" s="197">
        <v>1</v>
      </c>
      <c r="DP9" s="195">
        <v>1</v>
      </c>
      <c r="DQ9" s="198">
        <v>2</v>
      </c>
      <c r="DR9" s="200">
        <v>2</v>
      </c>
      <c r="DS9" s="201">
        <v>0</v>
      </c>
      <c r="DT9" s="195">
        <v>0</v>
      </c>
      <c r="DU9" s="195">
        <v>0</v>
      </c>
      <c r="DV9" s="196">
        <v>299</v>
      </c>
      <c r="DW9" s="197">
        <v>512</v>
      </c>
      <c r="DX9" s="197">
        <v>1786</v>
      </c>
      <c r="DY9" s="197">
        <v>2577</v>
      </c>
      <c r="DZ9" s="195">
        <v>1749</v>
      </c>
      <c r="EA9" s="198">
        <v>6923</v>
      </c>
      <c r="EB9" s="200">
        <v>6923</v>
      </c>
      <c r="EC9" s="37"/>
    </row>
    <row r="10" spans="2:133" ht="20.25" customHeight="1" x14ac:dyDescent="0.2">
      <c r="B10" s="62" t="s">
        <v>14</v>
      </c>
      <c r="C10" s="194">
        <v>0</v>
      </c>
      <c r="D10" s="195">
        <v>0</v>
      </c>
      <c r="E10" s="195">
        <v>0</v>
      </c>
      <c r="F10" s="196">
        <v>9</v>
      </c>
      <c r="G10" s="197">
        <v>55</v>
      </c>
      <c r="H10" s="197">
        <v>826</v>
      </c>
      <c r="I10" s="197">
        <v>1285</v>
      </c>
      <c r="J10" s="195">
        <v>762</v>
      </c>
      <c r="K10" s="198">
        <v>2937</v>
      </c>
      <c r="L10" s="199">
        <v>2937</v>
      </c>
      <c r="M10" s="194">
        <v>0</v>
      </c>
      <c r="N10" s="195">
        <v>0</v>
      </c>
      <c r="O10" s="198">
        <v>0</v>
      </c>
      <c r="P10" s="196">
        <v>9</v>
      </c>
      <c r="Q10" s="197">
        <v>54</v>
      </c>
      <c r="R10" s="197">
        <v>822</v>
      </c>
      <c r="S10" s="197">
        <v>1277</v>
      </c>
      <c r="T10" s="195">
        <v>754</v>
      </c>
      <c r="U10" s="198">
        <v>2916</v>
      </c>
      <c r="V10" s="200">
        <v>2916</v>
      </c>
      <c r="W10" s="201">
        <v>0</v>
      </c>
      <c r="X10" s="195">
        <v>0</v>
      </c>
      <c r="Y10" s="198">
        <v>0</v>
      </c>
      <c r="Z10" s="201">
        <v>0</v>
      </c>
      <c r="AA10" s="197">
        <v>1</v>
      </c>
      <c r="AB10" s="197">
        <v>4</v>
      </c>
      <c r="AC10" s="197">
        <v>8</v>
      </c>
      <c r="AD10" s="195">
        <v>8</v>
      </c>
      <c r="AE10" s="198">
        <v>21</v>
      </c>
      <c r="AF10" s="202">
        <v>21</v>
      </c>
      <c r="AG10" s="201">
        <v>0</v>
      </c>
      <c r="AH10" s="195">
        <v>0</v>
      </c>
      <c r="AI10" s="198">
        <v>0</v>
      </c>
      <c r="AJ10" s="201">
        <v>86</v>
      </c>
      <c r="AK10" s="197">
        <v>210</v>
      </c>
      <c r="AL10" s="197">
        <v>279</v>
      </c>
      <c r="AM10" s="197">
        <v>360</v>
      </c>
      <c r="AN10" s="195">
        <v>192</v>
      </c>
      <c r="AO10" s="198">
        <v>1127</v>
      </c>
      <c r="AP10" s="202">
        <v>1127</v>
      </c>
      <c r="AQ10" s="201">
        <v>0</v>
      </c>
      <c r="AR10" s="195">
        <v>0</v>
      </c>
      <c r="AS10" s="198">
        <v>0</v>
      </c>
      <c r="AT10" s="196">
        <v>83</v>
      </c>
      <c r="AU10" s="197">
        <v>209</v>
      </c>
      <c r="AV10" s="197">
        <v>275</v>
      </c>
      <c r="AW10" s="197">
        <v>354</v>
      </c>
      <c r="AX10" s="195">
        <v>189</v>
      </c>
      <c r="AY10" s="198">
        <v>1110</v>
      </c>
      <c r="AZ10" s="199">
        <v>1110</v>
      </c>
      <c r="BA10" s="194">
        <v>0</v>
      </c>
      <c r="BB10" s="195">
        <v>0</v>
      </c>
      <c r="BC10" s="195">
        <v>0</v>
      </c>
      <c r="BD10" s="196">
        <v>3</v>
      </c>
      <c r="BE10" s="197">
        <v>1</v>
      </c>
      <c r="BF10" s="197">
        <v>4</v>
      </c>
      <c r="BG10" s="197">
        <v>6</v>
      </c>
      <c r="BH10" s="195">
        <v>3</v>
      </c>
      <c r="BI10" s="198">
        <v>17</v>
      </c>
      <c r="BJ10" s="200">
        <v>17</v>
      </c>
      <c r="BK10" s="201">
        <v>0</v>
      </c>
      <c r="BL10" s="195">
        <v>0</v>
      </c>
      <c r="BM10" s="195">
        <v>0</v>
      </c>
      <c r="BN10" s="196">
        <v>0</v>
      </c>
      <c r="BO10" s="197">
        <v>0</v>
      </c>
      <c r="BP10" s="197">
        <v>1</v>
      </c>
      <c r="BQ10" s="197">
        <v>25</v>
      </c>
      <c r="BR10" s="195">
        <v>23</v>
      </c>
      <c r="BS10" s="198">
        <v>49</v>
      </c>
      <c r="BT10" s="199">
        <v>49</v>
      </c>
      <c r="BU10" s="194">
        <v>0</v>
      </c>
      <c r="BV10" s="195">
        <v>0</v>
      </c>
      <c r="BW10" s="195">
        <v>0</v>
      </c>
      <c r="BX10" s="196">
        <v>0</v>
      </c>
      <c r="BY10" s="197">
        <v>0</v>
      </c>
      <c r="BZ10" s="197">
        <v>1</v>
      </c>
      <c r="CA10" s="197">
        <v>25</v>
      </c>
      <c r="CB10" s="195">
        <v>23</v>
      </c>
      <c r="CC10" s="198">
        <v>49</v>
      </c>
      <c r="CD10" s="200">
        <v>49</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7</v>
      </c>
      <c r="CU10" s="197">
        <v>73</v>
      </c>
      <c r="CV10" s="195">
        <v>79</v>
      </c>
      <c r="CW10" s="198">
        <v>159</v>
      </c>
      <c r="CX10" s="199">
        <v>159</v>
      </c>
      <c r="CY10" s="194">
        <v>0</v>
      </c>
      <c r="CZ10" s="195">
        <v>0</v>
      </c>
      <c r="DA10" s="195">
        <v>0</v>
      </c>
      <c r="DB10" s="196">
        <v>0</v>
      </c>
      <c r="DC10" s="197">
        <v>0</v>
      </c>
      <c r="DD10" s="197">
        <v>7</v>
      </c>
      <c r="DE10" s="197">
        <v>72</v>
      </c>
      <c r="DF10" s="195">
        <v>75</v>
      </c>
      <c r="DG10" s="198">
        <v>154</v>
      </c>
      <c r="DH10" s="200">
        <v>154</v>
      </c>
      <c r="DI10" s="201">
        <v>0</v>
      </c>
      <c r="DJ10" s="195">
        <v>0</v>
      </c>
      <c r="DK10" s="195">
        <v>0</v>
      </c>
      <c r="DL10" s="196">
        <v>0</v>
      </c>
      <c r="DM10" s="197">
        <v>0</v>
      </c>
      <c r="DN10" s="197">
        <v>0</v>
      </c>
      <c r="DO10" s="197">
        <v>1</v>
      </c>
      <c r="DP10" s="195">
        <v>4</v>
      </c>
      <c r="DQ10" s="198">
        <v>5</v>
      </c>
      <c r="DR10" s="200">
        <v>5</v>
      </c>
      <c r="DS10" s="201">
        <v>0</v>
      </c>
      <c r="DT10" s="195">
        <v>0</v>
      </c>
      <c r="DU10" s="195">
        <v>0</v>
      </c>
      <c r="DV10" s="196">
        <v>95</v>
      </c>
      <c r="DW10" s="197">
        <v>265</v>
      </c>
      <c r="DX10" s="197">
        <v>1109</v>
      </c>
      <c r="DY10" s="197">
        <v>1737</v>
      </c>
      <c r="DZ10" s="195">
        <v>1054</v>
      </c>
      <c r="EA10" s="198">
        <v>4260</v>
      </c>
      <c r="EB10" s="200">
        <v>4260</v>
      </c>
      <c r="EC10" s="37"/>
    </row>
    <row r="11" spans="2:133" ht="20.25" customHeight="1" x14ac:dyDescent="0.2">
      <c r="B11" s="62" t="s">
        <v>7</v>
      </c>
      <c r="C11" s="194">
        <v>0</v>
      </c>
      <c r="D11" s="195">
        <v>0</v>
      </c>
      <c r="E11" s="195">
        <v>0</v>
      </c>
      <c r="F11" s="196">
        <v>21</v>
      </c>
      <c r="G11" s="197">
        <v>52</v>
      </c>
      <c r="H11" s="197">
        <v>569</v>
      </c>
      <c r="I11" s="197">
        <v>968</v>
      </c>
      <c r="J11" s="195">
        <v>590</v>
      </c>
      <c r="K11" s="198">
        <v>2200</v>
      </c>
      <c r="L11" s="199">
        <v>2200</v>
      </c>
      <c r="M11" s="194">
        <v>0</v>
      </c>
      <c r="N11" s="195">
        <v>0</v>
      </c>
      <c r="O11" s="198">
        <v>0</v>
      </c>
      <c r="P11" s="196">
        <v>21</v>
      </c>
      <c r="Q11" s="197">
        <v>52</v>
      </c>
      <c r="R11" s="197">
        <v>562</v>
      </c>
      <c r="S11" s="197">
        <v>959</v>
      </c>
      <c r="T11" s="195">
        <v>577</v>
      </c>
      <c r="U11" s="198">
        <v>2171</v>
      </c>
      <c r="V11" s="200">
        <v>2171</v>
      </c>
      <c r="W11" s="201">
        <v>0</v>
      </c>
      <c r="X11" s="195">
        <v>0</v>
      </c>
      <c r="Y11" s="198">
        <v>0</v>
      </c>
      <c r="Z11" s="201">
        <v>0</v>
      </c>
      <c r="AA11" s="197">
        <v>0</v>
      </c>
      <c r="AB11" s="197">
        <v>7</v>
      </c>
      <c r="AC11" s="197">
        <v>9</v>
      </c>
      <c r="AD11" s="195">
        <v>13</v>
      </c>
      <c r="AE11" s="198">
        <v>29</v>
      </c>
      <c r="AF11" s="202">
        <v>29</v>
      </c>
      <c r="AG11" s="201">
        <v>0</v>
      </c>
      <c r="AH11" s="195">
        <v>0</v>
      </c>
      <c r="AI11" s="198">
        <v>0</v>
      </c>
      <c r="AJ11" s="201">
        <v>165</v>
      </c>
      <c r="AK11" s="197">
        <v>222</v>
      </c>
      <c r="AL11" s="197">
        <v>247</v>
      </c>
      <c r="AM11" s="197">
        <v>284</v>
      </c>
      <c r="AN11" s="195">
        <v>108</v>
      </c>
      <c r="AO11" s="198">
        <v>1026</v>
      </c>
      <c r="AP11" s="202">
        <v>1026</v>
      </c>
      <c r="AQ11" s="201">
        <v>0</v>
      </c>
      <c r="AR11" s="195">
        <v>0</v>
      </c>
      <c r="AS11" s="198">
        <v>0</v>
      </c>
      <c r="AT11" s="196">
        <v>163</v>
      </c>
      <c r="AU11" s="197">
        <v>221</v>
      </c>
      <c r="AV11" s="197">
        <v>243</v>
      </c>
      <c r="AW11" s="197">
        <v>280</v>
      </c>
      <c r="AX11" s="195">
        <v>105</v>
      </c>
      <c r="AY11" s="198">
        <v>1012</v>
      </c>
      <c r="AZ11" s="199">
        <v>1012</v>
      </c>
      <c r="BA11" s="194">
        <v>0</v>
      </c>
      <c r="BB11" s="195">
        <v>0</v>
      </c>
      <c r="BC11" s="195">
        <v>0</v>
      </c>
      <c r="BD11" s="196">
        <v>2</v>
      </c>
      <c r="BE11" s="197">
        <v>1</v>
      </c>
      <c r="BF11" s="197">
        <v>4</v>
      </c>
      <c r="BG11" s="197">
        <v>4</v>
      </c>
      <c r="BH11" s="195">
        <v>3</v>
      </c>
      <c r="BI11" s="198">
        <v>14</v>
      </c>
      <c r="BJ11" s="200">
        <v>14</v>
      </c>
      <c r="BK11" s="201">
        <v>0</v>
      </c>
      <c r="BL11" s="195">
        <v>0</v>
      </c>
      <c r="BM11" s="195">
        <v>0</v>
      </c>
      <c r="BN11" s="196">
        <v>0</v>
      </c>
      <c r="BO11" s="197">
        <v>0</v>
      </c>
      <c r="BP11" s="197">
        <v>0</v>
      </c>
      <c r="BQ11" s="197">
        <v>2</v>
      </c>
      <c r="BR11" s="195">
        <v>4</v>
      </c>
      <c r="BS11" s="198">
        <v>6</v>
      </c>
      <c r="BT11" s="199">
        <v>6</v>
      </c>
      <c r="BU11" s="194">
        <v>0</v>
      </c>
      <c r="BV11" s="195">
        <v>0</v>
      </c>
      <c r="BW11" s="195">
        <v>0</v>
      </c>
      <c r="BX11" s="196">
        <v>0</v>
      </c>
      <c r="BY11" s="197">
        <v>0</v>
      </c>
      <c r="BZ11" s="197">
        <v>0</v>
      </c>
      <c r="CA11" s="197">
        <v>2</v>
      </c>
      <c r="CB11" s="195">
        <v>4</v>
      </c>
      <c r="CC11" s="198">
        <v>6</v>
      </c>
      <c r="CD11" s="200">
        <v>6</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1</v>
      </c>
      <c r="CV11" s="195">
        <v>4</v>
      </c>
      <c r="CW11" s="198">
        <v>7</v>
      </c>
      <c r="CX11" s="199">
        <v>7</v>
      </c>
      <c r="CY11" s="194">
        <v>0</v>
      </c>
      <c r="CZ11" s="195">
        <v>0</v>
      </c>
      <c r="DA11" s="195">
        <v>0</v>
      </c>
      <c r="DB11" s="196">
        <v>0</v>
      </c>
      <c r="DC11" s="197">
        <v>0</v>
      </c>
      <c r="DD11" s="197">
        <v>2</v>
      </c>
      <c r="DE11" s="197">
        <v>1</v>
      </c>
      <c r="DF11" s="195">
        <v>4</v>
      </c>
      <c r="DG11" s="198">
        <v>7</v>
      </c>
      <c r="DH11" s="200">
        <v>7</v>
      </c>
      <c r="DI11" s="201">
        <v>0</v>
      </c>
      <c r="DJ11" s="195">
        <v>0</v>
      </c>
      <c r="DK11" s="195">
        <v>0</v>
      </c>
      <c r="DL11" s="196">
        <v>0</v>
      </c>
      <c r="DM11" s="197">
        <v>0</v>
      </c>
      <c r="DN11" s="197">
        <v>0</v>
      </c>
      <c r="DO11" s="197">
        <v>0</v>
      </c>
      <c r="DP11" s="195">
        <v>0</v>
      </c>
      <c r="DQ11" s="198">
        <v>0</v>
      </c>
      <c r="DR11" s="200">
        <v>0</v>
      </c>
      <c r="DS11" s="201">
        <v>0</v>
      </c>
      <c r="DT11" s="195">
        <v>0</v>
      </c>
      <c r="DU11" s="195">
        <v>0</v>
      </c>
      <c r="DV11" s="196">
        <v>186</v>
      </c>
      <c r="DW11" s="197">
        <v>274</v>
      </c>
      <c r="DX11" s="197">
        <v>817</v>
      </c>
      <c r="DY11" s="197">
        <v>1252</v>
      </c>
      <c r="DZ11" s="195">
        <v>702</v>
      </c>
      <c r="EA11" s="198">
        <v>3231</v>
      </c>
      <c r="EB11" s="200">
        <v>3231</v>
      </c>
      <c r="EC11" s="37"/>
    </row>
    <row r="12" spans="2:133" ht="20.25" customHeight="1" x14ac:dyDescent="0.2">
      <c r="B12" s="62" t="s">
        <v>8</v>
      </c>
      <c r="C12" s="194">
        <v>0</v>
      </c>
      <c r="D12" s="195">
        <v>0</v>
      </c>
      <c r="E12" s="195">
        <v>0</v>
      </c>
      <c r="F12" s="196">
        <v>28</v>
      </c>
      <c r="G12" s="197">
        <v>63</v>
      </c>
      <c r="H12" s="197">
        <v>350</v>
      </c>
      <c r="I12" s="197">
        <v>394</v>
      </c>
      <c r="J12" s="195">
        <v>237</v>
      </c>
      <c r="K12" s="198">
        <v>1072</v>
      </c>
      <c r="L12" s="199">
        <v>1072</v>
      </c>
      <c r="M12" s="194">
        <v>0</v>
      </c>
      <c r="N12" s="195">
        <v>0</v>
      </c>
      <c r="O12" s="198">
        <v>0</v>
      </c>
      <c r="P12" s="196">
        <v>28</v>
      </c>
      <c r="Q12" s="197">
        <v>63</v>
      </c>
      <c r="R12" s="197">
        <v>348</v>
      </c>
      <c r="S12" s="197">
        <v>391</v>
      </c>
      <c r="T12" s="195">
        <v>234</v>
      </c>
      <c r="U12" s="198">
        <v>1064</v>
      </c>
      <c r="V12" s="200">
        <v>1064</v>
      </c>
      <c r="W12" s="201">
        <v>0</v>
      </c>
      <c r="X12" s="195">
        <v>0</v>
      </c>
      <c r="Y12" s="198">
        <v>0</v>
      </c>
      <c r="Z12" s="201">
        <v>0</v>
      </c>
      <c r="AA12" s="197">
        <v>0</v>
      </c>
      <c r="AB12" s="197">
        <v>2</v>
      </c>
      <c r="AC12" s="197">
        <v>3</v>
      </c>
      <c r="AD12" s="195">
        <v>3</v>
      </c>
      <c r="AE12" s="198">
        <v>8</v>
      </c>
      <c r="AF12" s="202">
        <v>8</v>
      </c>
      <c r="AG12" s="201">
        <v>0</v>
      </c>
      <c r="AH12" s="195">
        <v>0</v>
      </c>
      <c r="AI12" s="198">
        <v>0</v>
      </c>
      <c r="AJ12" s="201">
        <v>54</v>
      </c>
      <c r="AK12" s="197">
        <v>99</v>
      </c>
      <c r="AL12" s="197">
        <v>161</v>
      </c>
      <c r="AM12" s="197">
        <v>135</v>
      </c>
      <c r="AN12" s="195">
        <v>64</v>
      </c>
      <c r="AO12" s="198">
        <v>513</v>
      </c>
      <c r="AP12" s="202">
        <v>513</v>
      </c>
      <c r="AQ12" s="201">
        <v>0</v>
      </c>
      <c r="AR12" s="195">
        <v>0</v>
      </c>
      <c r="AS12" s="198">
        <v>0</v>
      </c>
      <c r="AT12" s="196">
        <v>51</v>
      </c>
      <c r="AU12" s="197">
        <v>95</v>
      </c>
      <c r="AV12" s="197">
        <v>157</v>
      </c>
      <c r="AW12" s="197">
        <v>133</v>
      </c>
      <c r="AX12" s="195">
        <v>62</v>
      </c>
      <c r="AY12" s="198">
        <v>498</v>
      </c>
      <c r="AZ12" s="199">
        <v>498</v>
      </c>
      <c r="BA12" s="194">
        <v>0</v>
      </c>
      <c r="BB12" s="195">
        <v>0</v>
      </c>
      <c r="BC12" s="195">
        <v>0</v>
      </c>
      <c r="BD12" s="196">
        <v>3</v>
      </c>
      <c r="BE12" s="197">
        <v>4</v>
      </c>
      <c r="BF12" s="197">
        <v>4</v>
      </c>
      <c r="BG12" s="197">
        <v>2</v>
      </c>
      <c r="BH12" s="195">
        <v>2</v>
      </c>
      <c r="BI12" s="198">
        <v>15</v>
      </c>
      <c r="BJ12" s="200">
        <v>15</v>
      </c>
      <c r="BK12" s="201">
        <v>0</v>
      </c>
      <c r="BL12" s="195">
        <v>0</v>
      </c>
      <c r="BM12" s="195">
        <v>0</v>
      </c>
      <c r="BN12" s="196">
        <v>0</v>
      </c>
      <c r="BO12" s="197">
        <v>0</v>
      </c>
      <c r="BP12" s="197">
        <v>0</v>
      </c>
      <c r="BQ12" s="197">
        <v>2</v>
      </c>
      <c r="BR12" s="195">
        <v>0</v>
      </c>
      <c r="BS12" s="198">
        <v>2</v>
      </c>
      <c r="BT12" s="199">
        <v>2</v>
      </c>
      <c r="BU12" s="194">
        <v>0</v>
      </c>
      <c r="BV12" s="195">
        <v>0</v>
      </c>
      <c r="BW12" s="195">
        <v>0</v>
      </c>
      <c r="BX12" s="196">
        <v>0</v>
      </c>
      <c r="BY12" s="197">
        <v>0</v>
      </c>
      <c r="BZ12" s="197">
        <v>0</v>
      </c>
      <c r="CA12" s="197">
        <v>2</v>
      </c>
      <c r="CB12" s="195">
        <v>0</v>
      </c>
      <c r="CC12" s="198">
        <v>2</v>
      </c>
      <c r="CD12" s="200">
        <v>2</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0</v>
      </c>
      <c r="CT12" s="197">
        <v>1</v>
      </c>
      <c r="CU12" s="197">
        <v>10</v>
      </c>
      <c r="CV12" s="195">
        <v>9</v>
      </c>
      <c r="CW12" s="198">
        <v>21</v>
      </c>
      <c r="CX12" s="199">
        <v>21</v>
      </c>
      <c r="CY12" s="194">
        <v>0</v>
      </c>
      <c r="CZ12" s="195">
        <v>0</v>
      </c>
      <c r="DA12" s="195">
        <v>0</v>
      </c>
      <c r="DB12" s="196">
        <v>1</v>
      </c>
      <c r="DC12" s="197">
        <v>0</v>
      </c>
      <c r="DD12" s="197">
        <v>1</v>
      </c>
      <c r="DE12" s="197">
        <v>10</v>
      </c>
      <c r="DF12" s="195">
        <v>9</v>
      </c>
      <c r="DG12" s="198">
        <v>21</v>
      </c>
      <c r="DH12" s="200">
        <v>21</v>
      </c>
      <c r="DI12" s="201">
        <v>0</v>
      </c>
      <c r="DJ12" s="195">
        <v>0</v>
      </c>
      <c r="DK12" s="195">
        <v>0</v>
      </c>
      <c r="DL12" s="196">
        <v>0</v>
      </c>
      <c r="DM12" s="197">
        <v>0</v>
      </c>
      <c r="DN12" s="197">
        <v>0</v>
      </c>
      <c r="DO12" s="197">
        <v>0</v>
      </c>
      <c r="DP12" s="195">
        <v>0</v>
      </c>
      <c r="DQ12" s="198">
        <v>0</v>
      </c>
      <c r="DR12" s="200">
        <v>0</v>
      </c>
      <c r="DS12" s="201">
        <v>0</v>
      </c>
      <c r="DT12" s="195">
        <v>0</v>
      </c>
      <c r="DU12" s="195">
        <v>0</v>
      </c>
      <c r="DV12" s="196">
        <v>83</v>
      </c>
      <c r="DW12" s="197">
        <v>162</v>
      </c>
      <c r="DX12" s="197">
        <v>512</v>
      </c>
      <c r="DY12" s="197">
        <v>541</v>
      </c>
      <c r="DZ12" s="195">
        <v>310</v>
      </c>
      <c r="EA12" s="198">
        <v>1608</v>
      </c>
      <c r="EB12" s="200">
        <v>1608</v>
      </c>
      <c r="EC12" s="37"/>
    </row>
    <row r="13" spans="2:133" ht="20.25" customHeight="1" x14ac:dyDescent="0.2">
      <c r="B13" s="62" t="s">
        <v>9</v>
      </c>
      <c r="C13" s="194">
        <v>0</v>
      </c>
      <c r="D13" s="195">
        <v>0</v>
      </c>
      <c r="E13" s="195">
        <v>0</v>
      </c>
      <c r="F13" s="196">
        <v>6</v>
      </c>
      <c r="G13" s="197">
        <v>3</v>
      </c>
      <c r="H13" s="197">
        <v>200</v>
      </c>
      <c r="I13" s="197">
        <v>379</v>
      </c>
      <c r="J13" s="195">
        <v>274</v>
      </c>
      <c r="K13" s="198">
        <v>862</v>
      </c>
      <c r="L13" s="199">
        <v>862</v>
      </c>
      <c r="M13" s="194">
        <v>0</v>
      </c>
      <c r="N13" s="195">
        <v>0</v>
      </c>
      <c r="O13" s="198">
        <v>0</v>
      </c>
      <c r="P13" s="196">
        <v>6</v>
      </c>
      <c r="Q13" s="197">
        <v>3</v>
      </c>
      <c r="R13" s="197">
        <v>200</v>
      </c>
      <c r="S13" s="197">
        <v>375</v>
      </c>
      <c r="T13" s="195">
        <v>272</v>
      </c>
      <c r="U13" s="198">
        <v>856</v>
      </c>
      <c r="V13" s="200">
        <v>856</v>
      </c>
      <c r="W13" s="201">
        <v>0</v>
      </c>
      <c r="X13" s="195">
        <v>0</v>
      </c>
      <c r="Y13" s="198">
        <v>0</v>
      </c>
      <c r="Z13" s="201">
        <v>0</v>
      </c>
      <c r="AA13" s="197">
        <v>0</v>
      </c>
      <c r="AB13" s="197">
        <v>0</v>
      </c>
      <c r="AC13" s="197">
        <v>4</v>
      </c>
      <c r="AD13" s="195">
        <v>2</v>
      </c>
      <c r="AE13" s="198">
        <v>6</v>
      </c>
      <c r="AF13" s="202">
        <v>6</v>
      </c>
      <c r="AG13" s="201">
        <v>0</v>
      </c>
      <c r="AH13" s="195">
        <v>0</v>
      </c>
      <c r="AI13" s="198">
        <v>0</v>
      </c>
      <c r="AJ13" s="201">
        <v>30</v>
      </c>
      <c r="AK13" s="197">
        <v>62</v>
      </c>
      <c r="AL13" s="197">
        <v>93</v>
      </c>
      <c r="AM13" s="197">
        <v>132</v>
      </c>
      <c r="AN13" s="195">
        <v>62</v>
      </c>
      <c r="AO13" s="198">
        <v>379</v>
      </c>
      <c r="AP13" s="202">
        <v>379</v>
      </c>
      <c r="AQ13" s="201">
        <v>0</v>
      </c>
      <c r="AR13" s="195">
        <v>0</v>
      </c>
      <c r="AS13" s="198">
        <v>0</v>
      </c>
      <c r="AT13" s="196">
        <v>30</v>
      </c>
      <c r="AU13" s="197">
        <v>62</v>
      </c>
      <c r="AV13" s="197">
        <v>91</v>
      </c>
      <c r="AW13" s="197">
        <v>130</v>
      </c>
      <c r="AX13" s="195">
        <v>60</v>
      </c>
      <c r="AY13" s="198">
        <v>373</v>
      </c>
      <c r="AZ13" s="199">
        <v>373</v>
      </c>
      <c r="BA13" s="194">
        <v>0</v>
      </c>
      <c r="BB13" s="195">
        <v>0</v>
      </c>
      <c r="BC13" s="195">
        <v>0</v>
      </c>
      <c r="BD13" s="196">
        <v>0</v>
      </c>
      <c r="BE13" s="197">
        <v>0</v>
      </c>
      <c r="BF13" s="197">
        <v>2</v>
      </c>
      <c r="BG13" s="197">
        <v>2</v>
      </c>
      <c r="BH13" s="195">
        <v>2</v>
      </c>
      <c r="BI13" s="198">
        <v>6</v>
      </c>
      <c r="BJ13" s="200">
        <v>6</v>
      </c>
      <c r="BK13" s="201">
        <v>0</v>
      </c>
      <c r="BL13" s="195">
        <v>0</v>
      </c>
      <c r="BM13" s="195">
        <v>0</v>
      </c>
      <c r="BN13" s="196">
        <v>0</v>
      </c>
      <c r="BO13" s="197">
        <v>0</v>
      </c>
      <c r="BP13" s="197">
        <v>0</v>
      </c>
      <c r="BQ13" s="197">
        <v>2</v>
      </c>
      <c r="BR13" s="195">
        <v>0</v>
      </c>
      <c r="BS13" s="198">
        <v>2</v>
      </c>
      <c r="BT13" s="199">
        <v>2</v>
      </c>
      <c r="BU13" s="194">
        <v>0</v>
      </c>
      <c r="BV13" s="195">
        <v>0</v>
      </c>
      <c r="BW13" s="195">
        <v>0</v>
      </c>
      <c r="BX13" s="196">
        <v>0</v>
      </c>
      <c r="BY13" s="197">
        <v>0</v>
      </c>
      <c r="BZ13" s="197">
        <v>0</v>
      </c>
      <c r="CA13" s="197">
        <v>2</v>
      </c>
      <c r="CB13" s="195">
        <v>0</v>
      </c>
      <c r="CC13" s="198">
        <v>2</v>
      </c>
      <c r="CD13" s="200">
        <v>2</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0</v>
      </c>
      <c r="CT13" s="197">
        <v>2</v>
      </c>
      <c r="CU13" s="197">
        <v>2</v>
      </c>
      <c r="CV13" s="195">
        <v>5</v>
      </c>
      <c r="CW13" s="198">
        <v>9</v>
      </c>
      <c r="CX13" s="199">
        <v>9</v>
      </c>
      <c r="CY13" s="194">
        <v>0</v>
      </c>
      <c r="CZ13" s="195">
        <v>0</v>
      </c>
      <c r="DA13" s="195">
        <v>0</v>
      </c>
      <c r="DB13" s="196">
        <v>0</v>
      </c>
      <c r="DC13" s="197">
        <v>0</v>
      </c>
      <c r="DD13" s="197">
        <v>2</v>
      </c>
      <c r="DE13" s="197">
        <v>2</v>
      </c>
      <c r="DF13" s="195">
        <v>5</v>
      </c>
      <c r="DG13" s="198">
        <v>9</v>
      </c>
      <c r="DH13" s="200">
        <v>9</v>
      </c>
      <c r="DI13" s="201">
        <v>0</v>
      </c>
      <c r="DJ13" s="195">
        <v>0</v>
      </c>
      <c r="DK13" s="195">
        <v>0</v>
      </c>
      <c r="DL13" s="196">
        <v>0</v>
      </c>
      <c r="DM13" s="197">
        <v>0</v>
      </c>
      <c r="DN13" s="197">
        <v>0</v>
      </c>
      <c r="DO13" s="197">
        <v>0</v>
      </c>
      <c r="DP13" s="195">
        <v>0</v>
      </c>
      <c r="DQ13" s="198">
        <v>0</v>
      </c>
      <c r="DR13" s="200">
        <v>0</v>
      </c>
      <c r="DS13" s="201">
        <v>0</v>
      </c>
      <c r="DT13" s="195">
        <v>0</v>
      </c>
      <c r="DU13" s="195">
        <v>0</v>
      </c>
      <c r="DV13" s="196">
        <v>36</v>
      </c>
      <c r="DW13" s="197">
        <v>65</v>
      </c>
      <c r="DX13" s="197">
        <v>294</v>
      </c>
      <c r="DY13" s="197">
        <v>514</v>
      </c>
      <c r="DZ13" s="195">
        <v>341</v>
      </c>
      <c r="EA13" s="198">
        <v>1250</v>
      </c>
      <c r="EB13" s="200">
        <v>1250</v>
      </c>
      <c r="EC13" s="37"/>
    </row>
    <row r="14" spans="2:133" ht="20.25" customHeight="1" x14ac:dyDescent="0.2">
      <c r="B14" s="62" t="s">
        <v>10</v>
      </c>
      <c r="C14" s="194">
        <v>0</v>
      </c>
      <c r="D14" s="195">
        <v>0</v>
      </c>
      <c r="E14" s="195">
        <v>0</v>
      </c>
      <c r="F14" s="196">
        <v>17</v>
      </c>
      <c r="G14" s="197">
        <v>49</v>
      </c>
      <c r="H14" s="197">
        <v>376</v>
      </c>
      <c r="I14" s="197">
        <v>524</v>
      </c>
      <c r="J14" s="195">
        <v>473</v>
      </c>
      <c r="K14" s="198">
        <v>1439</v>
      </c>
      <c r="L14" s="199">
        <v>1439</v>
      </c>
      <c r="M14" s="194">
        <v>0</v>
      </c>
      <c r="N14" s="195">
        <v>0</v>
      </c>
      <c r="O14" s="198">
        <v>0</v>
      </c>
      <c r="P14" s="196">
        <v>17</v>
      </c>
      <c r="Q14" s="197">
        <v>49</v>
      </c>
      <c r="R14" s="197">
        <v>373</v>
      </c>
      <c r="S14" s="197">
        <v>521</v>
      </c>
      <c r="T14" s="195">
        <v>466</v>
      </c>
      <c r="U14" s="198">
        <v>1426</v>
      </c>
      <c r="V14" s="200">
        <v>1426</v>
      </c>
      <c r="W14" s="201">
        <v>0</v>
      </c>
      <c r="X14" s="195">
        <v>0</v>
      </c>
      <c r="Y14" s="198">
        <v>0</v>
      </c>
      <c r="Z14" s="201">
        <v>0</v>
      </c>
      <c r="AA14" s="197">
        <v>0</v>
      </c>
      <c r="AB14" s="197">
        <v>3</v>
      </c>
      <c r="AC14" s="197">
        <v>3</v>
      </c>
      <c r="AD14" s="195">
        <v>7</v>
      </c>
      <c r="AE14" s="198">
        <v>13</v>
      </c>
      <c r="AF14" s="202">
        <v>13</v>
      </c>
      <c r="AG14" s="201">
        <v>0</v>
      </c>
      <c r="AH14" s="195">
        <v>0</v>
      </c>
      <c r="AI14" s="198">
        <v>0</v>
      </c>
      <c r="AJ14" s="201">
        <v>91</v>
      </c>
      <c r="AK14" s="197">
        <v>130</v>
      </c>
      <c r="AL14" s="197">
        <v>160</v>
      </c>
      <c r="AM14" s="197">
        <v>163</v>
      </c>
      <c r="AN14" s="195">
        <v>101</v>
      </c>
      <c r="AO14" s="198">
        <v>645</v>
      </c>
      <c r="AP14" s="202">
        <v>645</v>
      </c>
      <c r="AQ14" s="201">
        <v>0</v>
      </c>
      <c r="AR14" s="195">
        <v>0</v>
      </c>
      <c r="AS14" s="198">
        <v>0</v>
      </c>
      <c r="AT14" s="196">
        <v>90</v>
      </c>
      <c r="AU14" s="197">
        <v>126</v>
      </c>
      <c r="AV14" s="197">
        <v>158</v>
      </c>
      <c r="AW14" s="197">
        <v>161</v>
      </c>
      <c r="AX14" s="195">
        <v>96</v>
      </c>
      <c r="AY14" s="198">
        <v>631</v>
      </c>
      <c r="AZ14" s="199">
        <v>631</v>
      </c>
      <c r="BA14" s="194">
        <v>0</v>
      </c>
      <c r="BB14" s="195">
        <v>0</v>
      </c>
      <c r="BC14" s="195">
        <v>0</v>
      </c>
      <c r="BD14" s="196">
        <v>1</v>
      </c>
      <c r="BE14" s="197">
        <v>4</v>
      </c>
      <c r="BF14" s="197">
        <v>2</v>
      </c>
      <c r="BG14" s="197">
        <v>2</v>
      </c>
      <c r="BH14" s="195">
        <v>5</v>
      </c>
      <c r="BI14" s="198">
        <v>14</v>
      </c>
      <c r="BJ14" s="200">
        <v>14</v>
      </c>
      <c r="BK14" s="201">
        <v>0</v>
      </c>
      <c r="BL14" s="195">
        <v>0</v>
      </c>
      <c r="BM14" s="195">
        <v>0</v>
      </c>
      <c r="BN14" s="196">
        <v>0</v>
      </c>
      <c r="BO14" s="197">
        <v>0</v>
      </c>
      <c r="BP14" s="197">
        <v>0</v>
      </c>
      <c r="BQ14" s="197">
        <v>0</v>
      </c>
      <c r="BR14" s="195">
        <v>3</v>
      </c>
      <c r="BS14" s="198">
        <v>3</v>
      </c>
      <c r="BT14" s="199">
        <v>3</v>
      </c>
      <c r="BU14" s="194">
        <v>0</v>
      </c>
      <c r="BV14" s="195">
        <v>0</v>
      </c>
      <c r="BW14" s="195">
        <v>0</v>
      </c>
      <c r="BX14" s="196">
        <v>0</v>
      </c>
      <c r="BY14" s="197">
        <v>0</v>
      </c>
      <c r="BZ14" s="197">
        <v>0</v>
      </c>
      <c r="CA14" s="197">
        <v>0</v>
      </c>
      <c r="CB14" s="195">
        <v>3</v>
      </c>
      <c r="CC14" s="198">
        <v>3</v>
      </c>
      <c r="CD14" s="200">
        <v>3</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1</v>
      </c>
      <c r="CT14" s="197">
        <v>0</v>
      </c>
      <c r="CU14" s="197">
        <v>5</v>
      </c>
      <c r="CV14" s="195">
        <v>36</v>
      </c>
      <c r="CW14" s="198">
        <v>43</v>
      </c>
      <c r="CX14" s="199">
        <v>43</v>
      </c>
      <c r="CY14" s="194">
        <v>0</v>
      </c>
      <c r="CZ14" s="195">
        <v>0</v>
      </c>
      <c r="DA14" s="195">
        <v>0</v>
      </c>
      <c r="DB14" s="196">
        <v>1</v>
      </c>
      <c r="DC14" s="197">
        <v>1</v>
      </c>
      <c r="DD14" s="197">
        <v>0</v>
      </c>
      <c r="DE14" s="197">
        <v>5</v>
      </c>
      <c r="DF14" s="195">
        <v>36</v>
      </c>
      <c r="DG14" s="198">
        <v>43</v>
      </c>
      <c r="DH14" s="200">
        <v>43</v>
      </c>
      <c r="DI14" s="201">
        <v>0</v>
      </c>
      <c r="DJ14" s="195">
        <v>0</v>
      </c>
      <c r="DK14" s="195">
        <v>0</v>
      </c>
      <c r="DL14" s="196">
        <v>0</v>
      </c>
      <c r="DM14" s="197">
        <v>0</v>
      </c>
      <c r="DN14" s="197">
        <v>0</v>
      </c>
      <c r="DO14" s="197">
        <v>0</v>
      </c>
      <c r="DP14" s="195">
        <v>0</v>
      </c>
      <c r="DQ14" s="198">
        <v>0</v>
      </c>
      <c r="DR14" s="200">
        <v>0</v>
      </c>
      <c r="DS14" s="201">
        <v>0</v>
      </c>
      <c r="DT14" s="195">
        <v>0</v>
      </c>
      <c r="DU14" s="195">
        <v>0</v>
      </c>
      <c r="DV14" s="196">
        <v>109</v>
      </c>
      <c r="DW14" s="197">
        <v>180</v>
      </c>
      <c r="DX14" s="197">
        <v>535</v>
      </c>
      <c r="DY14" s="197">
        <v>687</v>
      </c>
      <c r="DZ14" s="195">
        <v>609</v>
      </c>
      <c r="EA14" s="198">
        <v>2120</v>
      </c>
      <c r="EB14" s="200">
        <v>2120</v>
      </c>
      <c r="EC14" s="37"/>
    </row>
    <row r="15" spans="2:133" ht="20.25" customHeight="1" x14ac:dyDescent="0.2">
      <c r="B15" s="62" t="s">
        <v>11</v>
      </c>
      <c r="C15" s="194">
        <v>0</v>
      </c>
      <c r="D15" s="195">
        <v>0</v>
      </c>
      <c r="E15" s="195">
        <v>0</v>
      </c>
      <c r="F15" s="196">
        <v>1</v>
      </c>
      <c r="G15" s="197">
        <v>8</v>
      </c>
      <c r="H15" s="197">
        <v>213</v>
      </c>
      <c r="I15" s="197">
        <v>351</v>
      </c>
      <c r="J15" s="195">
        <v>191</v>
      </c>
      <c r="K15" s="198">
        <v>764</v>
      </c>
      <c r="L15" s="199">
        <v>764</v>
      </c>
      <c r="M15" s="194">
        <v>0</v>
      </c>
      <c r="N15" s="195">
        <v>0</v>
      </c>
      <c r="O15" s="198">
        <v>0</v>
      </c>
      <c r="P15" s="196">
        <v>1</v>
      </c>
      <c r="Q15" s="197">
        <v>8</v>
      </c>
      <c r="R15" s="197">
        <v>213</v>
      </c>
      <c r="S15" s="197">
        <v>349</v>
      </c>
      <c r="T15" s="195">
        <v>190</v>
      </c>
      <c r="U15" s="198">
        <v>761</v>
      </c>
      <c r="V15" s="200">
        <v>761</v>
      </c>
      <c r="W15" s="201">
        <v>0</v>
      </c>
      <c r="X15" s="195">
        <v>0</v>
      </c>
      <c r="Y15" s="198">
        <v>0</v>
      </c>
      <c r="Z15" s="201">
        <v>0</v>
      </c>
      <c r="AA15" s="197">
        <v>0</v>
      </c>
      <c r="AB15" s="197">
        <v>0</v>
      </c>
      <c r="AC15" s="197">
        <v>2</v>
      </c>
      <c r="AD15" s="195">
        <v>1</v>
      </c>
      <c r="AE15" s="198">
        <v>3</v>
      </c>
      <c r="AF15" s="202">
        <v>3</v>
      </c>
      <c r="AG15" s="201">
        <v>0</v>
      </c>
      <c r="AH15" s="195">
        <v>0</v>
      </c>
      <c r="AI15" s="198">
        <v>0</v>
      </c>
      <c r="AJ15" s="201">
        <v>75</v>
      </c>
      <c r="AK15" s="197">
        <v>88</v>
      </c>
      <c r="AL15" s="197">
        <v>120</v>
      </c>
      <c r="AM15" s="197">
        <v>160</v>
      </c>
      <c r="AN15" s="195">
        <v>62</v>
      </c>
      <c r="AO15" s="198">
        <v>505</v>
      </c>
      <c r="AP15" s="202">
        <v>505</v>
      </c>
      <c r="AQ15" s="201">
        <v>0</v>
      </c>
      <c r="AR15" s="195">
        <v>0</v>
      </c>
      <c r="AS15" s="198">
        <v>0</v>
      </c>
      <c r="AT15" s="196">
        <v>73</v>
      </c>
      <c r="AU15" s="197">
        <v>87</v>
      </c>
      <c r="AV15" s="197">
        <v>117</v>
      </c>
      <c r="AW15" s="197">
        <v>159</v>
      </c>
      <c r="AX15" s="195">
        <v>62</v>
      </c>
      <c r="AY15" s="198">
        <v>498</v>
      </c>
      <c r="AZ15" s="199">
        <v>498</v>
      </c>
      <c r="BA15" s="194">
        <v>0</v>
      </c>
      <c r="BB15" s="195">
        <v>0</v>
      </c>
      <c r="BC15" s="195">
        <v>0</v>
      </c>
      <c r="BD15" s="196">
        <v>2</v>
      </c>
      <c r="BE15" s="197">
        <v>1</v>
      </c>
      <c r="BF15" s="197">
        <v>3</v>
      </c>
      <c r="BG15" s="197">
        <v>1</v>
      </c>
      <c r="BH15" s="195">
        <v>0</v>
      </c>
      <c r="BI15" s="198">
        <v>7</v>
      </c>
      <c r="BJ15" s="200">
        <v>7</v>
      </c>
      <c r="BK15" s="201">
        <v>0</v>
      </c>
      <c r="BL15" s="195">
        <v>0</v>
      </c>
      <c r="BM15" s="195">
        <v>0</v>
      </c>
      <c r="BN15" s="196">
        <v>0</v>
      </c>
      <c r="BO15" s="197">
        <v>0</v>
      </c>
      <c r="BP15" s="197">
        <v>0</v>
      </c>
      <c r="BQ15" s="197">
        <v>1</v>
      </c>
      <c r="BR15" s="195">
        <v>1</v>
      </c>
      <c r="BS15" s="198">
        <v>2</v>
      </c>
      <c r="BT15" s="199">
        <v>2</v>
      </c>
      <c r="BU15" s="194">
        <v>0</v>
      </c>
      <c r="BV15" s="195">
        <v>0</v>
      </c>
      <c r="BW15" s="195">
        <v>0</v>
      </c>
      <c r="BX15" s="196">
        <v>0</v>
      </c>
      <c r="BY15" s="197">
        <v>0</v>
      </c>
      <c r="BZ15" s="197">
        <v>0</v>
      </c>
      <c r="CA15" s="197">
        <v>1</v>
      </c>
      <c r="CB15" s="195">
        <v>1</v>
      </c>
      <c r="CC15" s="198">
        <v>2</v>
      </c>
      <c r="CD15" s="200">
        <v>2</v>
      </c>
      <c r="CE15" s="201">
        <v>0</v>
      </c>
      <c r="CF15" s="195">
        <v>0</v>
      </c>
      <c r="CG15" s="195">
        <v>0</v>
      </c>
      <c r="CH15" s="196">
        <v>0</v>
      </c>
      <c r="CI15" s="197">
        <v>0</v>
      </c>
      <c r="CJ15" s="197">
        <v>0</v>
      </c>
      <c r="CK15" s="197">
        <v>0</v>
      </c>
      <c r="CL15" s="195">
        <v>0</v>
      </c>
      <c r="CM15" s="198">
        <v>0</v>
      </c>
      <c r="CN15" s="200">
        <v>0</v>
      </c>
      <c r="CO15" s="201">
        <v>0</v>
      </c>
      <c r="CP15" s="195">
        <v>0</v>
      </c>
      <c r="CQ15" s="195">
        <v>0</v>
      </c>
      <c r="CR15" s="196">
        <v>4</v>
      </c>
      <c r="CS15" s="197">
        <v>6</v>
      </c>
      <c r="CT15" s="197">
        <v>5</v>
      </c>
      <c r="CU15" s="197">
        <v>9</v>
      </c>
      <c r="CV15" s="195">
        <v>20</v>
      </c>
      <c r="CW15" s="198">
        <v>44</v>
      </c>
      <c r="CX15" s="199">
        <v>44</v>
      </c>
      <c r="CY15" s="194">
        <v>0</v>
      </c>
      <c r="CZ15" s="195">
        <v>0</v>
      </c>
      <c r="DA15" s="195">
        <v>0</v>
      </c>
      <c r="DB15" s="196">
        <v>3</v>
      </c>
      <c r="DC15" s="197">
        <v>6</v>
      </c>
      <c r="DD15" s="197">
        <v>5</v>
      </c>
      <c r="DE15" s="197">
        <v>9</v>
      </c>
      <c r="DF15" s="195">
        <v>17</v>
      </c>
      <c r="DG15" s="198">
        <v>40</v>
      </c>
      <c r="DH15" s="200">
        <v>40</v>
      </c>
      <c r="DI15" s="201">
        <v>0</v>
      </c>
      <c r="DJ15" s="195">
        <v>0</v>
      </c>
      <c r="DK15" s="195">
        <v>0</v>
      </c>
      <c r="DL15" s="196">
        <v>1</v>
      </c>
      <c r="DM15" s="197">
        <v>0</v>
      </c>
      <c r="DN15" s="197">
        <v>0</v>
      </c>
      <c r="DO15" s="197">
        <v>0</v>
      </c>
      <c r="DP15" s="195">
        <v>3</v>
      </c>
      <c r="DQ15" s="198">
        <v>4</v>
      </c>
      <c r="DR15" s="200">
        <v>4</v>
      </c>
      <c r="DS15" s="201">
        <v>0</v>
      </c>
      <c r="DT15" s="195">
        <v>0</v>
      </c>
      <c r="DU15" s="195">
        <v>0</v>
      </c>
      <c r="DV15" s="196">
        <v>79</v>
      </c>
      <c r="DW15" s="197">
        <v>102</v>
      </c>
      <c r="DX15" s="197">
        <v>338</v>
      </c>
      <c r="DY15" s="197">
        <v>520</v>
      </c>
      <c r="DZ15" s="195">
        <v>273</v>
      </c>
      <c r="EA15" s="198">
        <v>1312</v>
      </c>
      <c r="EB15" s="200">
        <v>1312</v>
      </c>
      <c r="EC15" s="37"/>
    </row>
    <row r="16" spans="2:133" ht="20.25" customHeight="1" x14ac:dyDescent="0.2">
      <c r="B16" s="62" t="s">
        <v>12</v>
      </c>
      <c r="C16" s="194">
        <v>0</v>
      </c>
      <c r="D16" s="195">
        <v>0</v>
      </c>
      <c r="E16" s="195">
        <v>0</v>
      </c>
      <c r="F16" s="196">
        <v>2</v>
      </c>
      <c r="G16" s="197">
        <v>16</v>
      </c>
      <c r="H16" s="197">
        <v>180</v>
      </c>
      <c r="I16" s="197">
        <v>304</v>
      </c>
      <c r="J16" s="195">
        <v>236</v>
      </c>
      <c r="K16" s="198">
        <v>738</v>
      </c>
      <c r="L16" s="199">
        <v>738</v>
      </c>
      <c r="M16" s="194">
        <v>0</v>
      </c>
      <c r="N16" s="195">
        <v>0</v>
      </c>
      <c r="O16" s="198">
        <v>0</v>
      </c>
      <c r="P16" s="196">
        <v>2</v>
      </c>
      <c r="Q16" s="197">
        <v>16</v>
      </c>
      <c r="R16" s="197">
        <v>180</v>
      </c>
      <c r="S16" s="197">
        <v>303</v>
      </c>
      <c r="T16" s="195">
        <v>231</v>
      </c>
      <c r="U16" s="198">
        <v>732</v>
      </c>
      <c r="V16" s="200">
        <v>732</v>
      </c>
      <c r="W16" s="201">
        <v>0</v>
      </c>
      <c r="X16" s="195">
        <v>0</v>
      </c>
      <c r="Y16" s="198">
        <v>0</v>
      </c>
      <c r="Z16" s="201">
        <v>0</v>
      </c>
      <c r="AA16" s="197">
        <v>0</v>
      </c>
      <c r="AB16" s="197">
        <v>0</v>
      </c>
      <c r="AC16" s="197">
        <v>1</v>
      </c>
      <c r="AD16" s="195">
        <v>5</v>
      </c>
      <c r="AE16" s="198">
        <v>6</v>
      </c>
      <c r="AF16" s="202">
        <v>6</v>
      </c>
      <c r="AG16" s="201">
        <v>0</v>
      </c>
      <c r="AH16" s="195">
        <v>0</v>
      </c>
      <c r="AI16" s="198">
        <v>0</v>
      </c>
      <c r="AJ16" s="201">
        <v>45</v>
      </c>
      <c r="AK16" s="197">
        <v>78</v>
      </c>
      <c r="AL16" s="197">
        <v>161</v>
      </c>
      <c r="AM16" s="197">
        <v>168</v>
      </c>
      <c r="AN16" s="195">
        <v>71</v>
      </c>
      <c r="AO16" s="198">
        <v>523</v>
      </c>
      <c r="AP16" s="202">
        <v>523</v>
      </c>
      <c r="AQ16" s="201">
        <v>0</v>
      </c>
      <c r="AR16" s="195">
        <v>0</v>
      </c>
      <c r="AS16" s="198">
        <v>0</v>
      </c>
      <c r="AT16" s="196">
        <v>45</v>
      </c>
      <c r="AU16" s="197">
        <v>77</v>
      </c>
      <c r="AV16" s="197">
        <v>159</v>
      </c>
      <c r="AW16" s="197">
        <v>164</v>
      </c>
      <c r="AX16" s="195">
        <v>71</v>
      </c>
      <c r="AY16" s="198">
        <v>516</v>
      </c>
      <c r="AZ16" s="199">
        <v>516</v>
      </c>
      <c r="BA16" s="194">
        <v>0</v>
      </c>
      <c r="BB16" s="195">
        <v>0</v>
      </c>
      <c r="BC16" s="195">
        <v>0</v>
      </c>
      <c r="BD16" s="196">
        <v>0</v>
      </c>
      <c r="BE16" s="197">
        <v>1</v>
      </c>
      <c r="BF16" s="197">
        <v>2</v>
      </c>
      <c r="BG16" s="197">
        <v>4</v>
      </c>
      <c r="BH16" s="195">
        <v>0</v>
      </c>
      <c r="BI16" s="198">
        <v>7</v>
      </c>
      <c r="BJ16" s="200">
        <v>7</v>
      </c>
      <c r="BK16" s="201">
        <v>0</v>
      </c>
      <c r="BL16" s="195">
        <v>0</v>
      </c>
      <c r="BM16" s="195">
        <v>0</v>
      </c>
      <c r="BN16" s="196">
        <v>0</v>
      </c>
      <c r="BO16" s="197">
        <v>0</v>
      </c>
      <c r="BP16" s="197">
        <v>0</v>
      </c>
      <c r="BQ16" s="197">
        <v>0</v>
      </c>
      <c r="BR16" s="195">
        <v>2</v>
      </c>
      <c r="BS16" s="198">
        <v>2</v>
      </c>
      <c r="BT16" s="199">
        <v>2</v>
      </c>
      <c r="BU16" s="194">
        <v>0</v>
      </c>
      <c r="BV16" s="195">
        <v>0</v>
      </c>
      <c r="BW16" s="195">
        <v>0</v>
      </c>
      <c r="BX16" s="196">
        <v>0</v>
      </c>
      <c r="BY16" s="197">
        <v>0</v>
      </c>
      <c r="BZ16" s="197">
        <v>0</v>
      </c>
      <c r="CA16" s="197">
        <v>0</v>
      </c>
      <c r="CB16" s="195">
        <v>2</v>
      </c>
      <c r="CC16" s="198">
        <v>2</v>
      </c>
      <c r="CD16" s="200">
        <v>2</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1</v>
      </c>
      <c r="CT16" s="197">
        <v>2</v>
      </c>
      <c r="CU16" s="197">
        <v>15</v>
      </c>
      <c r="CV16" s="195">
        <v>11</v>
      </c>
      <c r="CW16" s="198">
        <v>29</v>
      </c>
      <c r="CX16" s="199">
        <v>29</v>
      </c>
      <c r="CY16" s="194">
        <v>0</v>
      </c>
      <c r="CZ16" s="195">
        <v>0</v>
      </c>
      <c r="DA16" s="195">
        <v>0</v>
      </c>
      <c r="DB16" s="196">
        <v>0</v>
      </c>
      <c r="DC16" s="197">
        <v>1</v>
      </c>
      <c r="DD16" s="197">
        <v>2</v>
      </c>
      <c r="DE16" s="197">
        <v>15</v>
      </c>
      <c r="DF16" s="195">
        <v>11</v>
      </c>
      <c r="DG16" s="198">
        <v>29</v>
      </c>
      <c r="DH16" s="200">
        <v>29</v>
      </c>
      <c r="DI16" s="201">
        <v>0</v>
      </c>
      <c r="DJ16" s="195">
        <v>0</v>
      </c>
      <c r="DK16" s="195">
        <v>0</v>
      </c>
      <c r="DL16" s="196">
        <v>0</v>
      </c>
      <c r="DM16" s="197">
        <v>0</v>
      </c>
      <c r="DN16" s="197">
        <v>0</v>
      </c>
      <c r="DO16" s="197">
        <v>0</v>
      </c>
      <c r="DP16" s="195">
        <v>0</v>
      </c>
      <c r="DQ16" s="198">
        <v>0</v>
      </c>
      <c r="DR16" s="200">
        <v>0</v>
      </c>
      <c r="DS16" s="201">
        <v>0</v>
      </c>
      <c r="DT16" s="195">
        <v>0</v>
      </c>
      <c r="DU16" s="195">
        <v>0</v>
      </c>
      <c r="DV16" s="196">
        <v>47</v>
      </c>
      <c r="DW16" s="197">
        <v>95</v>
      </c>
      <c r="DX16" s="197">
        <v>341</v>
      </c>
      <c r="DY16" s="197">
        <v>484</v>
      </c>
      <c r="DZ16" s="195">
        <v>318</v>
      </c>
      <c r="EA16" s="198">
        <v>1285</v>
      </c>
      <c r="EB16" s="200">
        <v>1285</v>
      </c>
      <c r="EC16" s="37"/>
    </row>
    <row r="17" spans="2:133" ht="20.25" customHeight="1" x14ac:dyDescent="0.2">
      <c r="B17" s="62" t="s">
        <v>13</v>
      </c>
      <c r="C17" s="194">
        <v>0</v>
      </c>
      <c r="D17" s="195">
        <v>0</v>
      </c>
      <c r="E17" s="195">
        <v>0</v>
      </c>
      <c r="F17" s="196">
        <v>3</v>
      </c>
      <c r="G17" s="197">
        <v>2</v>
      </c>
      <c r="H17" s="197">
        <v>66</v>
      </c>
      <c r="I17" s="197">
        <v>145</v>
      </c>
      <c r="J17" s="195">
        <v>119</v>
      </c>
      <c r="K17" s="198">
        <v>335</v>
      </c>
      <c r="L17" s="199">
        <v>335</v>
      </c>
      <c r="M17" s="194">
        <v>0</v>
      </c>
      <c r="N17" s="195">
        <v>0</v>
      </c>
      <c r="O17" s="198">
        <v>0</v>
      </c>
      <c r="P17" s="196">
        <v>3</v>
      </c>
      <c r="Q17" s="197">
        <v>2</v>
      </c>
      <c r="R17" s="197">
        <v>65</v>
      </c>
      <c r="S17" s="197">
        <v>145</v>
      </c>
      <c r="T17" s="195">
        <v>118</v>
      </c>
      <c r="U17" s="198">
        <v>333</v>
      </c>
      <c r="V17" s="200">
        <v>333</v>
      </c>
      <c r="W17" s="201">
        <v>0</v>
      </c>
      <c r="X17" s="195">
        <v>0</v>
      </c>
      <c r="Y17" s="198">
        <v>0</v>
      </c>
      <c r="Z17" s="201">
        <v>0</v>
      </c>
      <c r="AA17" s="197">
        <v>0</v>
      </c>
      <c r="AB17" s="197">
        <v>1</v>
      </c>
      <c r="AC17" s="197">
        <v>0</v>
      </c>
      <c r="AD17" s="195">
        <v>1</v>
      </c>
      <c r="AE17" s="198">
        <v>2</v>
      </c>
      <c r="AF17" s="202">
        <v>2</v>
      </c>
      <c r="AG17" s="201">
        <v>0</v>
      </c>
      <c r="AH17" s="195">
        <v>0</v>
      </c>
      <c r="AI17" s="198">
        <v>0</v>
      </c>
      <c r="AJ17" s="201">
        <v>13</v>
      </c>
      <c r="AK17" s="197">
        <v>28</v>
      </c>
      <c r="AL17" s="197">
        <v>37</v>
      </c>
      <c r="AM17" s="197">
        <v>23</v>
      </c>
      <c r="AN17" s="195">
        <v>19</v>
      </c>
      <c r="AO17" s="198">
        <v>120</v>
      </c>
      <c r="AP17" s="202">
        <v>120</v>
      </c>
      <c r="AQ17" s="201">
        <v>0</v>
      </c>
      <c r="AR17" s="195">
        <v>0</v>
      </c>
      <c r="AS17" s="198">
        <v>0</v>
      </c>
      <c r="AT17" s="196">
        <v>13</v>
      </c>
      <c r="AU17" s="197">
        <v>28</v>
      </c>
      <c r="AV17" s="197">
        <v>34</v>
      </c>
      <c r="AW17" s="197">
        <v>23</v>
      </c>
      <c r="AX17" s="195">
        <v>18</v>
      </c>
      <c r="AY17" s="198">
        <v>116</v>
      </c>
      <c r="AZ17" s="199">
        <v>116</v>
      </c>
      <c r="BA17" s="194">
        <v>0</v>
      </c>
      <c r="BB17" s="195">
        <v>0</v>
      </c>
      <c r="BC17" s="195">
        <v>0</v>
      </c>
      <c r="BD17" s="196">
        <v>0</v>
      </c>
      <c r="BE17" s="197">
        <v>0</v>
      </c>
      <c r="BF17" s="197">
        <v>3</v>
      </c>
      <c r="BG17" s="197">
        <v>0</v>
      </c>
      <c r="BH17" s="195">
        <v>1</v>
      </c>
      <c r="BI17" s="198">
        <v>4</v>
      </c>
      <c r="BJ17" s="200">
        <v>4</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0</v>
      </c>
      <c r="CW17" s="198">
        <v>0</v>
      </c>
      <c r="CX17" s="199">
        <v>0</v>
      </c>
      <c r="CY17" s="194">
        <v>0</v>
      </c>
      <c r="CZ17" s="195">
        <v>0</v>
      </c>
      <c r="DA17" s="195">
        <v>0</v>
      </c>
      <c r="DB17" s="196">
        <v>0</v>
      </c>
      <c r="DC17" s="197">
        <v>0</v>
      </c>
      <c r="DD17" s="197">
        <v>0</v>
      </c>
      <c r="DE17" s="197">
        <v>0</v>
      </c>
      <c r="DF17" s="195">
        <v>0</v>
      </c>
      <c r="DG17" s="198">
        <v>0</v>
      </c>
      <c r="DH17" s="200">
        <v>0</v>
      </c>
      <c r="DI17" s="201">
        <v>0</v>
      </c>
      <c r="DJ17" s="195">
        <v>0</v>
      </c>
      <c r="DK17" s="195">
        <v>0</v>
      </c>
      <c r="DL17" s="196">
        <v>0</v>
      </c>
      <c r="DM17" s="197">
        <v>0</v>
      </c>
      <c r="DN17" s="197">
        <v>0</v>
      </c>
      <c r="DO17" s="197">
        <v>0</v>
      </c>
      <c r="DP17" s="195">
        <v>0</v>
      </c>
      <c r="DQ17" s="198">
        <v>0</v>
      </c>
      <c r="DR17" s="200">
        <v>0</v>
      </c>
      <c r="DS17" s="201">
        <v>0</v>
      </c>
      <c r="DT17" s="195">
        <v>0</v>
      </c>
      <c r="DU17" s="195">
        <v>0</v>
      </c>
      <c r="DV17" s="196">
        <v>16</v>
      </c>
      <c r="DW17" s="197">
        <v>30</v>
      </c>
      <c r="DX17" s="197">
        <v>103</v>
      </c>
      <c r="DY17" s="197">
        <v>168</v>
      </c>
      <c r="DZ17" s="195">
        <v>138</v>
      </c>
      <c r="EA17" s="198">
        <v>455</v>
      </c>
      <c r="EB17" s="200">
        <v>455</v>
      </c>
      <c r="EC17" s="37"/>
    </row>
    <row r="18" spans="2:133" ht="20.25" customHeight="1" x14ac:dyDescent="0.2">
      <c r="B18" s="62" t="s">
        <v>15</v>
      </c>
      <c r="C18" s="194">
        <v>0</v>
      </c>
      <c r="D18" s="195">
        <v>0</v>
      </c>
      <c r="E18" s="195">
        <v>0</v>
      </c>
      <c r="F18" s="196">
        <v>0</v>
      </c>
      <c r="G18" s="197">
        <v>1</v>
      </c>
      <c r="H18" s="197">
        <v>84</v>
      </c>
      <c r="I18" s="197">
        <v>133</v>
      </c>
      <c r="J18" s="195">
        <v>81</v>
      </c>
      <c r="K18" s="198">
        <v>299</v>
      </c>
      <c r="L18" s="199">
        <v>299</v>
      </c>
      <c r="M18" s="194">
        <v>0</v>
      </c>
      <c r="N18" s="195">
        <v>0</v>
      </c>
      <c r="O18" s="198">
        <v>0</v>
      </c>
      <c r="P18" s="196">
        <v>0</v>
      </c>
      <c r="Q18" s="197">
        <v>1</v>
      </c>
      <c r="R18" s="197">
        <v>84</v>
      </c>
      <c r="S18" s="197">
        <v>132</v>
      </c>
      <c r="T18" s="195">
        <v>79</v>
      </c>
      <c r="U18" s="198">
        <v>296</v>
      </c>
      <c r="V18" s="200">
        <v>296</v>
      </c>
      <c r="W18" s="201">
        <v>0</v>
      </c>
      <c r="X18" s="195">
        <v>0</v>
      </c>
      <c r="Y18" s="198">
        <v>0</v>
      </c>
      <c r="Z18" s="201">
        <v>0</v>
      </c>
      <c r="AA18" s="197">
        <v>0</v>
      </c>
      <c r="AB18" s="197">
        <v>0</v>
      </c>
      <c r="AC18" s="197">
        <v>1</v>
      </c>
      <c r="AD18" s="195">
        <v>2</v>
      </c>
      <c r="AE18" s="198">
        <v>3</v>
      </c>
      <c r="AF18" s="202">
        <v>3</v>
      </c>
      <c r="AG18" s="201">
        <v>0</v>
      </c>
      <c r="AH18" s="195">
        <v>0</v>
      </c>
      <c r="AI18" s="198">
        <v>0</v>
      </c>
      <c r="AJ18" s="201">
        <v>29</v>
      </c>
      <c r="AK18" s="197">
        <v>32</v>
      </c>
      <c r="AL18" s="197">
        <v>43</v>
      </c>
      <c r="AM18" s="197">
        <v>52</v>
      </c>
      <c r="AN18" s="195">
        <v>26</v>
      </c>
      <c r="AO18" s="198">
        <v>182</v>
      </c>
      <c r="AP18" s="202">
        <v>182</v>
      </c>
      <c r="AQ18" s="201">
        <v>0</v>
      </c>
      <c r="AR18" s="195">
        <v>0</v>
      </c>
      <c r="AS18" s="198">
        <v>0</v>
      </c>
      <c r="AT18" s="196">
        <v>28</v>
      </c>
      <c r="AU18" s="197">
        <v>32</v>
      </c>
      <c r="AV18" s="197">
        <v>43</v>
      </c>
      <c r="AW18" s="197">
        <v>50</v>
      </c>
      <c r="AX18" s="195">
        <v>25</v>
      </c>
      <c r="AY18" s="198">
        <v>178</v>
      </c>
      <c r="AZ18" s="199">
        <v>178</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1</v>
      </c>
      <c r="BS18" s="198">
        <v>1</v>
      </c>
      <c r="BT18" s="199">
        <v>1</v>
      </c>
      <c r="BU18" s="194">
        <v>0</v>
      </c>
      <c r="BV18" s="195">
        <v>0</v>
      </c>
      <c r="BW18" s="195">
        <v>0</v>
      </c>
      <c r="BX18" s="196">
        <v>0</v>
      </c>
      <c r="BY18" s="197">
        <v>0</v>
      </c>
      <c r="BZ18" s="197">
        <v>0</v>
      </c>
      <c r="CA18" s="197">
        <v>0</v>
      </c>
      <c r="CB18" s="195">
        <v>1</v>
      </c>
      <c r="CC18" s="198">
        <v>1</v>
      </c>
      <c r="CD18" s="200">
        <v>1</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9</v>
      </c>
      <c r="DW18" s="197">
        <v>33</v>
      </c>
      <c r="DX18" s="197">
        <v>127</v>
      </c>
      <c r="DY18" s="197">
        <v>185</v>
      </c>
      <c r="DZ18" s="195">
        <v>107</v>
      </c>
      <c r="EA18" s="198">
        <v>481</v>
      </c>
      <c r="EB18" s="200">
        <v>481</v>
      </c>
      <c r="EC18" s="37"/>
    </row>
    <row r="19" spans="2:133" ht="20.25" customHeight="1" x14ac:dyDescent="0.2">
      <c r="B19" s="62" t="s">
        <v>16</v>
      </c>
      <c r="C19" s="194">
        <v>0</v>
      </c>
      <c r="D19" s="195">
        <v>0</v>
      </c>
      <c r="E19" s="195">
        <v>0</v>
      </c>
      <c r="F19" s="196">
        <v>7</v>
      </c>
      <c r="G19" s="197">
        <v>23</v>
      </c>
      <c r="H19" s="197">
        <v>193</v>
      </c>
      <c r="I19" s="197">
        <v>280</v>
      </c>
      <c r="J19" s="195">
        <v>207</v>
      </c>
      <c r="K19" s="198">
        <v>710</v>
      </c>
      <c r="L19" s="199">
        <v>710</v>
      </c>
      <c r="M19" s="194">
        <v>0</v>
      </c>
      <c r="N19" s="195">
        <v>0</v>
      </c>
      <c r="O19" s="198">
        <v>0</v>
      </c>
      <c r="P19" s="196">
        <v>7</v>
      </c>
      <c r="Q19" s="197">
        <v>23</v>
      </c>
      <c r="R19" s="197">
        <v>193</v>
      </c>
      <c r="S19" s="197">
        <v>278</v>
      </c>
      <c r="T19" s="195">
        <v>202</v>
      </c>
      <c r="U19" s="198">
        <v>703</v>
      </c>
      <c r="V19" s="200">
        <v>703</v>
      </c>
      <c r="W19" s="201">
        <v>0</v>
      </c>
      <c r="X19" s="195">
        <v>0</v>
      </c>
      <c r="Y19" s="198">
        <v>0</v>
      </c>
      <c r="Z19" s="201">
        <v>0</v>
      </c>
      <c r="AA19" s="197">
        <v>0</v>
      </c>
      <c r="AB19" s="197">
        <v>0</v>
      </c>
      <c r="AC19" s="197">
        <v>2</v>
      </c>
      <c r="AD19" s="195">
        <v>5</v>
      </c>
      <c r="AE19" s="198">
        <v>7</v>
      </c>
      <c r="AF19" s="202">
        <v>7</v>
      </c>
      <c r="AG19" s="201">
        <v>0</v>
      </c>
      <c r="AH19" s="195">
        <v>0</v>
      </c>
      <c r="AI19" s="198">
        <v>0</v>
      </c>
      <c r="AJ19" s="201">
        <v>66</v>
      </c>
      <c r="AK19" s="197">
        <v>95</v>
      </c>
      <c r="AL19" s="197">
        <v>127</v>
      </c>
      <c r="AM19" s="197">
        <v>150</v>
      </c>
      <c r="AN19" s="195">
        <v>51</v>
      </c>
      <c r="AO19" s="198">
        <v>489</v>
      </c>
      <c r="AP19" s="202">
        <v>489</v>
      </c>
      <c r="AQ19" s="201">
        <v>0</v>
      </c>
      <c r="AR19" s="195">
        <v>0</v>
      </c>
      <c r="AS19" s="198">
        <v>0</v>
      </c>
      <c r="AT19" s="196">
        <v>66</v>
      </c>
      <c r="AU19" s="197">
        <v>94</v>
      </c>
      <c r="AV19" s="197">
        <v>126</v>
      </c>
      <c r="AW19" s="197">
        <v>149</v>
      </c>
      <c r="AX19" s="195">
        <v>50</v>
      </c>
      <c r="AY19" s="198">
        <v>485</v>
      </c>
      <c r="AZ19" s="199">
        <v>485</v>
      </c>
      <c r="BA19" s="194">
        <v>0</v>
      </c>
      <c r="BB19" s="195">
        <v>0</v>
      </c>
      <c r="BC19" s="195">
        <v>0</v>
      </c>
      <c r="BD19" s="196">
        <v>0</v>
      </c>
      <c r="BE19" s="197">
        <v>1</v>
      </c>
      <c r="BF19" s="197">
        <v>1</v>
      </c>
      <c r="BG19" s="197">
        <v>1</v>
      </c>
      <c r="BH19" s="195">
        <v>1</v>
      </c>
      <c r="BI19" s="198">
        <v>4</v>
      </c>
      <c r="BJ19" s="200">
        <v>4</v>
      </c>
      <c r="BK19" s="201">
        <v>0</v>
      </c>
      <c r="BL19" s="195">
        <v>0</v>
      </c>
      <c r="BM19" s="195">
        <v>0</v>
      </c>
      <c r="BN19" s="196">
        <v>0</v>
      </c>
      <c r="BO19" s="197">
        <v>0</v>
      </c>
      <c r="BP19" s="197">
        <v>0</v>
      </c>
      <c r="BQ19" s="197">
        <v>0</v>
      </c>
      <c r="BR19" s="195">
        <v>2</v>
      </c>
      <c r="BS19" s="198">
        <v>2</v>
      </c>
      <c r="BT19" s="199">
        <v>2</v>
      </c>
      <c r="BU19" s="194">
        <v>0</v>
      </c>
      <c r="BV19" s="195">
        <v>0</v>
      </c>
      <c r="BW19" s="195">
        <v>0</v>
      </c>
      <c r="BX19" s="196">
        <v>0</v>
      </c>
      <c r="BY19" s="197">
        <v>0</v>
      </c>
      <c r="BZ19" s="197">
        <v>0</v>
      </c>
      <c r="CA19" s="197">
        <v>0</v>
      </c>
      <c r="CB19" s="195">
        <v>2</v>
      </c>
      <c r="CC19" s="198">
        <v>2</v>
      </c>
      <c r="CD19" s="200">
        <v>2</v>
      </c>
      <c r="CE19" s="201">
        <v>0</v>
      </c>
      <c r="CF19" s="195">
        <v>0</v>
      </c>
      <c r="CG19" s="195">
        <v>0</v>
      </c>
      <c r="CH19" s="196">
        <v>0</v>
      </c>
      <c r="CI19" s="197">
        <v>0</v>
      </c>
      <c r="CJ19" s="197">
        <v>0</v>
      </c>
      <c r="CK19" s="197">
        <v>0</v>
      </c>
      <c r="CL19" s="195">
        <v>0</v>
      </c>
      <c r="CM19" s="198">
        <v>0</v>
      </c>
      <c r="CN19" s="200">
        <v>0</v>
      </c>
      <c r="CO19" s="201">
        <v>0</v>
      </c>
      <c r="CP19" s="195">
        <v>0</v>
      </c>
      <c r="CQ19" s="195">
        <v>0</v>
      </c>
      <c r="CR19" s="196">
        <v>0</v>
      </c>
      <c r="CS19" s="197">
        <v>1</v>
      </c>
      <c r="CT19" s="197">
        <v>4</v>
      </c>
      <c r="CU19" s="197">
        <v>14</v>
      </c>
      <c r="CV19" s="195">
        <v>12</v>
      </c>
      <c r="CW19" s="198">
        <v>31</v>
      </c>
      <c r="CX19" s="199">
        <v>31</v>
      </c>
      <c r="CY19" s="194">
        <v>0</v>
      </c>
      <c r="CZ19" s="195">
        <v>0</v>
      </c>
      <c r="DA19" s="195">
        <v>0</v>
      </c>
      <c r="DB19" s="196">
        <v>0</v>
      </c>
      <c r="DC19" s="197">
        <v>1</v>
      </c>
      <c r="DD19" s="197">
        <v>4</v>
      </c>
      <c r="DE19" s="197">
        <v>14</v>
      </c>
      <c r="DF19" s="195">
        <v>12</v>
      </c>
      <c r="DG19" s="198">
        <v>31</v>
      </c>
      <c r="DH19" s="200">
        <v>31</v>
      </c>
      <c r="DI19" s="201">
        <v>0</v>
      </c>
      <c r="DJ19" s="195">
        <v>0</v>
      </c>
      <c r="DK19" s="195">
        <v>0</v>
      </c>
      <c r="DL19" s="196">
        <v>0</v>
      </c>
      <c r="DM19" s="197">
        <v>0</v>
      </c>
      <c r="DN19" s="197">
        <v>0</v>
      </c>
      <c r="DO19" s="197">
        <v>0</v>
      </c>
      <c r="DP19" s="195">
        <v>0</v>
      </c>
      <c r="DQ19" s="198">
        <v>0</v>
      </c>
      <c r="DR19" s="200">
        <v>0</v>
      </c>
      <c r="DS19" s="201">
        <v>0</v>
      </c>
      <c r="DT19" s="195">
        <v>0</v>
      </c>
      <c r="DU19" s="195">
        <v>0</v>
      </c>
      <c r="DV19" s="196">
        <v>73</v>
      </c>
      <c r="DW19" s="197">
        <v>119</v>
      </c>
      <c r="DX19" s="197">
        <v>321</v>
      </c>
      <c r="DY19" s="197">
        <v>442</v>
      </c>
      <c r="DZ19" s="195">
        <v>271</v>
      </c>
      <c r="EA19" s="198">
        <v>1226</v>
      </c>
      <c r="EB19" s="200">
        <v>1226</v>
      </c>
      <c r="EC19" s="37"/>
    </row>
    <row r="20" spans="2:133" ht="20.25" customHeight="1" x14ac:dyDescent="0.2">
      <c r="B20" s="62" t="s">
        <v>17</v>
      </c>
      <c r="C20" s="194">
        <v>0</v>
      </c>
      <c r="D20" s="195">
        <v>0</v>
      </c>
      <c r="E20" s="195">
        <v>0</v>
      </c>
      <c r="F20" s="196">
        <v>5</v>
      </c>
      <c r="G20" s="197">
        <v>16</v>
      </c>
      <c r="H20" s="197">
        <v>201</v>
      </c>
      <c r="I20" s="197">
        <v>287</v>
      </c>
      <c r="J20" s="195">
        <v>195</v>
      </c>
      <c r="K20" s="198">
        <v>704</v>
      </c>
      <c r="L20" s="199">
        <v>704</v>
      </c>
      <c r="M20" s="194">
        <v>0</v>
      </c>
      <c r="N20" s="195">
        <v>0</v>
      </c>
      <c r="O20" s="198">
        <v>0</v>
      </c>
      <c r="P20" s="196">
        <v>5</v>
      </c>
      <c r="Q20" s="197">
        <v>16</v>
      </c>
      <c r="R20" s="197">
        <v>200</v>
      </c>
      <c r="S20" s="197">
        <v>286</v>
      </c>
      <c r="T20" s="195">
        <v>193</v>
      </c>
      <c r="U20" s="198">
        <v>700</v>
      </c>
      <c r="V20" s="200">
        <v>700</v>
      </c>
      <c r="W20" s="201">
        <v>0</v>
      </c>
      <c r="X20" s="195">
        <v>0</v>
      </c>
      <c r="Y20" s="198">
        <v>0</v>
      </c>
      <c r="Z20" s="201">
        <v>0</v>
      </c>
      <c r="AA20" s="197">
        <v>0</v>
      </c>
      <c r="AB20" s="197">
        <v>1</v>
      </c>
      <c r="AC20" s="197">
        <v>1</v>
      </c>
      <c r="AD20" s="195">
        <v>2</v>
      </c>
      <c r="AE20" s="198">
        <v>4</v>
      </c>
      <c r="AF20" s="202">
        <v>4</v>
      </c>
      <c r="AG20" s="201">
        <v>0</v>
      </c>
      <c r="AH20" s="195">
        <v>0</v>
      </c>
      <c r="AI20" s="198">
        <v>0</v>
      </c>
      <c r="AJ20" s="201">
        <v>39</v>
      </c>
      <c r="AK20" s="197">
        <v>98</v>
      </c>
      <c r="AL20" s="197">
        <v>135</v>
      </c>
      <c r="AM20" s="197">
        <v>118</v>
      </c>
      <c r="AN20" s="195">
        <v>76</v>
      </c>
      <c r="AO20" s="198">
        <v>466</v>
      </c>
      <c r="AP20" s="202">
        <v>466</v>
      </c>
      <c r="AQ20" s="201">
        <v>0</v>
      </c>
      <c r="AR20" s="195">
        <v>0</v>
      </c>
      <c r="AS20" s="198">
        <v>0</v>
      </c>
      <c r="AT20" s="196">
        <v>37</v>
      </c>
      <c r="AU20" s="197">
        <v>97</v>
      </c>
      <c r="AV20" s="197">
        <v>131</v>
      </c>
      <c r="AW20" s="197">
        <v>114</v>
      </c>
      <c r="AX20" s="195">
        <v>75</v>
      </c>
      <c r="AY20" s="198">
        <v>454</v>
      </c>
      <c r="AZ20" s="199">
        <v>454</v>
      </c>
      <c r="BA20" s="194">
        <v>0</v>
      </c>
      <c r="BB20" s="195">
        <v>0</v>
      </c>
      <c r="BC20" s="195">
        <v>0</v>
      </c>
      <c r="BD20" s="196">
        <v>2</v>
      </c>
      <c r="BE20" s="197">
        <v>1</v>
      </c>
      <c r="BF20" s="197">
        <v>4</v>
      </c>
      <c r="BG20" s="197">
        <v>4</v>
      </c>
      <c r="BH20" s="195">
        <v>1</v>
      </c>
      <c r="BI20" s="198">
        <v>12</v>
      </c>
      <c r="BJ20" s="200">
        <v>12</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4</v>
      </c>
      <c r="CV20" s="195">
        <v>15</v>
      </c>
      <c r="CW20" s="198">
        <v>20</v>
      </c>
      <c r="CX20" s="199">
        <v>20</v>
      </c>
      <c r="CY20" s="194">
        <v>0</v>
      </c>
      <c r="CZ20" s="195">
        <v>0</v>
      </c>
      <c r="DA20" s="195">
        <v>0</v>
      </c>
      <c r="DB20" s="196">
        <v>0</v>
      </c>
      <c r="DC20" s="197">
        <v>0</v>
      </c>
      <c r="DD20" s="197">
        <v>1</v>
      </c>
      <c r="DE20" s="197">
        <v>4</v>
      </c>
      <c r="DF20" s="195">
        <v>14</v>
      </c>
      <c r="DG20" s="198">
        <v>19</v>
      </c>
      <c r="DH20" s="200">
        <v>19</v>
      </c>
      <c r="DI20" s="201">
        <v>0</v>
      </c>
      <c r="DJ20" s="195">
        <v>0</v>
      </c>
      <c r="DK20" s="195">
        <v>0</v>
      </c>
      <c r="DL20" s="196">
        <v>0</v>
      </c>
      <c r="DM20" s="197">
        <v>0</v>
      </c>
      <c r="DN20" s="197">
        <v>0</v>
      </c>
      <c r="DO20" s="197">
        <v>0</v>
      </c>
      <c r="DP20" s="195">
        <v>1</v>
      </c>
      <c r="DQ20" s="198">
        <v>1</v>
      </c>
      <c r="DR20" s="200">
        <v>1</v>
      </c>
      <c r="DS20" s="201">
        <v>0</v>
      </c>
      <c r="DT20" s="195">
        <v>0</v>
      </c>
      <c r="DU20" s="195">
        <v>0</v>
      </c>
      <c r="DV20" s="196">
        <v>44</v>
      </c>
      <c r="DW20" s="197">
        <v>114</v>
      </c>
      <c r="DX20" s="197">
        <v>337</v>
      </c>
      <c r="DY20" s="197">
        <v>409</v>
      </c>
      <c r="DZ20" s="195">
        <v>290</v>
      </c>
      <c r="EA20" s="198">
        <v>1194</v>
      </c>
      <c r="EB20" s="200">
        <v>1194</v>
      </c>
      <c r="EC20" s="37"/>
    </row>
    <row r="21" spans="2:133" ht="20.25" customHeight="1" x14ac:dyDescent="0.2">
      <c r="B21" s="62" t="s">
        <v>18</v>
      </c>
      <c r="C21" s="194">
        <v>0</v>
      </c>
      <c r="D21" s="195">
        <v>0</v>
      </c>
      <c r="E21" s="195">
        <v>0</v>
      </c>
      <c r="F21" s="196">
        <v>5</v>
      </c>
      <c r="G21" s="197">
        <v>14</v>
      </c>
      <c r="H21" s="197">
        <v>182</v>
      </c>
      <c r="I21" s="197">
        <v>387</v>
      </c>
      <c r="J21" s="195">
        <v>267</v>
      </c>
      <c r="K21" s="198">
        <v>855</v>
      </c>
      <c r="L21" s="199">
        <v>855</v>
      </c>
      <c r="M21" s="194">
        <v>0</v>
      </c>
      <c r="N21" s="195">
        <v>0</v>
      </c>
      <c r="O21" s="198">
        <v>0</v>
      </c>
      <c r="P21" s="196">
        <v>5</v>
      </c>
      <c r="Q21" s="197">
        <v>14</v>
      </c>
      <c r="R21" s="197">
        <v>178</v>
      </c>
      <c r="S21" s="197">
        <v>385</v>
      </c>
      <c r="T21" s="195">
        <v>263</v>
      </c>
      <c r="U21" s="198">
        <v>845</v>
      </c>
      <c r="V21" s="200">
        <v>845</v>
      </c>
      <c r="W21" s="201">
        <v>0</v>
      </c>
      <c r="X21" s="195">
        <v>0</v>
      </c>
      <c r="Y21" s="198">
        <v>0</v>
      </c>
      <c r="Z21" s="201">
        <v>0</v>
      </c>
      <c r="AA21" s="197">
        <v>0</v>
      </c>
      <c r="AB21" s="197">
        <v>4</v>
      </c>
      <c r="AC21" s="197">
        <v>2</v>
      </c>
      <c r="AD21" s="195">
        <v>4</v>
      </c>
      <c r="AE21" s="198">
        <v>10</v>
      </c>
      <c r="AF21" s="202">
        <v>10</v>
      </c>
      <c r="AG21" s="201">
        <v>0</v>
      </c>
      <c r="AH21" s="195">
        <v>0</v>
      </c>
      <c r="AI21" s="198">
        <v>0</v>
      </c>
      <c r="AJ21" s="201">
        <v>32</v>
      </c>
      <c r="AK21" s="197">
        <v>55</v>
      </c>
      <c r="AL21" s="197">
        <v>98</v>
      </c>
      <c r="AM21" s="197">
        <v>114</v>
      </c>
      <c r="AN21" s="195">
        <v>71</v>
      </c>
      <c r="AO21" s="198">
        <v>370</v>
      </c>
      <c r="AP21" s="202">
        <v>370</v>
      </c>
      <c r="AQ21" s="201">
        <v>0</v>
      </c>
      <c r="AR21" s="195">
        <v>0</v>
      </c>
      <c r="AS21" s="198">
        <v>0</v>
      </c>
      <c r="AT21" s="196">
        <v>31</v>
      </c>
      <c r="AU21" s="197">
        <v>53</v>
      </c>
      <c r="AV21" s="197">
        <v>95</v>
      </c>
      <c r="AW21" s="197">
        <v>113</v>
      </c>
      <c r="AX21" s="195">
        <v>70</v>
      </c>
      <c r="AY21" s="198">
        <v>362</v>
      </c>
      <c r="AZ21" s="199">
        <v>362</v>
      </c>
      <c r="BA21" s="194">
        <v>0</v>
      </c>
      <c r="BB21" s="195">
        <v>0</v>
      </c>
      <c r="BC21" s="195">
        <v>0</v>
      </c>
      <c r="BD21" s="196">
        <v>1</v>
      </c>
      <c r="BE21" s="197">
        <v>2</v>
      </c>
      <c r="BF21" s="197">
        <v>3</v>
      </c>
      <c r="BG21" s="197">
        <v>1</v>
      </c>
      <c r="BH21" s="195">
        <v>1</v>
      </c>
      <c r="BI21" s="198">
        <v>8</v>
      </c>
      <c r="BJ21" s="200">
        <v>8</v>
      </c>
      <c r="BK21" s="201">
        <v>0</v>
      </c>
      <c r="BL21" s="195">
        <v>0</v>
      </c>
      <c r="BM21" s="195">
        <v>0</v>
      </c>
      <c r="BN21" s="196">
        <v>0</v>
      </c>
      <c r="BO21" s="197">
        <v>0</v>
      </c>
      <c r="BP21" s="197">
        <v>0</v>
      </c>
      <c r="BQ21" s="197">
        <v>2</v>
      </c>
      <c r="BR21" s="195">
        <v>9</v>
      </c>
      <c r="BS21" s="198">
        <v>11</v>
      </c>
      <c r="BT21" s="199">
        <v>11</v>
      </c>
      <c r="BU21" s="194">
        <v>0</v>
      </c>
      <c r="BV21" s="195">
        <v>0</v>
      </c>
      <c r="BW21" s="195">
        <v>0</v>
      </c>
      <c r="BX21" s="196">
        <v>0</v>
      </c>
      <c r="BY21" s="197">
        <v>0</v>
      </c>
      <c r="BZ21" s="197">
        <v>0</v>
      </c>
      <c r="CA21" s="197">
        <v>2</v>
      </c>
      <c r="CB21" s="195">
        <v>9</v>
      </c>
      <c r="CC21" s="198">
        <v>11</v>
      </c>
      <c r="CD21" s="200">
        <v>11</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12</v>
      </c>
      <c r="CV21" s="195">
        <v>18</v>
      </c>
      <c r="CW21" s="198">
        <v>31</v>
      </c>
      <c r="CX21" s="199">
        <v>31</v>
      </c>
      <c r="CY21" s="194">
        <v>0</v>
      </c>
      <c r="CZ21" s="195">
        <v>0</v>
      </c>
      <c r="DA21" s="195">
        <v>0</v>
      </c>
      <c r="DB21" s="196">
        <v>0</v>
      </c>
      <c r="DC21" s="197">
        <v>0</v>
      </c>
      <c r="DD21" s="197">
        <v>1</v>
      </c>
      <c r="DE21" s="197">
        <v>12</v>
      </c>
      <c r="DF21" s="195">
        <v>17</v>
      </c>
      <c r="DG21" s="198">
        <v>30</v>
      </c>
      <c r="DH21" s="200">
        <v>30</v>
      </c>
      <c r="DI21" s="201">
        <v>0</v>
      </c>
      <c r="DJ21" s="195">
        <v>0</v>
      </c>
      <c r="DK21" s="195">
        <v>0</v>
      </c>
      <c r="DL21" s="196">
        <v>0</v>
      </c>
      <c r="DM21" s="197">
        <v>0</v>
      </c>
      <c r="DN21" s="197">
        <v>0</v>
      </c>
      <c r="DO21" s="197">
        <v>0</v>
      </c>
      <c r="DP21" s="195">
        <v>1</v>
      </c>
      <c r="DQ21" s="198">
        <v>1</v>
      </c>
      <c r="DR21" s="200">
        <v>1</v>
      </c>
      <c r="DS21" s="201">
        <v>0</v>
      </c>
      <c r="DT21" s="195">
        <v>0</v>
      </c>
      <c r="DU21" s="195">
        <v>0</v>
      </c>
      <c r="DV21" s="196">
        <v>37</v>
      </c>
      <c r="DW21" s="197">
        <v>69</v>
      </c>
      <c r="DX21" s="197">
        <v>281</v>
      </c>
      <c r="DY21" s="197">
        <v>512</v>
      </c>
      <c r="DZ21" s="195">
        <v>364</v>
      </c>
      <c r="EA21" s="198">
        <v>1263</v>
      </c>
      <c r="EB21" s="200">
        <v>1263</v>
      </c>
      <c r="EC21" s="37"/>
    </row>
    <row r="22" spans="2:133" ht="20.25" customHeight="1" x14ac:dyDescent="0.2">
      <c r="B22" s="62" t="s">
        <v>19</v>
      </c>
      <c r="C22" s="194">
        <v>0</v>
      </c>
      <c r="D22" s="195">
        <v>0</v>
      </c>
      <c r="E22" s="195">
        <v>0</v>
      </c>
      <c r="F22" s="196">
        <v>0</v>
      </c>
      <c r="G22" s="197">
        <v>8</v>
      </c>
      <c r="H22" s="197">
        <v>114</v>
      </c>
      <c r="I22" s="197">
        <v>140</v>
      </c>
      <c r="J22" s="195">
        <v>89</v>
      </c>
      <c r="K22" s="198">
        <v>351</v>
      </c>
      <c r="L22" s="199">
        <v>351</v>
      </c>
      <c r="M22" s="194">
        <v>0</v>
      </c>
      <c r="N22" s="195">
        <v>0</v>
      </c>
      <c r="O22" s="198">
        <v>0</v>
      </c>
      <c r="P22" s="196">
        <v>0</v>
      </c>
      <c r="Q22" s="197">
        <v>8</v>
      </c>
      <c r="R22" s="197">
        <v>113</v>
      </c>
      <c r="S22" s="197">
        <v>140</v>
      </c>
      <c r="T22" s="195">
        <v>89</v>
      </c>
      <c r="U22" s="198">
        <v>350</v>
      </c>
      <c r="V22" s="200">
        <v>350</v>
      </c>
      <c r="W22" s="201">
        <v>0</v>
      </c>
      <c r="X22" s="195">
        <v>0</v>
      </c>
      <c r="Y22" s="198">
        <v>0</v>
      </c>
      <c r="Z22" s="201">
        <v>0</v>
      </c>
      <c r="AA22" s="197">
        <v>0</v>
      </c>
      <c r="AB22" s="197">
        <v>1</v>
      </c>
      <c r="AC22" s="197">
        <v>0</v>
      </c>
      <c r="AD22" s="195">
        <v>0</v>
      </c>
      <c r="AE22" s="198">
        <v>1</v>
      </c>
      <c r="AF22" s="202">
        <v>1</v>
      </c>
      <c r="AG22" s="201">
        <v>0</v>
      </c>
      <c r="AH22" s="195">
        <v>0</v>
      </c>
      <c r="AI22" s="198">
        <v>0</v>
      </c>
      <c r="AJ22" s="201">
        <v>24</v>
      </c>
      <c r="AK22" s="197">
        <v>48</v>
      </c>
      <c r="AL22" s="197">
        <v>66</v>
      </c>
      <c r="AM22" s="197">
        <v>58</v>
      </c>
      <c r="AN22" s="195">
        <v>36</v>
      </c>
      <c r="AO22" s="198">
        <v>232</v>
      </c>
      <c r="AP22" s="202">
        <v>232</v>
      </c>
      <c r="AQ22" s="201">
        <v>0</v>
      </c>
      <c r="AR22" s="195">
        <v>0</v>
      </c>
      <c r="AS22" s="198">
        <v>0</v>
      </c>
      <c r="AT22" s="196">
        <v>24</v>
      </c>
      <c r="AU22" s="197">
        <v>48</v>
      </c>
      <c r="AV22" s="197">
        <v>64</v>
      </c>
      <c r="AW22" s="197">
        <v>57</v>
      </c>
      <c r="AX22" s="195">
        <v>36</v>
      </c>
      <c r="AY22" s="198">
        <v>229</v>
      </c>
      <c r="AZ22" s="199">
        <v>229</v>
      </c>
      <c r="BA22" s="194">
        <v>0</v>
      </c>
      <c r="BB22" s="195">
        <v>0</v>
      </c>
      <c r="BC22" s="195">
        <v>0</v>
      </c>
      <c r="BD22" s="196">
        <v>0</v>
      </c>
      <c r="BE22" s="197">
        <v>0</v>
      </c>
      <c r="BF22" s="197">
        <v>2</v>
      </c>
      <c r="BG22" s="197">
        <v>1</v>
      </c>
      <c r="BH22" s="195">
        <v>0</v>
      </c>
      <c r="BI22" s="198">
        <v>3</v>
      </c>
      <c r="BJ22" s="200">
        <v>3</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3</v>
      </c>
      <c r="CV22" s="195">
        <v>5</v>
      </c>
      <c r="CW22" s="198">
        <v>8</v>
      </c>
      <c r="CX22" s="199">
        <v>8</v>
      </c>
      <c r="CY22" s="194">
        <v>0</v>
      </c>
      <c r="CZ22" s="195">
        <v>0</v>
      </c>
      <c r="DA22" s="195">
        <v>0</v>
      </c>
      <c r="DB22" s="196">
        <v>0</v>
      </c>
      <c r="DC22" s="197">
        <v>0</v>
      </c>
      <c r="DD22" s="197">
        <v>0</v>
      </c>
      <c r="DE22" s="197">
        <v>3</v>
      </c>
      <c r="DF22" s="195">
        <v>4</v>
      </c>
      <c r="DG22" s="198">
        <v>7</v>
      </c>
      <c r="DH22" s="200">
        <v>7</v>
      </c>
      <c r="DI22" s="201">
        <v>0</v>
      </c>
      <c r="DJ22" s="195">
        <v>0</v>
      </c>
      <c r="DK22" s="195">
        <v>0</v>
      </c>
      <c r="DL22" s="196">
        <v>0</v>
      </c>
      <c r="DM22" s="197">
        <v>0</v>
      </c>
      <c r="DN22" s="197">
        <v>0</v>
      </c>
      <c r="DO22" s="197">
        <v>0</v>
      </c>
      <c r="DP22" s="195">
        <v>1</v>
      </c>
      <c r="DQ22" s="198">
        <v>1</v>
      </c>
      <c r="DR22" s="200">
        <v>1</v>
      </c>
      <c r="DS22" s="201">
        <v>0</v>
      </c>
      <c r="DT22" s="195">
        <v>0</v>
      </c>
      <c r="DU22" s="195">
        <v>0</v>
      </c>
      <c r="DV22" s="196">
        <v>24</v>
      </c>
      <c r="DW22" s="197">
        <v>56</v>
      </c>
      <c r="DX22" s="197">
        <v>178</v>
      </c>
      <c r="DY22" s="197">
        <v>200</v>
      </c>
      <c r="DZ22" s="195">
        <v>129</v>
      </c>
      <c r="EA22" s="198">
        <v>587</v>
      </c>
      <c r="EB22" s="200">
        <v>587</v>
      </c>
      <c r="EC22" s="37"/>
    </row>
    <row r="23" spans="2:133" ht="20.25" customHeight="1" x14ac:dyDescent="0.2">
      <c r="B23" s="62" t="s">
        <v>20</v>
      </c>
      <c r="C23" s="194">
        <v>0</v>
      </c>
      <c r="D23" s="195">
        <v>0</v>
      </c>
      <c r="E23" s="195">
        <v>0</v>
      </c>
      <c r="F23" s="196">
        <v>4</v>
      </c>
      <c r="G23" s="197">
        <v>23</v>
      </c>
      <c r="H23" s="197">
        <v>151</v>
      </c>
      <c r="I23" s="197">
        <v>195</v>
      </c>
      <c r="J23" s="195">
        <v>110</v>
      </c>
      <c r="K23" s="198">
        <v>483</v>
      </c>
      <c r="L23" s="199">
        <v>483</v>
      </c>
      <c r="M23" s="194">
        <v>0</v>
      </c>
      <c r="N23" s="195">
        <v>0</v>
      </c>
      <c r="O23" s="198">
        <v>0</v>
      </c>
      <c r="P23" s="196">
        <v>4</v>
      </c>
      <c r="Q23" s="197">
        <v>23</v>
      </c>
      <c r="R23" s="197">
        <v>150</v>
      </c>
      <c r="S23" s="197">
        <v>193</v>
      </c>
      <c r="T23" s="195">
        <v>108</v>
      </c>
      <c r="U23" s="198">
        <v>478</v>
      </c>
      <c r="V23" s="200">
        <v>478</v>
      </c>
      <c r="W23" s="201">
        <v>0</v>
      </c>
      <c r="X23" s="195">
        <v>0</v>
      </c>
      <c r="Y23" s="198">
        <v>0</v>
      </c>
      <c r="Z23" s="201">
        <v>0</v>
      </c>
      <c r="AA23" s="197">
        <v>0</v>
      </c>
      <c r="AB23" s="197">
        <v>1</v>
      </c>
      <c r="AC23" s="197">
        <v>2</v>
      </c>
      <c r="AD23" s="195">
        <v>2</v>
      </c>
      <c r="AE23" s="198">
        <v>5</v>
      </c>
      <c r="AF23" s="202">
        <v>5</v>
      </c>
      <c r="AG23" s="201">
        <v>0</v>
      </c>
      <c r="AH23" s="195">
        <v>0</v>
      </c>
      <c r="AI23" s="198">
        <v>0</v>
      </c>
      <c r="AJ23" s="201">
        <v>22</v>
      </c>
      <c r="AK23" s="197">
        <v>37</v>
      </c>
      <c r="AL23" s="197">
        <v>43</v>
      </c>
      <c r="AM23" s="197">
        <v>47</v>
      </c>
      <c r="AN23" s="195">
        <v>21</v>
      </c>
      <c r="AO23" s="198">
        <v>170</v>
      </c>
      <c r="AP23" s="202">
        <v>170</v>
      </c>
      <c r="AQ23" s="201">
        <v>0</v>
      </c>
      <c r="AR23" s="195">
        <v>0</v>
      </c>
      <c r="AS23" s="198">
        <v>0</v>
      </c>
      <c r="AT23" s="196">
        <v>22</v>
      </c>
      <c r="AU23" s="197">
        <v>37</v>
      </c>
      <c r="AV23" s="197">
        <v>42</v>
      </c>
      <c r="AW23" s="197">
        <v>46</v>
      </c>
      <c r="AX23" s="195">
        <v>21</v>
      </c>
      <c r="AY23" s="198">
        <v>168</v>
      </c>
      <c r="AZ23" s="199">
        <v>168</v>
      </c>
      <c r="BA23" s="194">
        <v>0</v>
      </c>
      <c r="BB23" s="195">
        <v>0</v>
      </c>
      <c r="BC23" s="195">
        <v>0</v>
      </c>
      <c r="BD23" s="196">
        <v>0</v>
      </c>
      <c r="BE23" s="197">
        <v>0</v>
      </c>
      <c r="BF23" s="197">
        <v>1</v>
      </c>
      <c r="BG23" s="197">
        <v>1</v>
      </c>
      <c r="BH23" s="195">
        <v>0</v>
      </c>
      <c r="BI23" s="198">
        <v>2</v>
      </c>
      <c r="BJ23" s="200">
        <v>2</v>
      </c>
      <c r="BK23" s="201">
        <v>0</v>
      </c>
      <c r="BL23" s="195">
        <v>0</v>
      </c>
      <c r="BM23" s="195">
        <v>0</v>
      </c>
      <c r="BN23" s="196">
        <v>0</v>
      </c>
      <c r="BO23" s="197">
        <v>0</v>
      </c>
      <c r="BP23" s="197">
        <v>0</v>
      </c>
      <c r="BQ23" s="197">
        <v>1</v>
      </c>
      <c r="BR23" s="195">
        <v>2</v>
      </c>
      <c r="BS23" s="198">
        <v>3</v>
      </c>
      <c r="BT23" s="199">
        <v>3</v>
      </c>
      <c r="BU23" s="194">
        <v>0</v>
      </c>
      <c r="BV23" s="195">
        <v>0</v>
      </c>
      <c r="BW23" s="195">
        <v>0</v>
      </c>
      <c r="BX23" s="196">
        <v>0</v>
      </c>
      <c r="BY23" s="197">
        <v>0</v>
      </c>
      <c r="BZ23" s="197">
        <v>0</v>
      </c>
      <c r="CA23" s="197">
        <v>1</v>
      </c>
      <c r="CB23" s="195">
        <v>2</v>
      </c>
      <c r="CC23" s="198">
        <v>3</v>
      </c>
      <c r="CD23" s="200">
        <v>3</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1</v>
      </c>
      <c r="CU23" s="197">
        <v>0</v>
      </c>
      <c r="CV23" s="195">
        <v>6</v>
      </c>
      <c r="CW23" s="198">
        <v>7</v>
      </c>
      <c r="CX23" s="199">
        <v>7</v>
      </c>
      <c r="CY23" s="194">
        <v>0</v>
      </c>
      <c r="CZ23" s="195">
        <v>0</v>
      </c>
      <c r="DA23" s="195">
        <v>0</v>
      </c>
      <c r="DB23" s="196">
        <v>0</v>
      </c>
      <c r="DC23" s="197">
        <v>0</v>
      </c>
      <c r="DD23" s="197">
        <v>1</v>
      </c>
      <c r="DE23" s="197">
        <v>0</v>
      </c>
      <c r="DF23" s="195">
        <v>6</v>
      </c>
      <c r="DG23" s="198">
        <v>7</v>
      </c>
      <c r="DH23" s="200">
        <v>7</v>
      </c>
      <c r="DI23" s="201">
        <v>0</v>
      </c>
      <c r="DJ23" s="195">
        <v>0</v>
      </c>
      <c r="DK23" s="195">
        <v>0</v>
      </c>
      <c r="DL23" s="196">
        <v>0</v>
      </c>
      <c r="DM23" s="197">
        <v>0</v>
      </c>
      <c r="DN23" s="197">
        <v>0</v>
      </c>
      <c r="DO23" s="197">
        <v>0</v>
      </c>
      <c r="DP23" s="195">
        <v>0</v>
      </c>
      <c r="DQ23" s="198">
        <v>0</v>
      </c>
      <c r="DR23" s="200">
        <v>0</v>
      </c>
      <c r="DS23" s="201">
        <v>0</v>
      </c>
      <c r="DT23" s="195">
        <v>0</v>
      </c>
      <c r="DU23" s="195">
        <v>0</v>
      </c>
      <c r="DV23" s="196">
        <v>26</v>
      </c>
      <c r="DW23" s="197">
        <v>60</v>
      </c>
      <c r="DX23" s="197">
        <v>195</v>
      </c>
      <c r="DY23" s="197">
        <v>243</v>
      </c>
      <c r="DZ23" s="195">
        <v>139</v>
      </c>
      <c r="EA23" s="198">
        <v>663</v>
      </c>
      <c r="EB23" s="200">
        <v>663</v>
      </c>
      <c r="EC23" s="37"/>
    </row>
    <row r="24" spans="2:133" ht="20.25" customHeight="1" x14ac:dyDescent="0.2">
      <c r="B24" s="62" t="s">
        <v>21</v>
      </c>
      <c r="C24" s="194">
        <v>0</v>
      </c>
      <c r="D24" s="195">
        <v>0</v>
      </c>
      <c r="E24" s="195">
        <v>0</v>
      </c>
      <c r="F24" s="196">
        <v>3</v>
      </c>
      <c r="G24" s="197">
        <v>14</v>
      </c>
      <c r="H24" s="197">
        <v>178</v>
      </c>
      <c r="I24" s="197">
        <v>182</v>
      </c>
      <c r="J24" s="195">
        <v>143</v>
      </c>
      <c r="K24" s="198">
        <v>520</v>
      </c>
      <c r="L24" s="199">
        <v>520</v>
      </c>
      <c r="M24" s="194">
        <v>0</v>
      </c>
      <c r="N24" s="195">
        <v>0</v>
      </c>
      <c r="O24" s="198">
        <v>0</v>
      </c>
      <c r="P24" s="196">
        <v>3</v>
      </c>
      <c r="Q24" s="197">
        <v>14</v>
      </c>
      <c r="R24" s="197">
        <v>177</v>
      </c>
      <c r="S24" s="197">
        <v>182</v>
      </c>
      <c r="T24" s="195">
        <v>141</v>
      </c>
      <c r="U24" s="198">
        <v>517</v>
      </c>
      <c r="V24" s="200">
        <v>517</v>
      </c>
      <c r="W24" s="201">
        <v>0</v>
      </c>
      <c r="X24" s="195">
        <v>0</v>
      </c>
      <c r="Y24" s="198">
        <v>0</v>
      </c>
      <c r="Z24" s="201">
        <v>0</v>
      </c>
      <c r="AA24" s="197">
        <v>0</v>
      </c>
      <c r="AB24" s="197">
        <v>1</v>
      </c>
      <c r="AC24" s="197">
        <v>0</v>
      </c>
      <c r="AD24" s="195">
        <v>2</v>
      </c>
      <c r="AE24" s="198">
        <v>3</v>
      </c>
      <c r="AF24" s="202">
        <v>3</v>
      </c>
      <c r="AG24" s="201">
        <v>0</v>
      </c>
      <c r="AH24" s="195">
        <v>0</v>
      </c>
      <c r="AI24" s="198">
        <v>0</v>
      </c>
      <c r="AJ24" s="201">
        <v>21</v>
      </c>
      <c r="AK24" s="197">
        <v>31</v>
      </c>
      <c r="AL24" s="197">
        <v>38</v>
      </c>
      <c r="AM24" s="197">
        <v>46</v>
      </c>
      <c r="AN24" s="195">
        <v>23</v>
      </c>
      <c r="AO24" s="198">
        <v>159</v>
      </c>
      <c r="AP24" s="202">
        <v>159</v>
      </c>
      <c r="AQ24" s="201">
        <v>0</v>
      </c>
      <c r="AR24" s="195">
        <v>0</v>
      </c>
      <c r="AS24" s="198">
        <v>0</v>
      </c>
      <c r="AT24" s="196">
        <v>21</v>
      </c>
      <c r="AU24" s="197">
        <v>31</v>
      </c>
      <c r="AV24" s="197">
        <v>38</v>
      </c>
      <c r="AW24" s="197">
        <v>44</v>
      </c>
      <c r="AX24" s="195">
        <v>19</v>
      </c>
      <c r="AY24" s="198">
        <v>153</v>
      </c>
      <c r="AZ24" s="199">
        <v>153</v>
      </c>
      <c r="BA24" s="194">
        <v>0</v>
      </c>
      <c r="BB24" s="195">
        <v>0</v>
      </c>
      <c r="BC24" s="195">
        <v>0</v>
      </c>
      <c r="BD24" s="196">
        <v>0</v>
      </c>
      <c r="BE24" s="197">
        <v>0</v>
      </c>
      <c r="BF24" s="197">
        <v>0</v>
      </c>
      <c r="BG24" s="197">
        <v>2</v>
      </c>
      <c r="BH24" s="195">
        <v>4</v>
      </c>
      <c r="BI24" s="198">
        <v>6</v>
      </c>
      <c r="BJ24" s="200">
        <v>6</v>
      </c>
      <c r="BK24" s="201">
        <v>0</v>
      </c>
      <c r="BL24" s="195">
        <v>0</v>
      </c>
      <c r="BM24" s="195">
        <v>0</v>
      </c>
      <c r="BN24" s="196">
        <v>0</v>
      </c>
      <c r="BO24" s="197">
        <v>0</v>
      </c>
      <c r="BP24" s="197">
        <v>1</v>
      </c>
      <c r="BQ24" s="197">
        <v>1</v>
      </c>
      <c r="BR24" s="195">
        <v>2</v>
      </c>
      <c r="BS24" s="198">
        <v>4</v>
      </c>
      <c r="BT24" s="199">
        <v>4</v>
      </c>
      <c r="BU24" s="194">
        <v>0</v>
      </c>
      <c r="BV24" s="195">
        <v>0</v>
      </c>
      <c r="BW24" s="195">
        <v>0</v>
      </c>
      <c r="BX24" s="196">
        <v>0</v>
      </c>
      <c r="BY24" s="197">
        <v>0</v>
      </c>
      <c r="BZ24" s="197">
        <v>1</v>
      </c>
      <c r="CA24" s="197">
        <v>1</v>
      </c>
      <c r="CB24" s="195">
        <v>2</v>
      </c>
      <c r="CC24" s="198">
        <v>4</v>
      </c>
      <c r="CD24" s="200">
        <v>4</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10</v>
      </c>
      <c r="CV24" s="195">
        <v>12</v>
      </c>
      <c r="CW24" s="198">
        <v>23</v>
      </c>
      <c r="CX24" s="199">
        <v>23</v>
      </c>
      <c r="CY24" s="194">
        <v>0</v>
      </c>
      <c r="CZ24" s="195">
        <v>0</v>
      </c>
      <c r="DA24" s="195">
        <v>0</v>
      </c>
      <c r="DB24" s="196">
        <v>0</v>
      </c>
      <c r="DC24" s="197">
        <v>0</v>
      </c>
      <c r="DD24" s="197">
        <v>1</v>
      </c>
      <c r="DE24" s="197">
        <v>10</v>
      </c>
      <c r="DF24" s="195">
        <v>11</v>
      </c>
      <c r="DG24" s="198">
        <v>22</v>
      </c>
      <c r="DH24" s="200">
        <v>22</v>
      </c>
      <c r="DI24" s="201">
        <v>0</v>
      </c>
      <c r="DJ24" s="195">
        <v>0</v>
      </c>
      <c r="DK24" s="195">
        <v>0</v>
      </c>
      <c r="DL24" s="196">
        <v>0</v>
      </c>
      <c r="DM24" s="197">
        <v>0</v>
      </c>
      <c r="DN24" s="197">
        <v>0</v>
      </c>
      <c r="DO24" s="197">
        <v>0</v>
      </c>
      <c r="DP24" s="195">
        <v>1</v>
      </c>
      <c r="DQ24" s="198">
        <v>1</v>
      </c>
      <c r="DR24" s="200">
        <v>1</v>
      </c>
      <c r="DS24" s="201">
        <v>0</v>
      </c>
      <c r="DT24" s="195">
        <v>0</v>
      </c>
      <c r="DU24" s="195">
        <v>0</v>
      </c>
      <c r="DV24" s="196">
        <v>24</v>
      </c>
      <c r="DW24" s="197">
        <v>45</v>
      </c>
      <c r="DX24" s="197">
        <v>218</v>
      </c>
      <c r="DY24" s="197">
        <v>239</v>
      </c>
      <c r="DZ24" s="195">
        <v>180</v>
      </c>
      <c r="EA24" s="198">
        <v>706</v>
      </c>
      <c r="EB24" s="200">
        <v>706</v>
      </c>
      <c r="EC24" s="37"/>
    </row>
    <row r="25" spans="2:133" ht="20.25" customHeight="1" x14ac:dyDescent="0.2">
      <c r="B25" s="62" t="s">
        <v>22</v>
      </c>
      <c r="C25" s="194">
        <v>0</v>
      </c>
      <c r="D25" s="195">
        <v>0</v>
      </c>
      <c r="E25" s="195">
        <v>0</v>
      </c>
      <c r="F25" s="196">
        <v>2</v>
      </c>
      <c r="G25" s="197">
        <v>3</v>
      </c>
      <c r="H25" s="197">
        <v>45</v>
      </c>
      <c r="I25" s="197">
        <v>59</v>
      </c>
      <c r="J25" s="195">
        <v>33</v>
      </c>
      <c r="K25" s="198">
        <v>142</v>
      </c>
      <c r="L25" s="199">
        <v>142</v>
      </c>
      <c r="M25" s="194">
        <v>0</v>
      </c>
      <c r="N25" s="195">
        <v>0</v>
      </c>
      <c r="O25" s="198">
        <v>0</v>
      </c>
      <c r="P25" s="196">
        <v>2</v>
      </c>
      <c r="Q25" s="197">
        <v>3</v>
      </c>
      <c r="R25" s="197">
        <v>45</v>
      </c>
      <c r="S25" s="197">
        <v>59</v>
      </c>
      <c r="T25" s="195">
        <v>31</v>
      </c>
      <c r="U25" s="198">
        <v>140</v>
      </c>
      <c r="V25" s="200">
        <v>140</v>
      </c>
      <c r="W25" s="201">
        <v>0</v>
      </c>
      <c r="X25" s="195">
        <v>0</v>
      </c>
      <c r="Y25" s="198">
        <v>0</v>
      </c>
      <c r="Z25" s="201">
        <v>0</v>
      </c>
      <c r="AA25" s="197">
        <v>0</v>
      </c>
      <c r="AB25" s="197">
        <v>0</v>
      </c>
      <c r="AC25" s="197">
        <v>0</v>
      </c>
      <c r="AD25" s="195">
        <v>2</v>
      </c>
      <c r="AE25" s="198">
        <v>2</v>
      </c>
      <c r="AF25" s="202">
        <v>2</v>
      </c>
      <c r="AG25" s="201">
        <v>0</v>
      </c>
      <c r="AH25" s="195">
        <v>0</v>
      </c>
      <c r="AI25" s="198">
        <v>0</v>
      </c>
      <c r="AJ25" s="201">
        <v>10</v>
      </c>
      <c r="AK25" s="197">
        <v>24</v>
      </c>
      <c r="AL25" s="197">
        <v>33</v>
      </c>
      <c r="AM25" s="197">
        <v>37</v>
      </c>
      <c r="AN25" s="195">
        <v>18</v>
      </c>
      <c r="AO25" s="198">
        <v>122</v>
      </c>
      <c r="AP25" s="202">
        <v>122</v>
      </c>
      <c r="AQ25" s="201">
        <v>0</v>
      </c>
      <c r="AR25" s="195">
        <v>0</v>
      </c>
      <c r="AS25" s="198">
        <v>0</v>
      </c>
      <c r="AT25" s="196">
        <v>10</v>
      </c>
      <c r="AU25" s="197">
        <v>24</v>
      </c>
      <c r="AV25" s="197">
        <v>33</v>
      </c>
      <c r="AW25" s="197">
        <v>36</v>
      </c>
      <c r="AX25" s="195">
        <v>18</v>
      </c>
      <c r="AY25" s="198">
        <v>121</v>
      </c>
      <c r="AZ25" s="199">
        <v>121</v>
      </c>
      <c r="BA25" s="194">
        <v>0</v>
      </c>
      <c r="BB25" s="195">
        <v>0</v>
      </c>
      <c r="BC25" s="195">
        <v>0</v>
      </c>
      <c r="BD25" s="196">
        <v>0</v>
      </c>
      <c r="BE25" s="197">
        <v>0</v>
      </c>
      <c r="BF25" s="197">
        <v>0</v>
      </c>
      <c r="BG25" s="197">
        <v>1</v>
      </c>
      <c r="BH25" s="195">
        <v>0</v>
      </c>
      <c r="BI25" s="198">
        <v>1</v>
      </c>
      <c r="BJ25" s="200">
        <v>1</v>
      </c>
      <c r="BK25" s="201">
        <v>0</v>
      </c>
      <c r="BL25" s="195">
        <v>0</v>
      </c>
      <c r="BM25" s="195">
        <v>0</v>
      </c>
      <c r="BN25" s="196">
        <v>0</v>
      </c>
      <c r="BO25" s="197">
        <v>0</v>
      </c>
      <c r="BP25" s="197">
        <v>0</v>
      </c>
      <c r="BQ25" s="197">
        <v>0</v>
      </c>
      <c r="BR25" s="195">
        <v>4</v>
      </c>
      <c r="BS25" s="198">
        <v>4</v>
      </c>
      <c r="BT25" s="199">
        <v>4</v>
      </c>
      <c r="BU25" s="194">
        <v>0</v>
      </c>
      <c r="BV25" s="195">
        <v>0</v>
      </c>
      <c r="BW25" s="195">
        <v>0</v>
      </c>
      <c r="BX25" s="196">
        <v>0</v>
      </c>
      <c r="BY25" s="197">
        <v>0</v>
      </c>
      <c r="BZ25" s="197">
        <v>0</v>
      </c>
      <c r="CA25" s="197">
        <v>0</v>
      </c>
      <c r="CB25" s="195">
        <v>4</v>
      </c>
      <c r="CC25" s="198">
        <v>4</v>
      </c>
      <c r="CD25" s="200">
        <v>4</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1</v>
      </c>
      <c r="CU25" s="197">
        <v>3</v>
      </c>
      <c r="CV25" s="195">
        <v>3</v>
      </c>
      <c r="CW25" s="198">
        <v>7</v>
      </c>
      <c r="CX25" s="199">
        <v>7</v>
      </c>
      <c r="CY25" s="194">
        <v>0</v>
      </c>
      <c r="CZ25" s="195">
        <v>0</v>
      </c>
      <c r="DA25" s="195">
        <v>0</v>
      </c>
      <c r="DB25" s="196">
        <v>0</v>
      </c>
      <c r="DC25" s="197">
        <v>0</v>
      </c>
      <c r="DD25" s="197">
        <v>1</v>
      </c>
      <c r="DE25" s="197">
        <v>3</v>
      </c>
      <c r="DF25" s="195">
        <v>3</v>
      </c>
      <c r="DG25" s="198">
        <v>7</v>
      </c>
      <c r="DH25" s="200">
        <v>7</v>
      </c>
      <c r="DI25" s="201">
        <v>0</v>
      </c>
      <c r="DJ25" s="195">
        <v>0</v>
      </c>
      <c r="DK25" s="195">
        <v>0</v>
      </c>
      <c r="DL25" s="196">
        <v>0</v>
      </c>
      <c r="DM25" s="197">
        <v>0</v>
      </c>
      <c r="DN25" s="197">
        <v>0</v>
      </c>
      <c r="DO25" s="197">
        <v>0</v>
      </c>
      <c r="DP25" s="195">
        <v>0</v>
      </c>
      <c r="DQ25" s="198">
        <v>0</v>
      </c>
      <c r="DR25" s="200">
        <v>0</v>
      </c>
      <c r="DS25" s="201">
        <v>0</v>
      </c>
      <c r="DT25" s="195">
        <v>0</v>
      </c>
      <c r="DU25" s="195">
        <v>0</v>
      </c>
      <c r="DV25" s="196">
        <v>12</v>
      </c>
      <c r="DW25" s="197">
        <v>27</v>
      </c>
      <c r="DX25" s="197">
        <v>79</v>
      </c>
      <c r="DY25" s="197">
        <v>99</v>
      </c>
      <c r="DZ25" s="195">
        <v>58</v>
      </c>
      <c r="EA25" s="198">
        <v>275</v>
      </c>
      <c r="EB25" s="200">
        <v>275</v>
      </c>
      <c r="EC25" s="37"/>
    </row>
    <row r="26" spans="2:133" ht="20.25" customHeight="1" x14ac:dyDescent="0.2">
      <c r="B26" s="62" t="s">
        <v>23</v>
      </c>
      <c r="C26" s="194">
        <v>0</v>
      </c>
      <c r="D26" s="195">
        <v>0</v>
      </c>
      <c r="E26" s="195">
        <v>0</v>
      </c>
      <c r="F26" s="196">
        <v>4</v>
      </c>
      <c r="G26" s="197">
        <v>14</v>
      </c>
      <c r="H26" s="197">
        <v>80</v>
      </c>
      <c r="I26" s="197">
        <v>133</v>
      </c>
      <c r="J26" s="195">
        <v>101</v>
      </c>
      <c r="K26" s="198">
        <v>332</v>
      </c>
      <c r="L26" s="199">
        <v>332</v>
      </c>
      <c r="M26" s="194">
        <v>0</v>
      </c>
      <c r="N26" s="195">
        <v>0</v>
      </c>
      <c r="O26" s="198">
        <v>0</v>
      </c>
      <c r="P26" s="196">
        <v>4</v>
      </c>
      <c r="Q26" s="197">
        <v>14</v>
      </c>
      <c r="R26" s="197">
        <v>80</v>
      </c>
      <c r="S26" s="197">
        <v>133</v>
      </c>
      <c r="T26" s="195">
        <v>100</v>
      </c>
      <c r="U26" s="198">
        <v>331</v>
      </c>
      <c r="V26" s="200">
        <v>331</v>
      </c>
      <c r="W26" s="201">
        <v>0</v>
      </c>
      <c r="X26" s="195">
        <v>0</v>
      </c>
      <c r="Y26" s="198">
        <v>0</v>
      </c>
      <c r="Z26" s="201">
        <v>0</v>
      </c>
      <c r="AA26" s="197">
        <v>0</v>
      </c>
      <c r="AB26" s="197">
        <v>0</v>
      </c>
      <c r="AC26" s="197">
        <v>0</v>
      </c>
      <c r="AD26" s="195">
        <v>1</v>
      </c>
      <c r="AE26" s="198">
        <v>1</v>
      </c>
      <c r="AF26" s="202">
        <v>1</v>
      </c>
      <c r="AG26" s="201">
        <v>0</v>
      </c>
      <c r="AH26" s="195">
        <v>0</v>
      </c>
      <c r="AI26" s="198">
        <v>0</v>
      </c>
      <c r="AJ26" s="201">
        <v>17</v>
      </c>
      <c r="AK26" s="197">
        <v>28</v>
      </c>
      <c r="AL26" s="197">
        <v>36</v>
      </c>
      <c r="AM26" s="197">
        <v>55</v>
      </c>
      <c r="AN26" s="195">
        <v>31</v>
      </c>
      <c r="AO26" s="198">
        <v>167</v>
      </c>
      <c r="AP26" s="202">
        <v>167</v>
      </c>
      <c r="AQ26" s="201">
        <v>0</v>
      </c>
      <c r="AR26" s="195">
        <v>0</v>
      </c>
      <c r="AS26" s="198">
        <v>0</v>
      </c>
      <c r="AT26" s="196">
        <v>16</v>
      </c>
      <c r="AU26" s="197">
        <v>28</v>
      </c>
      <c r="AV26" s="197">
        <v>36</v>
      </c>
      <c r="AW26" s="197">
        <v>55</v>
      </c>
      <c r="AX26" s="195">
        <v>29</v>
      </c>
      <c r="AY26" s="198">
        <v>164</v>
      </c>
      <c r="AZ26" s="199">
        <v>164</v>
      </c>
      <c r="BA26" s="194">
        <v>0</v>
      </c>
      <c r="BB26" s="195">
        <v>0</v>
      </c>
      <c r="BC26" s="195">
        <v>0</v>
      </c>
      <c r="BD26" s="196">
        <v>1</v>
      </c>
      <c r="BE26" s="197">
        <v>0</v>
      </c>
      <c r="BF26" s="197">
        <v>0</v>
      </c>
      <c r="BG26" s="197">
        <v>0</v>
      </c>
      <c r="BH26" s="195">
        <v>2</v>
      </c>
      <c r="BI26" s="198">
        <v>3</v>
      </c>
      <c r="BJ26" s="200">
        <v>3</v>
      </c>
      <c r="BK26" s="201">
        <v>0</v>
      </c>
      <c r="BL26" s="195">
        <v>0</v>
      </c>
      <c r="BM26" s="195">
        <v>0</v>
      </c>
      <c r="BN26" s="196">
        <v>0</v>
      </c>
      <c r="BO26" s="197">
        <v>0</v>
      </c>
      <c r="BP26" s="197">
        <v>0</v>
      </c>
      <c r="BQ26" s="197">
        <v>2</v>
      </c>
      <c r="BR26" s="195">
        <v>1</v>
      </c>
      <c r="BS26" s="198">
        <v>3</v>
      </c>
      <c r="BT26" s="199">
        <v>3</v>
      </c>
      <c r="BU26" s="194">
        <v>0</v>
      </c>
      <c r="BV26" s="195">
        <v>0</v>
      </c>
      <c r="BW26" s="195">
        <v>0</v>
      </c>
      <c r="BX26" s="196">
        <v>0</v>
      </c>
      <c r="BY26" s="197">
        <v>0</v>
      </c>
      <c r="BZ26" s="197">
        <v>0</v>
      </c>
      <c r="CA26" s="197">
        <v>2</v>
      </c>
      <c r="CB26" s="195">
        <v>1</v>
      </c>
      <c r="CC26" s="198">
        <v>3</v>
      </c>
      <c r="CD26" s="200">
        <v>3</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1</v>
      </c>
      <c r="CU26" s="197">
        <v>3</v>
      </c>
      <c r="CV26" s="195">
        <v>4</v>
      </c>
      <c r="CW26" s="198">
        <v>8</v>
      </c>
      <c r="CX26" s="199">
        <v>8</v>
      </c>
      <c r="CY26" s="194">
        <v>0</v>
      </c>
      <c r="CZ26" s="195">
        <v>0</v>
      </c>
      <c r="DA26" s="195">
        <v>0</v>
      </c>
      <c r="DB26" s="196">
        <v>0</v>
      </c>
      <c r="DC26" s="197">
        <v>0</v>
      </c>
      <c r="DD26" s="197">
        <v>1</v>
      </c>
      <c r="DE26" s="197">
        <v>3</v>
      </c>
      <c r="DF26" s="195">
        <v>4</v>
      </c>
      <c r="DG26" s="198">
        <v>8</v>
      </c>
      <c r="DH26" s="200">
        <v>8</v>
      </c>
      <c r="DI26" s="201">
        <v>0</v>
      </c>
      <c r="DJ26" s="195">
        <v>0</v>
      </c>
      <c r="DK26" s="195">
        <v>0</v>
      </c>
      <c r="DL26" s="196">
        <v>0</v>
      </c>
      <c r="DM26" s="197">
        <v>0</v>
      </c>
      <c r="DN26" s="197">
        <v>0</v>
      </c>
      <c r="DO26" s="197">
        <v>0</v>
      </c>
      <c r="DP26" s="195">
        <v>0</v>
      </c>
      <c r="DQ26" s="198">
        <v>0</v>
      </c>
      <c r="DR26" s="200">
        <v>0</v>
      </c>
      <c r="DS26" s="201">
        <v>0</v>
      </c>
      <c r="DT26" s="195">
        <v>0</v>
      </c>
      <c r="DU26" s="195">
        <v>0</v>
      </c>
      <c r="DV26" s="196">
        <v>21</v>
      </c>
      <c r="DW26" s="197">
        <v>42</v>
      </c>
      <c r="DX26" s="197">
        <v>117</v>
      </c>
      <c r="DY26" s="197">
        <v>193</v>
      </c>
      <c r="DZ26" s="195">
        <v>136</v>
      </c>
      <c r="EA26" s="198">
        <v>509</v>
      </c>
      <c r="EB26" s="200">
        <v>509</v>
      </c>
      <c r="EC26" s="37"/>
    </row>
    <row r="27" spans="2:133" ht="20.25" customHeight="1" x14ac:dyDescent="0.2">
      <c r="B27" s="62" t="s">
        <v>24</v>
      </c>
      <c r="C27" s="194">
        <v>0</v>
      </c>
      <c r="D27" s="195">
        <v>0</v>
      </c>
      <c r="E27" s="195">
        <v>0</v>
      </c>
      <c r="F27" s="196">
        <v>0</v>
      </c>
      <c r="G27" s="197">
        <v>0</v>
      </c>
      <c r="H27" s="197">
        <v>34</v>
      </c>
      <c r="I27" s="197">
        <v>75</v>
      </c>
      <c r="J27" s="195">
        <v>59</v>
      </c>
      <c r="K27" s="198">
        <v>168</v>
      </c>
      <c r="L27" s="199">
        <v>168</v>
      </c>
      <c r="M27" s="194">
        <v>0</v>
      </c>
      <c r="N27" s="195">
        <v>0</v>
      </c>
      <c r="O27" s="198">
        <v>0</v>
      </c>
      <c r="P27" s="196">
        <v>0</v>
      </c>
      <c r="Q27" s="197">
        <v>0</v>
      </c>
      <c r="R27" s="197">
        <v>34</v>
      </c>
      <c r="S27" s="197">
        <v>75</v>
      </c>
      <c r="T27" s="195">
        <v>59</v>
      </c>
      <c r="U27" s="198">
        <v>168</v>
      </c>
      <c r="V27" s="200">
        <v>168</v>
      </c>
      <c r="W27" s="201">
        <v>0</v>
      </c>
      <c r="X27" s="195">
        <v>0</v>
      </c>
      <c r="Y27" s="198">
        <v>0</v>
      </c>
      <c r="Z27" s="201">
        <v>0</v>
      </c>
      <c r="AA27" s="197">
        <v>0</v>
      </c>
      <c r="AB27" s="197">
        <v>0</v>
      </c>
      <c r="AC27" s="197">
        <v>0</v>
      </c>
      <c r="AD27" s="195">
        <v>0</v>
      </c>
      <c r="AE27" s="198">
        <v>0</v>
      </c>
      <c r="AF27" s="202">
        <v>0</v>
      </c>
      <c r="AG27" s="201">
        <v>0</v>
      </c>
      <c r="AH27" s="195">
        <v>0</v>
      </c>
      <c r="AI27" s="198">
        <v>0</v>
      </c>
      <c r="AJ27" s="201">
        <v>7</v>
      </c>
      <c r="AK27" s="197">
        <v>16</v>
      </c>
      <c r="AL27" s="197">
        <v>24</v>
      </c>
      <c r="AM27" s="197">
        <v>35</v>
      </c>
      <c r="AN27" s="195">
        <v>6</v>
      </c>
      <c r="AO27" s="198">
        <v>88</v>
      </c>
      <c r="AP27" s="202">
        <v>88</v>
      </c>
      <c r="AQ27" s="201">
        <v>0</v>
      </c>
      <c r="AR27" s="195">
        <v>0</v>
      </c>
      <c r="AS27" s="198">
        <v>0</v>
      </c>
      <c r="AT27" s="196">
        <v>7</v>
      </c>
      <c r="AU27" s="197">
        <v>16</v>
      </c>
      <c r="AV27" s="197">
        <v>24</v>
      </c>
      <c r="AW27" s="197">
        <v>34</v>
      </c>
      <c r="AX27" s="195">
        <v>6</v>
      </c>
      <c r="AY27" s="198">
        <v>87</v>
      </c>
      <c r="AZ27" s="199">
        <v>87</v>
      </c>
      <c r="BA27" s="194">
        <v>0</v>
      </c>
      <c r="BB27" s="195">
        <v>0</v>
      </c>
      <c r="BC27" s="195">
        <v>0</v>
      </c>
      <c r="BD27" s="196">
        <v>0</v>
      </c>
      <c r="BE27" s="197">
        <v>0</v>
      </c>
      <c r="BF27" s="197">
        <v>0</v>
      </c>
      <c r="BG27" s="197">
        <v>1</v>
      </c>
      <c r="BH27" s="195">
        <v>0</v>
      </c>
      <c r="BI27" s="198">
        <v>1</v>
      </c>
      <c r="BJ27" s="200">
        <v>1</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7</v>
      </c>
      <c r="DW27" s="197">
        <v>16</v>
      </c>
      <c r="DX27" s="197">
        <v>56</v>
      </c>
      <c r="DY27" s="197">
        <v>109</v>
      </c>
      <c r="DZ27" s="195">
        <v>65</v>
      </c>
      <c r="EA27" s="198">
        <v>253</v>
      </c>
      <c r="EB27" s="200">
        <v>253</v>
      </c>
      <c r="EC27" s="37"/>
    </row>
    <row r="28" spans="2:133" ht="20.25" customHeight="1" x14ac:dyDescent="0.2">
      <c r="B28" s="62" t="s">
        <v>25</v>
      </c>
      <c r="C28" s="194">
        <v>0</v>
      </c>
      <c r="D28" s="195">
        <v>0</v>
      </c>
      <c r="E28" s="195">
        <v>0</v>
      </c>
      <c r="F28" s="196">
        <v>3</v>
      </c>
      <c r="G28" s="197">
        <v>10</v>
      </c>
      <c r="H28" s="197">
        <v>63</v>
      </c>
      <c r="I28" s="197">
        <v>74</v>
      </c>
      <c r="J28" s="195">
        <v>52</v>
      </c>
      <c r="K28" s="198">
        <v>202</v>
      </c>
      <c r="L28" s="199">
        <v>202</v>
      </c>
      <c r="M28" s="194">
        <v>0</v>
      </c>
      <c r="N28" s="195">
        <v>0</v>
      </c>
      <c r="O28" s="198">
        <v>0</v>
      </c>
      <c r="P28" s="196">
        <v>3</v>
      </c>
      <c r="Q28" s="197">
        <v>10</v>
      </c>
      <c r="R28" s="197">
        <v>63</v>
      </c>
      <c r="S28" s="197">
        <v>73</v>
      </c>
      <c r="T28" s="195">
        <v>48</v>
      </c>
      <c r="U28" s="198">
        <v>197</v>
      </c>
      <c r="V28" s="200">
        <v>197</v>
      </c>
      <c r="W28" s="201">
        <v>0</v>
      </c>
      <c r="X28" s="195">
        <v>0</v>
      </c>
      <c r="Y28" s="198">
        <v>0</v>
      </c>
      <c r="Z28" s="201">
        <v>0</v>
      </c>
      <c r="AA28" s="197">
        <v>0</v>
      </c>
      <c r="AB28" s="197">
        <v>0</v>
      </c>
      <c r="AC28" s="197">
        <v>1</v>
      </c>
      <c r="AD28" s="195">
        <v>4</v>
      </c>
      <c r="AE28" s="198">
        <v>5</v>
      </c>
      <c r="AF28" s="202">
        <v>5</v>
      </c>
      <c r="AG28" s="201">
        <v>0</v>
      </c>
      <c r="AH28" s="195">
        <v>0</v>
      </c>
      <c r="AI28" s="198">
        <v>0</v>
      </c>
      <c r="AJ28" s="201">
        <v>8</v>
      </c>
      <c r="AK28" s="197">
        <v>17</v>
      </c>
      <c r="AL28" s="197">
        <v>22</v>
      </c>
      <c r="AM28" s="197">
        <v>52</v>
      </c>
      <c r="AN28" s="195">
        <v>18</v>
      </c>
      <c r="AO28" s="198">
        <v>117</v>
      </c>
      <c r="AP28" s="202">
        <v>117</v>
      </c>
      <c r="AQ28" s="201">
        <v>0</v>
      </c>
      <c r="AR28" s="195">
        <v>0</v>
      </c>
      <c r="AS28" s="198">
        <v>0</v>
      </c>
      <c r="AT28" s="196">
        <v>8</v>
      </c>
      <c r="AU28" s="197">
        <v>17</v>
      </c>
      <c r="AV28" s="197">
        <v>22</v>
      </c>
      <c r="AW28" s="197">
        <v>51</v>
      </c>
      <c r="AX28" s="195">
        <v>18</v>
      </c>
      <c r="AY28" s="198">
        <v>116</v>
      </c>
      <c r="AZ28" s="199">
        <v>116</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1</v>
      </c>
      <c r="CV28" s="195">
        <v>1</v>
      </c>
      <c r="CW28" s="198">
        <v>2</v>
      </c>
      <c r="CX28" s="199">
        <v>2</v>
      </c>
      <c r="CY28" s="194">
        <v>0</v>
      </c>
      <c r="CZ28" s="195">
        <v>0</v>
      </c>
      <c r="DA28" s="195">
        <v>0</v>
      </c>
      <c r="DB28" s="196">
        <v>0</v>
      </c>
      <c r="DC28" s="197">
        <v>0</v>
      </c>
      <c r="DD28" s="197">
        <v>0</v>
      </c>
      <c r="DE28" s="197">
        <v>1</v>
      </c>
      <c r="DF28" s="195">
        <v>1</v>
      </c>
      <c r="DG28" s="198">
        <v>2</v>
      </c>
      <c r="DH28" s="200">
        <v>2</v>
      </c>
      <c r="DI28" s="201">
        <v>0</v>
      </c>
      <c r="DJ28" s="195">
        <v>0</v>
      </c>
      <c r="DK28" s="195">
        <v>0</v>
      </c>
      <c r="DL28" s="196">
        <v>0</v>
      </c>
      <c r="DM28" s="197">
        <v>0</v>
      </c>
      <c r="DN28" s="197">
        <v>0</v>
      </c>
      <c r="DO28" s="197">
        <v>0</v>
      </c>
      <c r="DP28" s="195">
        <v>0</v>
      </c>
      <c r="DQ28" s="198">
        <v>0</v>
      </c>
      <c r="DR28" s="200">
        <v>0</v>
      </c>
      <c r="DS28" s="201">
        <v>0</v>
      </c>
      <c r="DT28" s="195">
        <v>0</v>
      </c>
      <c r="DU28" s="195">
        <v>0</v>
      </c>
      <c r="DV28" s="196">
        <v>11</v>
      </c>
      <c r="DW28" s="197">
        <v>27</v>
      </c>
      <c r="DX28" s="197">
        <v>85</v>
      </c>
      <c r="DY28" s="197">
        <v>127</v>
      </c>
      <c r="DZ28" s="195">
        <v>71</v>
      </c>
      <c r="EA28" s="198">
        <v>321</v>
      </c>
      <c r="EB28" s="200">
        <v>321</v>
      </c>
      <c r="EC28" s="37"/>
    </row>
    <row r="29" spans="2:133" ht="20.25" customHeight="1" x14ac:dyDescent="0.2">
      <c r="B29" s="62" t="s">
        <v>26</v>
      </c>
      <c r="C29" s="194">
        <v>0</v>
      </c>
      <c r="D29" s="195">
        <v>0</v>
      </c>
      <c r="E29" s="195">
        <v>0</v>
      </c>
      <c r="F29" s="196">
        <v>0</v>
      </c>
      <c r="G29" s="197">
        <v>8</v>
      </c>
      <c r="H29" s="197">
        <v>35</v>
      </c>
      <c r="I29" s="197">
        <v>74</v>
      </c>
      <c r="J29" s="195">
        <v>54</v>
      </c>
      <c r="K29" s="198">
        <v>171</v>
      </c>
      <c r="L29" s="199">
        <v>171</v>
      </c>
      <c r="M29" s="194">
        <v>0</v>
      </c>
      <c r="N29" s="195">
        <v>0</v>
      </c>
      <c r="O29" s="198">
        <v>0</v>
      </c>
      <c r="P29" s="196">
        <v>0</v>
      </c>
      <c r="Q29" s="197">
        <v>8</v>
      </c>
      <c r="R29" s="197">
        <v>34</v>
      </c>
      <c r="S29" s="197">
        <v>73</v>
      </c>
      <c r="T29" s="195">
        <v>54</v>
      </c>
      <c r="U29" s="198">
        <v>169</v>
      </c>
      <c r="V29" s="200">
        <v>169</v>
      </c>
      <c r="W29" s="201">
        <v>0</v>
      </c>
      <c r="X29" s="195">
        <v>0</v>
      </c>
      <c r="Y29" s="198">
        <v>0</v>
      </c>
      <c r="Z29" s="201">
        <v>0</v>
      </c>
      <c r="AA29" s="197">
        <v>0</v>
      </c>
      <c r="AB29" s="197">
        <v>1</v>
      </c>
      <c r="AC29" s="197">
        <v>1</v>
      </c>
      <c r="AD29" s="195">
        <v>0</v>
      </c>
      <c r="AE29" s="198">
        <v>2</v>
      </c>
      <c r="AF29" s="202">
        <v>2</v>
      </c>
      <c r="AG29" s="201">
        <v>0</v>
      </c>
      <c r="AH29" s="195">
        <v>0</v>
      </c>
      <c r="AI29" s="198">
        <v>0</v>
      </c>
      <c r="AJ29" s="201">
        <v>10</v>
      </c>
      <c r="AK29" s="197">
        <v>23</v>
      </c>
      <c r="AL29" s="197">
        <v>21</v>
      </c>
      <c r="AM29" s="197">
        <v>18</v>
      </c>
      <c r="AN29" s="195">
        <v>11</v>
      </c>
      <c r="AO29" s="198">
        <v>83</v>
      </c>
      <c r="AP29" s="202">
        <v>83</v>
      </c>
      <c r="AQ29" s="201">
        <v>0</v>
      </c>
      <c r="AR29" s="195">
        <v>0</v>
      </c>
      <c r="AS29" s="198">
        <v>0</v>
      </c>
      <c r="AT29" s="196">
        <v>10</v>
      </c>
      <c r="AU29" s="197">
        <v>23</v>
      </c>
      <c r="AV29" s="197">
        <v>21</v>
      </c>
      <c r="AW29" s="197">
        <v>17</v>
      </c>
      <c r="AX29" s="195">
        <v>11</v>
      </c>
      <c r="AY29" s="198">
        <v>82</v>
      </c>
      <c r="AZ29" s="199">
        <v>82</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0</v>
      </c>
      <c r="CU29" s="197">
        <v>1</v>
      </c>
      <c r="CV29" s="195">
        <v>2</v>
      </c>
      <c r="CW29" s="198">
        <v>3</v>
      </c>
      <c r="CX29" s="199">
        <v>3</v>
      </c>
      <c r="CY29" s="194">
        <v>0</v>
      </c>
      <c r="CZ29" s="195">
        <v>0</v>
      </c>
      <c r="DA29" s="195">
        <v>0</v>
      </c>
      <c r="DB29" s="196">
        <v>0</v>
      </c>
      <c r="DC29" s="197">
        <v>0</v>
      </c>
      <c r="DD29" s="197">
        <v>0</v>
      </c>
      <c r="DE29" s="197">
        <v>1</v>
      </c>
      <c r="DF29" s="195">
        <v>2</v>
      </c>
      <c r="DG29" s="198">
        <v>3</v>
      </c>
      <c r="DH29" s="200">
        <v>3</v>
      </c>
      <c r="DI29" s="201">
        <v>0</v>
      </c>
      <c r="DJ29" s="195">
        <v>0</v>
      </c>
      <c r="DK29" s="195">
        <v>0</v>
      </c>
      <c r="DL29" s="196">
        <v>0</v>
      </c>
      <c r="DM29" s="197">
        <v>0</v>
      </c>
      <c r="DN29" s="197">
        <v>0</v>
      </c>
      <c r="DO29" s="197">
        <v>0</v>
      </c>
      <c r="DP29" s="195">
        <v>0</v>
      </c>
      <c r="DQ29" s="198">
        <v>0</v>
      </c>
      <c r="DR29" s="200">
        <v>0</v>
      </c>
      <c r="DS29" s="201">
        <v>0</v>
      </c>
      <c r="DT29" s="195">
        <v>0</v>
      </c>
      <c r="DU29" s="195">
        <v>0</v>
      </c>
      <c r="DV29" s="196">
        <v>10</v>
      </c>
      <c r="DW29" s="197">
        <v>31</v>
      </c>
      <c r="DX29" s="197">
        <v>56</v>
      </c>
      <c r="DY29" s="197">
        <v>93</v>
      </c>
      <c r="DZ29" s="195">
        <v>66</v>
      </c>
      <c r="EA29" s="198">
        <v>256</v>
      </c>
      <c r="EB29" s="200">
        <v>256</v>
      </c>
      <c r="EC29" s="37"/>
    </row>
    <row r="30" spans="2:133" ht="20.25" customHeight="1" x14ac:dyDescent="0.2">
      <c r="B30" s="62" t="s">
        <v>27</v>
      </c>
      <c r="C30" s="194">
        <v>0</v>
      </c>
      <c r="D30" s="195">
        <v>0</v>
      </c>
      <c r="E30" s="195">
        <v>0</v>
      </c>
      <c r="F30" s="196">
        <v>2</v>
      </c>
      <c r="G30" s="197">
        <v>2</v>
      </c>
      <c r="H30" s="197">
        <v>36</v>
      </c>
      <c r="I30" s="197">
        <v>54</v>
      </c>
      <c r="J30" s="195">
        <v>43</v>
      </c>
      <c r="K30" s="198">
        <v>137</v>
      </c>
      <c r="L30" s="199">
        <v>137</v>
      </c>
      <c r="M30" s="194">
        <v>0</v>
      </c>
      <c r="N30" s="195">
        <v>0</v>
      </c>
      <c r="O30" s="198">
        <v>0</v>
      </c>
      <c r="P30" s="196">
        <v>2</v>
      </c>
      <c r="Q30" s="197">
        <v>2</v>
      </c>
      <c r="R30" s="197">
        <v>34</v>
      </c>
      <c r="S30" s="197">
        <v>54</v>
      </c>
      <c r="T30" s="195">
        <v>43</v>
      </c>
      <c r="U30" s="198">
        <v>135</v>
      </c>
      <c r="V30" s="200">
        <v>135</v>
      </c>
      <c r="W30" s="201">
        <v>0</v>
      </c>
      <c r="X30" s="195">
        <v>0</v>
      </c>
      <c r="Y30" s="198">
        <v>0</v>
      </c>
      <c r="Z30" s="201">
        <v>0</v>
      </c>
      <c r="AA30" s="197">
        <v>0</v>
      </c>
      <c r="AB30" s="197">
        <v>2</v>
      </c>
      <c r="AC30" s="197">
        <v>0</v>
      </c>
      <c r="AD30" s="195">
        <v>0</v>
      </c>
      <c r="AE30" s="198">
        <v>2</v>
      </c>
      <c r="AF30" s="202">
        <v>2</v>
      </c>
      <c r="AG30" s="201">
        <v>0</v>
      </c>
      <c r="AH30" s="195">
        <v>0</v>
      </c>
      <c r="AI30" s="198">
        <v>0</v>
      </c>
      <c r="AJ30" s="201">
        <v>9</v>
      </c>
      <c r="AK30" s="197">
        <v>13</v>
      </c>
      <c r="AL30" s="197">
        <v>30</v>
      </c>
      <c r="AM30" s="197">
        <v>20</v>
      </c>
      <c r="AN30" s="195">
        <v>10</v>
      </c>
      <c r="AO30" s="198">
        <v>82</v>
      </c>
      <c r="AP30" s="202">
        <v>82</v>
      </c>
      <c r="AQ30" s="201">
        <v>0</v>
      </c>
      <c r="AR30" s="195">
        <v>0</v>
      </c>
      <c r="AS30" s="198">
        <v>0</v>
      </c>
      <c r="AT30" s="196">
        <v>9</v>
      </c>
      <c r="AU30" s="197">
        <v>12</v>
      </c>
      <c r="AV30" s="197">
        <v>29</v>
      </c>
      <c r="AW30" s="197">
        <v>20</v>
      </c>
      <c r="AX30" s="195">
        <v>10</v>
      </c>
      <c r="AY30" s="198">
        <v>80</v>
      </c>
      <c r="AZ30" s="199">
        <v>80</v>
      </c>
      <c r="BA30" s="194">
        <v>0</v>
      </c>
      <c r="BB30" s="195">
        <v>0</v>
      </c>
      <c r="BC30" s="195">
        <v>0</v>
      </c>
      <c r="BD30" s="196">
        <v>0</v>
      </c>
      <c r="BE30" s="197">
        <v>1</v>
      </c>
      <c r="BF30" s="197">
        <v>1</v>
      </c>
      <c r="BG30" s="197">
        <v>0</v>
      </c>
      <c r="BH30" s="195">
        <v>0</v>
      </c>
      <c r="BI30" s="198">
        <v>2</v>
      </c>
      <c r="BJ30" s="200">
        <v>2</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2</v>
      </c>
      <c r="CV30" s="195">
        <v>1</v>
      </c>
      <c r="CW30" s="198">
        <v>3</v>
      </c>
      <c r="CX30" s="199">
        <v>3</v>
      </c>
      <c r="CY30" s="194">
        <v>0</v>
      </c>
      <c r="CZ30" s="195">
        <v>0</v>
      </c>
      <c r="DA30" s="195">
        <v>0</v>
      </c>
      <c r="DB30" s="196">
        <v>0</v>
      </c>
      <c r="DC30" s="197">
        <v>0</v>
      </c>
      <c r="DD30" s="197">
        <v>0</v>
      </c>
      <c r="DE30" s="197">
        <v>2</v>
      </c>
      <c r="DF30" s="195">
        <v>0</v>
      </c>
      <c r="DG30" s="198">
        <v>2</v>
      </c>
      <c r="DH30" s="200">
        <v>2</v>
      </c>
      <c r="DI30" s="201">
        <v>0</v>
      </c>
      <c r="DJ30" s="195">
        <v>0</v>
      </c>
      <c r="DK30" s="195">
        <v>0</v>
      </c>
      <c r="DL30" s="196">
        <v>0</v>
      </c>
      <c r="DM30" s="197">
        <v>0</v>
      </c>
      <c r="DN30" s="197">
        <v>0</v>
      </c>
      <c r="DO30" s="197">
        <v>0</v>
      </c>
      <c r="DP30" s="195">
        <v>1</v>
      </c>
      <c r="DQ30" s="198">
        <v>1</v>
      </c>
      <c r="DR30" s="200">
        <v>1</v>
      </c>
      <c r="DS30" s="201">
        <v>0</v>
      </c>
      <c r="DT30" s="195">
        <v>0</v>
      </c>
      <c r="DU30" s="195">
        <v>0</v>
      </c>
      <c r="DV30" s="196">
        <v>11</v>
      </c>
      <c r="DW30" s="197">
        <v>15</v>
      </c>
      <c r="DX30" s="197">
        <v>66</v>
      </c>
      <c r="DY30" s="197">
        <v>76</v>
      </c>
      <c r="DZ30" s="195">
        <v>54</v>
      </c>
      <c r="EA30" s="198">
        <v>222</v>
      </c>
      <c r="EB30" s="200">
        <v>222</v>
      </c>
      <c r="EC30" s="37"/>
    </row>
    <row r="31" spans="2:133" ht="20.25" customHeight="1" x14ac:dyDescent="0.2">
      <c r="B31" s="62" t="s">
        <v>28</v>
      </c>
      <c r="C31" s="194">
        <v>0</v>
      </c>
      <c r="D31" s="195">
        <v>0</v>
      </c>
      <c r="E31" s="195">
        <v>0</v>
      </c>
      <c r="F31" s="196">
        <v>0</v>
      </c>
      <c r="G31" s="197">
        <v>1</v>
      </c>
      <c r="H31" s="197">
        <v>14</v>
      </c>
      <c r="I31" s="197">
        <v>17</v>
      </c>
      <c r="J31" s="195">
        <v>13</v>
      </c>
      <c r="K31" s="198">
        <v>45</v>
      </c>
      <c r="L31" s="199">
        <v>45</v>
      </c>
      <c r="M31" s="194">
        <v>0</v>
      </c>
      <c r="N31" s="195">
        <v>0</v>
      </c>
      <c r="O31" s="198">
        <v>0</v>
      </c>
      <c r="P31" s="196">
        <v>0</v>
      </c>
      <c r="Q31" s="197">
        <v>1</v>
      </c>
      <c r="R31" s="197">
        <v>14</v>
      </c>
      <c r="S31" s="197">
        <v>17</v>
      </c>
      <c r="T31" s="195">
        <v>13</v>
      </c>
      <c r="U31" s="198">
        <v>45</v>
      </c>
      <c r="V31" s="200">
        <v>45</v>
      </c>
      <c r="W31" s="201">
        <v>0</v>
      </c>
      <c r="X31" s="195">
        <v>0</v>
      </c>
      <c r="Y31" s="198">
        <v>0</v>
      </c>
      <c r="Z31" s="201">
        <v>0</v>
      </c>
      <c r="AA31" s="197">
        <v>0</v>
      </c>
      <c r="AB31" s="197">
        <v>0</v>
      </c>
      <c r="AC31" s="197">
        <v>0</v>
      </c>
      <c r="AD31" s="195">
        <v>0</v>
      </c>
      <c r="AE31" s="198">
        <v>0</v>
      </c>
      <c r="AF31" s="202">
        <v>0</v>
      </c>
      <c r="AG31" s="201">
        <v>0</v>
      </c>
      <c r="AH31" s="195">
        <v>0</v>
      </c>
      <c r="AI31" s="198">
        <v>0</v>
      </c>
      <c r="AJ31" s="201">
        <v>1</v>
      </c>
      <c r="AK31" s="197">
        <v>9</v>
      </c>
      <c r="AL31" s="197">
        <v>9</v>
      </c>
      <c r="AM31" s="197">
        <v>14</v>
      </c>
      <c r="AN31" s="195">
        <v>4</v>
      </c>
      <c r="AO31" s="198">
        <v>37</v>
      </c>
      <c r="AP31" s="202">
        <v>37</v>
      </c>
      <c r="AQ31" s="201">
        <v>0</v>
      </c>
      <c r="AR31" s="195">
        <v>0</v>
      </c>
      <c r="AS31" s="198">
        <v>0</v>
      </c>
      <c r="AT31" s="196">
        <v>1</v>
      </c>
      <c r="AU31" s="197">
        <v>9</v>
      </c>
      <c r="AV31" s="197">
        <v>9</v>
      </c>
      <c r="AW31" s="197">
        <v>14</v>
      </c>
      <c r="AX31" s="195">
        <v>3</v>
      </c>
      <c r="AY31" s="198">
        <v>36</v>
      </c>
      <c r="AZ31" s="199">
        <v>36</v>
      </c>
      <c r="BA31" s="194">
        <v>0</v>
      </c>
      <c r="BB31" s="195">
        <v>0</v>
      </c>
      <c r="BC31" s="195">
        <v>0</v>
      </c>
      <c r="BD31" s="196">
        <v>0</v>
      </c>
      <c r="BE31" s="197">
        <v>0</v>
      </c>
      <c r="BF31" s="197">
        <v>0</v>
      </c>
      <c r="BG31" s="197">
        <v>0</v>
      </c>
      <c r="BH31" s="195">
        <v>1</v>
      </c>
      <c r="BI31" s="198">
        <v>1</v>
      </c>
      <c r="BJ31" s="200">
        <v>1</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1</v>
      </c>
      <c r="DW31" s="197">
        <v>10</v>
      </c>
      <c r="DX31" s="197">
        <v>23</v>
      </c>
      <c r="DY31" s="197">
        <v>31</v>
      </c>
      <c r="DZ31" s="195">
        <v>17</v>
      </c>
      <c r="EA31" s="198">
        <v>82</v>
      </c>
      <c r="EB31" s="200">
        <v>82</v>
      </c>
      <c r="EC31" s="37"/>
    </row>
    <row r="32" spans="2:133" ht="20.25" customHeight="1" x14ac:dyDescent="0.2">
      <c r="B32" s="62" t="s">
        <v>29</v>
      </c>
      <c r="C32" s="194">
        <v>0</v>
      </c>
      <c r="D32" s="195">
        <v>0</v>
      </c>
      <c r="E32" s="195">
        <v>0</v>
      </c>
      <c r="F32" s="196">
        <v>0</v>
      </c>
      <c r="G32" s="197">
        <v>2</v>
      </c>
      <c r="H32" s="197">
        <v>18</v>
      </c>
      <c r="I32" s="197">
        <v>31</v>
      </c>
      <c r="J32" s="195">
        <v>21</v>
      </c>
      <c r="K32" s="198">
        <v>72</v>
      </c>
      <c r="L32" s="199">
        <v>72</v>
      </c>
      <c r="M32" s="194">
        <v>0</v>
      </c>
      <c r="N32" s="195">
        <v>0</v>
      </c>
      <c r="O32" s="198">
        <v>0</v>
      </c>
      <c r="P32" s="196">
        <v>0</v>
      </c>
      <c r="Q32" s="197">
        <v>2</v>
      </c>
      <c r="R32" s="197">
        <v>18</v>
      </c>
      <c r="S32" s="197">
        <v>31</v>
      </c>
      <c r="T32" s="195">
        <v>21</v>
      </c>
      <c r="U32" s="198">
        <v>72</v>
      </c>
      <c r="V32" s="200">
        <v>72</v>
      </c>
      <c r="W32" s="201">
        <v>0</v>
      </c>
      <c r="X32" s="195">
        <v>0</v>
      </c>
      <c r="Y32" s="198">
        <v>0</v>
      </c>
      <c r="Z32" s="201">
        <v>0</v>
      </c>
      <c r="AA32" s="197">
        <v>0</v>
      </c>
      <c r="AB32" s="197">
        <v>0</v>
      </c>
      <c r="AC32" s="197">
        <v>0</v>
      </c>
      <c r="AD32" s="195">
        <v>0</v>
      </c>
      <c r="AE32" s="198">
        <v>0</v>
      </c>
      <c r="AF32" s="202">
        <v>0</v>
      </c>
      <c r="AG32" s="201">
        <v>0</v>
      </c>
      <c r="AH32" s="195">
        <v>0</v>
      </c>
      <c r="AI32" s="198">
        <v>0</v>
      </c>
      <c r="AJ32" s="201">
        <v>3</v>
      </c>
      <c r="AK32" s="197">
        <v>8</v>
      </c>
      <c r="AL32" s="197">
        <v>8</v>
      </c>
      <c r="AM32" s="197">
        <v>13</v>
      </c>
      <c r="AN32" s="195">
        <v>9</v>
      </c>
      <c r="AO32" s="198">
        <v>41</v>
      </c>
      <c r="AP32" s="202">
        <v>41</v>
      </c>
      <c r="AQ32" s="201">
        <v>0</v>
      </c>
      <c r="AR32" s="195">
        <v>0</v>
      </c>
      <c r="AS32" s="198">
        <v>0</v>
      </c>
      <c r="AT32" s="196">
        <v>3</v>
      </c>
      <c r="AU32" s="197">
        <v>7</v>
      </c>
      <c r="AV32" s="197">
        <v>8</v>
      </c>
      <c r="AW32" s="197">
        <v>13</v>
      </c>
      <c r="AX32" s="195">
        <v>8</v>
      </c>
      <c r="AY32" s="198">
        <v>39</v>
      </c>
      <c r="AZ32" s="199">
        <v>39</v>
      </c>
      <c r="BA32" s="194">
        <v>0</v>
      </c>
      <c r="BB32" s="195">
        <v>0</v>
      </c>
      <c r="BC32" s="195">
        <v>0</v>
      </c>
      <c r="BD32" s="196">
        <v>0</v>
      </c>
      <c r="BE32" s="197">
        <v>1</v>
      </c>
      <c r="BF32" s="197">
        <v>0</v>
      </c>
      <c r="BG32" s="197">
        <v>0</v>
      </c>
      <c r="BH32" s="195">
        <v>1</v>
      </c>
      <c r="BI32" s="198">
        <v>2</v>
      </c>
      <c r="BJ32" s="200">
        <v>2</v>
      </c>
      <c r="BK32" s="201">
        <v>0</v>
      </c>
      <c r="BL32" s="195">
        <v>0</v>
      </c>
      <c r="BM32" s="195">
        <v>0</v>
      </c>
      <c r="BN32" s="196">
        <v>0</v>
      </c>
      <c r="BO32" s="197">
        <v>0</v>
      </c>
      <c r="BP32" s="197">
        <v>0</v>
      </c>
      <c r="BQ32" s="197">
        <v>0</v>
      </c>
      <c r="BR32" s="195">
        <v>1</v>
      </c>
      <c r="BS32" s="198">
        <v>1</v>
      </c>
      <c r="BT32" s="199">
        <v>1</v>
      </c>
      <c r="BU32" s="194">
        <v>0</v>
      </c>
      <c r="BV32" s="195">
        <v>0</v>
      </c>
      <c r="BW32" s="195">
        <v>0</v>
      </c>
      <c r="BX32" s="196">
        <v>0</v>
      </c>
      <c r="BY32" s="197">
        <v>0</v>
      </c>
      <c r="BZ32" s="197">
        <v>0</v>
      </c>
      <c r="CA32" s="197">
        <v>0</v>
      </c>
      <c r="CB32" s="195">
        <v>1</v>
      </c>
      <c r="CC32" s="198">
        <v>1</v>
      </c>
      <c r="CD32" s="200">
        <v>1</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1</v>
      </c>
      <c r="CV32" s="195">
        <v>0</v>
      </c>
      <c r="CW32" s="198">
        <v>1</v>
      </c>
      <c r="CX32" s="199">
        <v>1</v>
      </c>
      <c r="CY32" s="194">
        <v>0</v>
      </c>
      <c r="CZ32" s="195">
        <v>0</v>
      </c>
      <c r="DA32" s="195">
        <v>0</v>
      </c>
      <c r="DB32" s="196">
        <v>0</v>
      </c>
      <c r="DC32" s="197">
        <v>0</v>
      </c>
      <c r="DD32" s="197">
        <v>0</v>
      </c>
      <c r="DE32" s="197">
        <v>1</v>
      </c>
      <c r="DF32" s="195">
        <v>0</v>
      </c>
      <c r="DG32" s="198">
        <v>1</v>
      </c>
      <c r="DH32" s="200">
        <v>1</v>
      </c>
      <c r="DI32" s="201">
        <v>0</v>
      </c>
      <c r="DJ32" s="195">
        <v>0</v>
      </c>
      <c r="DK32" s="195">
        <v>0</v>
      </c>
      <c r="DL32" s="196">
        <v>0</v>
      </c>
      <c r="DM32" s="197">
        <v>0</v>
      </c>
      <c r="DN32" s="197">
        <v>0</v>
      </c>
      <c r="DO32" s="197">
        <v>0</v>
      </c>
      <c r="DP32" s="195">
        <v>0</v>
      </c>
      <c r="DQ32" s="198">
        <v>0</v>
      </c>
      <c r="DR32" s="200">
        <v>0</v>
      </c>
      <c r="DS32" s="201">
        <v>0</v>
      </c>
      <c r="DT32" s="195">
        <v>0</v>
      </c>
      <c r="DU32" s="195">
        <v>0</v>
      </c>
      <c r="DV32" s="196">
        <v>3</v>
      </c>
      <c r="DW32" s="197">
        <v>10</v>
      </c>
      <c r="DX32" s="197">
        <v>26</v>
      </c>
      <c r="DY32" s="197">
        <v>45</v>
      </c>
      <c r="DZ32" s="195">
        <v>30</v>
      </c>
      <c r="EA32" s="198">
        <v>114</v>
      </c>
      <c r="EB32" s="200">
        <v>114</v>
      </c>
      <c r="EC32" s="37"/>
    </row>
    <row r="33" spans="2:133" ht="20.25" customHeight="1" x14ac:dyDescent="0.2">
      <c r="B33" s="62" t="s">
        <v>30</v>
      </c>
      <c r="C33" s="194">
        <v>0</v>
      </c>
      <c r="D33" s="195">
        <v>0</v>
      </c>
      <c r="E33" s="195">
        <v>0</v>
      </c>
      <c r="F33" s="196">
        <v>1</v>
      </c>
      <c r="G33" s="197">
        <v>1</v>
      </c>
      <c r="H33" s="197">
        <v>23</v>
      </c>
      <c r="I33" s="197">
        <v>23</v>
      </c>
      <c r="J33" s="195">
        <v>18</v>
      </c>
      <c r="K33" s="198">
        <v>66</v>
      </c>
      <c r="L33" s="199">
        <v>66</v>
      </c>
      <c r="M33" s="194">
        <v>0</v>
      </c>
      <c r="N33" s="195">
        <v>0</v>
      </c>
      <c r="O33" s="198">
        <v>0</v>
      </c>
      <c r="P33" s="196">
        <v>1</v>
      </c>
      <c r="Q33" s="197">
        <v>1</v>
      </c>
      <c r="R33" s="197">
        <v>23</v>
      </c>
      <c r="S33" s="197">
        <v>23</v>
      </c>
      <c r="T33" s="195">
        <v>18</v>
      </c>
      <c r="U33" s="198">
        <v>66</v>
      </c>
      <c r="V33" s="200">
        <v>66</v>
      </c>
      <c r="W33" s="201">
        <v>0</v>
      </c>
      <c r="X33" s="195">
        <v>0</v>
      </c>
      <c r="Y33" s="198">
        <v>0</v>
      </c>
      <c r="Z33" s="201">
        <v>0</v>
      </c>
      <c r="AA33" s="197">
        <v>0</v>
      </c>
      <c r="AB33" s="197">
        <v>0</v>
      </c>
      <c r="AC33" s="197">
        <v>0</v>
      </c>
      <c r="AD33" s="195">
        <v>0</v>
      </c>
      <c r="AE33" s="198">
        <v>0</v>
      </c>
      <c r="AF33" s="202">
        <v>0</v>
      </c>
      <c r="AG33" s="201">
        <v>0</v>
      </c>
      <c r="AH33" s="195">
        <v>0</v>
      </c>
      <c r="AI33" s="198">
        <v>0</v>
      </c>
      <c r="AJ33" s="201">
        <v>5</v>
      </c>
      <c r="AK33" s="197">
        <v>3</v>
      </c>
      <c r="AL33" s="197">
        <v>14</v>
      </c>
      <c r="AM33" s="197">
        <v>18</v>
      </c>
      <c r="AN33" s="195">
        <v>5</v>
      </c>
      <c r="AO33" s="198">
        <v>45</v>
      </c>
      <c r="AP33" s="202">
        <v>45</v>
      </c>
      <c r="AQ33" s="201">
        <v>0</v>
      </c>
      <c r="AR33" s="195">
        <v>0</v>
      </c>
      <c r="AS33" s="198">
        <v>0</v>
      </c>
      <c r="AT33" s="196">
        <v>5</v>
      </c>
      <c r="AU33" s="197">
        <v>3</v>
      </c>
      <c r="AV33" s="197">
        <v>13</v>
      </c>
      <c r="AW33" s="197">
        <v>18</v>
      </c>
      <c r="AX33" s="195">
        <v>5</v>
      </c>
      <c r="AY33" s="198">
        <v>44</v>
      </c>
      <c r="AZ33" s="199">
        <v>44</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0</v>
      </c>
      <c r="CU33" s="197">
        <v>0</v>
      </c>
      <c r="CV33" s="195">
        <v>2</v>
      </c>
      <c r="CW33" s="198">
        <v>3</v>
      </c>
      <c r="CX33" s="199">
        <v>3</v>
      </c>
      <c r="CY33" s="194">
        <v>0</v>
      </c>
      <c r="CZ33" s="195">
        <v>0</v>
      </c>
      <c r="DA33" s="195">
        <v>0</v>
      </c>
      <c r="DB33" s="196">
        <v>0</v>
      </c>
      <c r="DC33" s="197">
        <v>1</v>
      </c>
      <c r="DD33" s="197">
        <v>0</v>
      </c>
      <c r="DE33" s="197">
        <v>0</v>
      </c>
      <c r="DF33" s="195">
        <v>2</v>
      </c>
      <c r="DG33" s="198">
        <v>3</v>
      </c>
      <c r="DH33" s="200">
        <v>3</v>
      </c>
      <c r="DI33" s="201">
        <v>0</v>
      </c>
      <c r="DJ33" s="195">
        <v>0</v>
      </c>
      <c r="DK33" s="195">
        <v>0</v>
      </c>
      <c r="DL33" s="196">
        <v>0</v>
      </c>
      <c r="DM33" s="197">
        <v>0</v>
      </c>
      <c r="DN33" s="197">
        <v>0</v>
      </c>
      <c r="DO33" s="197">
        <v>0</v>
      </c>
      <c r="DP33" s="195">
        <v>0</v>
      </c>
      <c r="DQ33" s="198">
        <v>0</v>
      </c>
      <c r="DR33" s="200">
        <v>0</v>
      </c>
      <c r="DS33" s="201">
        <v>0</v>
      </c>
      <c r="DT33" s="195">
        <v>0</v>
      </c>
      <c r="DU33" s="195">
        <v>0</v>
      </c>
      <c r="DV33" s="196">
        <v>6</v>
      </c>
      <c r="DW33" s="197">
        <v>5</v>
      </c>
      <c r="DX33" s="197">
        <v>37</v>
      </c>
      <c r="DY33" s="197">
        <v>41</v>
      </c>
      <c r="DZ33" s="195">
        <v>25</v>
      </c>
      <c r="EA33" s="198">
        <v>114</v>
      </c>
      <c r="EB33" s="200">
        <v>114</v>
      </c>
      <c r="EC33" s="37"/>
    </row>
    <row r="34" spans="2:133" ht="20.25" customHeight="1" x14ac:dyDescent="0.2">
      <c r="B34" s="62" t="s">
        <v>31</v>
      </c>
      <c r="C34" s="194">
        <v>0</v>
      </c>
      <c r="D34" s="195">
        <v>0</v>
      </c>
      <c r="E34" s="195">
        <v>0</v>
      </c>
      <c r="F34" s="196">
        <v>0</v>
      </c>
      <c r="G34" s="197">
        <v>2</v>
      </c>
      <c r="H34" s="197">
        <v>30</v>
      </c>
      <c r="I34" s="197">
        <v>26</v>
      </c>
      <c r="J34" s="195">
        <v>23</v>
      </c>
      <c r="K34" s="198">
        <v>81</v>
      </c>
      <c r="L34" s="199">
        <v>81</v>
      </c>
      <c r="M34" s="194">
        <v>0</v>
      </c>
      <c r="N34" s="195">
        <v>0</v>
      </c>
      <c r="O34" s="198">
        <v>0</v>
      </c>
      <c r="P34" s="196">
        <v>0</v>
      </c>
      <c r="Q34" s="197">
        <v>2</v>
      </c>
      <c r="R34" s="197">
        <v>29</v>
      </c>
      <c r="S34" s="197">
        <v>26</v>
      </c>
      <c r="T34" s="195">
        <v>23</v>
      </c>
      <c r="U34" s="198">
        <v>80</v>
      </c>
      <c r="V34" s="200">
        <v>80</v>
      </c>
      <c r="W34" s="201">
        <v>0</v>
      </c>
      <c r="X34" s="195">
        <v>0</v>
      </c>
      <c r="Y34" s="198">
        <v>0</v>
      </c>
      <c r="Z34" s="201">
        <v>0</v>
      </c>
      <c r="AA34" s="197">
        <v>0</v>
      </c>
      <c r="AB34" s="197">
        <v>1</v>
      </c>
      <c r="AC34" s="197">
        <v>0</v>
      </c>
      <c r="AD34" s="195">
        <v>0</v>
      </c>
      <c r="AE34" s="198">
        <v>1</v>
      </c>
      <c r="AF34" s="202">
        <v>1</v>
      </c>
      <c r="AG34" s="201">
        <v>0</v>
      </c>
      <c r="AH34" s="195">
        <v>0</v>
      </c>
      <c r="AI34" s="198">
        <v>0</v>
      </c>
      <c r="AJ34" s="201">
        <v>4</v>
      </c>
      <c r="AK34" s="197">
        <v>12</v>
      </c>
      <c r="AL34" s="197">
        <v>10</v>
      </c>
      <c r="AM34" s="197">
        <v>7</v>
      </c>
      <c r="AN34" s="195">
        <v>6</v>
      </c>
      <c r="AO34" s="198">
        <v>39</v>
      </c>
      <c r="AP34" s="202">
        <v>39</v>
      </c>
      <c r="AQ34" s="201">
        <v>0</v>
      </c>
      <c r="AR34" s="195">
        <v>0</v>
      </c>
      <c r="AS34" s="198">
        <v>0</v>
      </c>
      <c r="AT34" s="196">
        <v>4</v>
      </c>
      <c r="AU34" s="197">
        <v>12</v>
      </c>
      <c r="AV34" s="197">
        <v>10</v>
      </c>
      <c r="AW34" s="197">
        <v>7</v>
      </c>
      <c r="AX34" s="195">
        <v>6</v>
      </c>
      <c r="AY34" s="198">
        <v>39</v>
      </c>
      <c r="AZ34" s="199">
        <v>39</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1</v>
      </c>
      <c r="BR34" s="195">
        <v>0</v>
      </c>
      <c r="BS34" s="198">
        <v>1</v>
      </c>
      <c r="BT34" s="199">
        <v>1</v>
      </c>
      <c r="BU34" s="194">
        <v>0</v>
      </c>
      <c r="BV34" s="195">
        <v>0</v>
      </c>
      <c r="BW34" s="195">
        <v>0</v>
      </c>
      <c r="BX34" s="196">
        <v>0</v>
      </c>
      <c r="BY34" s="197">
        <v>0</v>
      </c>
      <c r="BZ34" s="197">
        <v>0</v>
      </c>
      <c r="CA34" s="197">
        <v>1</v>
      </c>
      <c r="CB34" s="195">
        <v>0</v>
      </c>
      <c r="CC34" s="198">
        <v>1</v>
      </c>
      <c r="CD34" s="200">
        <v>1</v>
      </c>
      <c r="CE34" s="201">
        <v>0</v>
      </c>
      <c r="CF34" s="195">
        <v>0</v>
      </c>
      <c r="CG34" s="195">
        <v>0</v>
      </c>
      <c r="CH34" s="196">
        <v>0</v>
      </c>
      <c r="CI34" s="197">
        <v>0</v>
      </c>
      <c r="CJ34" s="197">
        <v>0</v>
      </c>
      <c r="CK34" s="197">
        <v>0</v>
      </c>
      <c r="CL34" s="195">
        <v>0</v>
      </c>
      <c r="CM34" s="198">
        <v>0</v>
      </c>
      <c r="CN34" s="200">
        <v>0</v>
      </c>
      <c r="CO34" s="201">
        <v>0</v>
      </c>
      <c r="CP34" s="195">
        <v>0</v>
      </c>
      <c r="CQ34" s="195">
        <v>0</v>
      </c>
      <c r="CR34" s="196">
        <v>0</v>
      </c>
      <c r="CS34" s="197">
        <v>0</v>
      </c>
      <c r="CT34" s="197">
        <v>0</v>
      </c>
      <c r="CU34" s="197">
        <v>0</v>
      </c>
      <c r="CV34" s="195">
        <v>1</v>
      </c>
      <c r="CW34" s="198">
        <v>1</v>
      </c>
      <c r="CX34" s="199">
        <v>1</v>
      </c>
      <c r="CY34" s="194">
        <v>0</v>
      </c>
      <c r="CZ34" s="195">
        <v>0</v>
      </c>
      <c r="DA34" s="195">
        <v>0</v>
      </c>
      <c r="DB34" s="196">
        <v>0</v>
      </c>
      <c r="DC34" s="197">
        <v>0</v>
      </c>
      <c r="DD34" s="197">
        <v>0</v>
      </c>
      <c r="DE34" s="197">
        <v>0</v>
      </c>
      <c r="DF34" s="195">
        <v>1</v>
      </c>
      <c r="DG34" s="198">
        <v>1</v>
      </c>
      <c r="DH34" s="200">
        <v>1</v>
      </c>
      <c r="DI34" s="201">
        <v>0</v>
      </c>
      <c r="DJ34" s="195">
        <v>0</v>
      </c>
      <c r="DK34" s="195">
        <v>0</v>
      </c>
      <c r="DL34" s="196">
        <v>0</v>
      </c>
      <c r="DM34" s="197">
        <v>0</v>
      </c>
      <c r="DN34" s="197">
        <v>0</v>
      </c>
      <c r="DO34" s="197">
        <v>0</v>
      </c>
      <c r="DP34" s="195">
        <v>0</v>
      </c>
      <c r="DQ34" s="198">
        <v>0</v>
      </c>
      <c r="DR34" s="200">
        <v>0</v>
      </c>
      <c r="DS34" s="201">
        <v>0</v>
      </c>
      <c r="DT34" s="195">
        <v>0</v>
      </c>
      <c r="DU34" s="195">
        <v>0</v>
      </c>
      <c r="DV34" s="196">
        <v>4</v>
      </c>
      <c r="DW34" s="197">
        <v>14</v>
      </c>
      <c r="DX34" s="197">
        <v>40</v>
      </c>
      <c r="DY34" s="197">
        <v>34</v>
      </c>
      <c r="DZ34" s="195">
        <v>30</v>
      </c>
      <c r="EA34" s="198">
        <v>122</v>
      </c>
      <c r="EB34" s="200">
        <v>122</v>
      </c>
      <c r="EC34" s="37"/>
    </row>
    <row r="35" spans="2:133" ht="20.25" customHeight="1" x14ac:dyDescent="0.2">
      <c r="B35" s="62" t="s">
        <v>32</v>
      </c>
      <c r="C35" s="194">
        <v>0</v>
      </c>
      <c r="D35" s="195">
        <v>0</v>
      </c>
      <c r="E35" s="195">
        <v>0</v>
      </c>
      <c r="F35" s="196">
        <v>1</v>
      </c>
      <c r="G35" s="197">
        <v>1</v>
      </c>
      <c r="H35" s="197">
        <v>11</v>
      </c>
      <c r="I35" s="197">
        <v>20</v>
      </c>
      <c r="J35" s="195">
        <v>10</v>
      </c>
      <c r="K35" s="198">
        <v>43</v>
      </c>
      <c r="L35" s="199">
        <v>43</v>
      </c>
      <c r="M35" s="194">
        <v>0</v>
      </c>
      <c r="N35" s="195">
        <v>0</v>
      </c>
      <c r="O35" s="198">
        <v>0</v>
      </c>
      <c r="P35" s="196">
        <v>1</v>
      </c>
      <c r="Q35" s="197">
        <v>1</v>
      </c>
      <c r="R35" s="197">
        <v>11</v>
      </c>
      <c r="S35" s="197">
        <v>20</v>
      </c>
      <c r="T35" s="195">
        <v>9</v>
      </c>
      <c r="U35" s="198">
        <v>42</v>
      </c>
      <c r="V35" s="200">
        <v>42</v>
      </c>
      <c r="W35" s="201">
        <v>0</v>
      </c>
      <c r="X35" s="195">
        <v>0</v>
      </c>
      <c r="Y35" s="198">
        <v>0</v>
      </c>
      <c r="Z35" s="201">
        <v>0</v>
      </c>
      <c r="AA35" s="197">
        <v>0</v>
      </c>
      <c r="AB35" s="197">
        <v>0</v>
      </c>
      <c r="AC35" s="197">
        <v>0</v>
      </c>
      <c r="AD35" s="195">
        <v>1</v>
      </c>
      <c r="AE35" s="198">
        <v>1</v>
      </c>
      <c r="AF35" s="202">
        <v>1</v>
      </c>
      <c r="AG35" s="201">
        <v>0</v>
      </c>
      <c r="AH35" s="195">
        <v>0</v>
      </c>
      <c r="AI35" s="198">
        <v>0</v>
      </c>
      <c r="AJ35" s="201">
        <v>2</v>
      </c>
      <c r="AK35" s="197">
        <v>13</v>
      </c>
      <c r="AL35" s="197">
        <v>10</v>
      </c>
      <c r="AM35" s="197">
        <v>13</v>
      </c>
      <c r="AN35" s="195">
        <v>6</v>
      </c>
      <c r="AO35" s="198">
        <v>44</v>
      </c>
      <c r="AP35" s="202">
        <v>44</v>
      </c>
      <c r="AQ35" s="201">
        <v>0</v>
      </c>
      <c r="AR35" s="195">
        <v>0</v>
      </c>
      <c r="AS35" s="198">
        <v>0</v>
      </c>
      <c r="AT35" s="196">
        <v>2</v>
      </c>
      <c r="AU35" s="197">
        <v>13</v>
      </c>
      <c r="AV35" s="197">
        <v>10</v>
      </c>
      <c r="AW35" s="197">
        <v>13</v>
      </c>
      <c r="AX35" s="195">
        <v>6</v>
      </c>
      <c r="AY35" s="198">
        <v>44</v>
      </c>
      <c r="AZ35" s="199">
        <v>44</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0</v>
      </c>
      <c r="CU35" s="197">
        <v>0</v>
      </c>
      <c r="CV35" s="195">
        <v>0</v>
      </c>
      <c r="CW35" s="198">
        <v>0</v>
      </c>
      <c r="CX35" s="199">
        <v>0</v>
      </c>
      <c r="CY35" s="194">
        <v>0</v>
      </c>
      <c r="CZ35" s="195">
        <v>0</v>
      </c>
      <c r="DA35" s="195">
        <v>0</v>
      </c>
      <c r="DB35" s="196">
        <v>0</v>
      </c>
      <c r="DC35" s="197">
        <v>0</v>
      </c>
      <c r="DD35" s="197">
        <v>0</v>
      </c>
      <c r="DE35" s="197">
        <v>0</v>
      </c>
      <c r="DF35" s="195">
        <v>0</v>
      </c>
      <c r="DG35" s="198">
        <v>0</v>
      </c>
      <c r="DH35" s="200">
        <v>0</v>
      </c>
      <c r="DI35" s="201">
        <v>0</v>
      </c>
      <c r="DJ35" s="195">
        <v>0</v>
      </c>
      <c r="DK35" s="195">
        <v>0</v>
      </c>
      <c r="DL35" s="196">
        <v>0</v>
      </c>
      <c r="DM35" s="197">
        <v>0</v>
      </c>
      <c r="DN35" s="197">
        <v>0</v>
      </c>
      <c r="DO35" s="197">
        <v>0</v>
      </c>
      <c r="DP35" s="195">
        <v>0</v>
      </c>
      <c r="DQ35" s="198">
        <v>0</v>
      </c>
      <c r="DR35" s="200">
        <v>0</v>
      </c>
      <c r="DS35" s="201">
        <v>0</v>
      </c>
      <c r="DT35" s="195">
        <v>0</v>
      </c>
      <c r="DU35" s="195">
        <v>0</v>
      </c>
      <c r="DV35" s="196">
        <v>3</v>
      </c>
      <c r="DW35" s="197">
        <v>14</v>
      </c>
      <c r="DX35" s="197">
        <v>21</v>
      </c>
      <c r="DY35" s="197">
        <v>33</v>
      </c>
      <c r="DZ35" s="195">
        <v>16</v>
      </c>
      <c r="EA35" s="198">
        <v>87</v>
      </c>
      <c r="EB35" s="200">
        <v>87</v>
      </c>
      <c r="EC35" s="37"/>
    </row>
    <row r="36" spans="2:133" ht="20.25" customHeight="1" x14ac:dyDescent="0.2">
      <c r="B36" s="62" t="s">
        <v>33</v>
      </c>
      <c r="C36" s="194">
        <v>0</v>
      </c>
      <c r="D36" s="195">
        <v>0</v>
      </c>
      <c r="E36" s="195">
        <v>0</v>
      </c>
      <c r="F36" s="196">
        <v>0</v>
      </c>
      <c r="G36" s="197">
        <v>6</v>
      </c>
      <c r="H36" s="197">
        <v>24</v>
      </c>
      <c r="I36" s="197">
        <v>33</v>
      </c>
      <c r="J36" s="195">
        <v>23</v>
      </c>
      <c r="K36" s="198">
        <v>86</v>
      </c>
      <c r="L36" s="199">
        <v>86</v>
      </c>
      <c r="M36" s="194">
        <v>0</v>
      </c>
      <c r="N36" s="195">
        <v>0</v>
      </c>
      <c r="O36" s="198">
        <v>0</v>
      </c>
      <c r="P36" s="196">
        <v>0</v>
      </c>
      <c r="Q36" s="197">
        <v>6</v>
      </c>
      <c r="R36" s="197">
        <v>24</v>
      </c>
      <c r="S36" s="197">
        <v>33</v>
      </c>
      <c r="T36" s="195">
        <v>23</v>
      </c>
      <c r="U36" s="198">
        <v>86</v>
      </c>
      <c r="V36" s="200">
        <v>86</v>
      </c>
      <c r="W36" s="201">
        <v>0</v>
      </c>
      <c r="X36" s="195">
        <v>0</v>
      </c>
      <c r="Y36" s="198">
        <v>0</v>
      </c>
      <c r="Z36" s="201">
        <v>0</v>
      </c>
      <c r="AA36" s="197">
        <v>0</v>
      </c>
      <c r="AB36" s="197">
        <v>0</v>
      </c>
      <c r="AC36" s="197">
        <v>0</v>
      </c>
      <c r="AD36" s="195">
        <v>0</v>
      </c>
      <c r="AE36" s="198">
        <v>0</v>
      </c>
      <c r="AF36" s="202">
        <v>0</v>
      </c>
      <c r="AG36" s="201">
        <v>0</v>
      </c>
      <c r="AH36" s="195">
        <v>0</v>
      </c>
      <c r="AI36" s="198">
        <v>0</v>
      </c>
      <c r="AJ36" s="201">
        <v>9</v>
      </c>
      <c r="AK36" s="197">
        <v>6</v>
      </c>
      <c r="AL36" s="197">
        <v>11</v>
      </c>
      <c r="AM36" s="197">
        <v>16</v>
      </c>
      <c r="AN36" s="195">
        <v>4</v>
      </c>
      <c r="AO36" s="198">
        <v>46</v>
      </c>
      <c r="AP36" s="202">
        <v>46</v>
      </c>
      <c r="AQ36" s="201">
        <v>0</v>
      </c>
      <c r="AR36" s="195">
        <v>0</v>
      </c>
      <c r="AS36" s="198">
        <v>0</v>
      </c>
      <c r="AT36" s="196">
        <v>9</v>
      </c>
      <c r="AU36" s="197">
        <v>6</v>
      </c>
      <c r="AV36" s="197">
        <v>11</v>
      </c>
      <c r="AW36" s="197">
        <v>16</v>
      </c>
      <c r="AX36" s="195">
        <v>4</v>
      </c>
      <c r="AY36" s="198">
        <v>46</v>
      </c>
      <c r="AZ36" s="199">
        <v>46</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2</v>
      </c>
      <c r="CS36" s="197">
        <v>8</v>
      </c>
      <c r="CT36" s="197">
        <v>5</v>
      </c>
      <c r="CU36" s="197">
        <v>6</v>
      </c>
      <c r="CV36" s="195">
        <v>9</v>
      </c>
      <c r="CW36" s="198">
        <v>30</v>
      </c>
      <c r="CX36" s="199">
        <v>30</v>
      </c>
      <c r="CY36" s="194">
        <v>0</v>
      </c>
      <c r="CZ36" s="195">
        <v>0</v>
      </c>
      <c r="DA36" s="195">
        <v>0</v>
      </c>
      <c r="DB36" s="196">
        <v>2</v>
      </c>
      <c r="DC36" s="197">
        <v>8</v>
      </c>
      <c r="DD36" s="197">
        <v>5</v>
      </c>
      <c r="DE36" s="197">
        <v>6</v>
      </c>
      <c r="DF36" s="195">
        <v>9</v>
      </c>
      <c r="DG36" s="198">
        <v>30</v>
      </c>
      <c r="DH36" s="200">
        <v>30</v>
      </c>
      <c r="DI36" s="201">
        <v>0</v>
      </c>
      <c r="DJ36" s="195">
        <v>0</v>
      </c>
      <c r="DK36" s="195">
        <v>0</v>
      </c>
      <c r="DL36" s="196">
        <v>0</v>
      </c>
      <c r="DM36" s="197">
        <v>0</v>
      </c>
      <c r="DN36" s="197">
        <v>0</v>
      </c>
      <c r="DO36" s="197">
        <v>0</v>
      </c>
      <c r="DP36" s="195">
        <v>0</v>
      </c>
      <c r="DQ36" s="198">
        <v>0</v>
      </c>
      <c r="DR36" s="200">
        <v>0</v>
      </c>
      <c r="DS36" s="201">
        <v>0</v>
      </c>
      <c r="DT36" s="195">
        <v>0</v>
      </c>
      <c r="DU36" s="195">
        <v>0</v>
      </c>
      <c r="DV36" s="196">
        <v>11</v>
      </c>
      <c r="DW36" s="197">
        <v>20</v>
      </c>
      <c r="DX36" s="197">
        <v>40</v>
      </c>
      <c r="DY36" s="197">
        <v>55</v>
      </c>
      <c r="DZ36" s="195">
        <v>36</v>
      </c>
      <c r="EA36" s="198">
        <v>162</v>
      </c>
      <c r="EB36" s="200">
        <v>162</v>
      </c>
      <c r="EC36" s="37"/>
    </row>
    <row r="37" spans="2:133" ht="20.25" customHeight="1" x14ac:dyDescent="0.2">
      <c r="B37" s="62" t="s">
        <v>34</v>
      </c>
      <c r="C37" s="194">
        <v>0</v>
      </c>
      <c r="D37" s="195">
        <v>0</v>
      </c>
      <c r="E37" s="195">
        <v>0</v>
      </c>
      <c r="F37" s="196">
        <v>0</v>
      </c>
      <c r="G37" s="197">
        <v>0</v>
      </c>
      <c r="H37" s="197">
        <v>6</v>
      </c>
      <c r="I37" s="197">
        <v>24</v>
      </c>
      <c r="J37" s="195">
        <v>12</v>
      </c>
      <c r="K37" s="198">
        <v>42</v>
      </c>
      <c r="L37" s="199">
        <v>42</v>
      </c>
      <c r="M37" s="194">
        <v>0</v>
      </c>
      <c r="N37" s="195">
        <v>0</v>
      </c>
      <c r="O37" s="198">
        <v>0</v>
      </c>
      <c r="P37" s="196">
        <v>0</v>
      </c>
      <c r="Q37" s="197">
        <v>0</v>
      </c>
      <c r="R37" s="197">
        <v>6</v>
      </c>
      <c r="S37" s="197">
        <v>24</v>
      </c>
      <c r="T37" s="195">
        <v>12</v>
      </c>
      <c r="U37" s="198">
        <v>42</v>
      </c>
      <c r="V37" s="200">
        <v>42</v>
      </c>
      <c r="W37" s="201">
        <v>0</v>
      </c>
      <c r="X37" s="195">
        <v>0</v>
      </c>
      <c r="Y37" s="198">
        <v>0</v>
      </c>
      <c r="Z37" s="201">
        <v>0</v>
      </c>
      <c r="AA37" s="197">
        <v>0</v>
      </c>
      <c r="AB37" s="197">
        <v>0</v>
      </c>
      <c r="AC37" s="197">
        <v>0</v>
      </c>
      <c r="AD37" s="195">
        <v>0</v>
      </c>
      <c r="AE37" s="198">
        <v>0</v>
      </c>
      <c r="AF37" s="202">
        <v>0</v>
      </c>
      <c r="AG37" s="201">
        <v>0</v>
      </c>
      <c r="AH37" s="195">
        <v>0</v>
      </c>
      <c r="AI37" s="198">
        <v>0</v>
      </c>
      <c r="AJ37" s="201">
        <v>4</v>
      </c>
      <c r="AK37" s="197">
        <v>9</v>
      </c>
      <c r="AL37" s="197">
        <v>12</v>
      </c>
      <c r="AM37" s="197">
        <v>10</v>
      </c>
      <c r="AN37" s="195">
        <v>5</v>
      </c>
      <c r="AO37" s="198">
        <v>40</v>
      </c>
      <c r="AP37" s="202">
        <v>40</v>
      </c>
      <c r="AQ37" s="201">
        <v>0</v>
      </c>
      <c r="AR37" s="195">
        <v>0</v>
      </c>
      <c r="AS37" s="198">
        <v>0</v>
      </c>
      <c r="AT37" s="196">
        <v>4</v>
      </c>
      <c r="AU37" s="197">
        <v>9</v>
      </c>
      <c r="AV37" s="197">
        <v>12</v>
      </c>
      <c r="AW37" s="197">
        <v>10</v>
      </c>
      <c r="AX37" s="195">
        <v>5</v>
      </c>
      <c r="AY37" s="198">
        <v>40</v>
      </c>
      <c r="AZ37" s="199">
        <v>40</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1</v>
      </c>
      <c r="CT37" s="197">
        <v>0</v>
      </c>
      <c r="CU37" s="197">
        <v>1</v>
      </c>
      <c r="CV37" s="195">
        <v>0</v>
      </c>
      <c r="CW37" s="198">
        <v>2</v>
      </c>
      <c r="CX37" s="199">
        <v>2</v>
      </c>
      <c r="CY37" s="194">
        <v>0</v>
      </c>
      <c r="CZ37" s="195">
        <v>0</v>
      </c>
      <c r="DA37" s="195">
        <v>0</v>
      </c>
      <c r="DB37" s="196">
        <v>0</v>
      </c>
      <c r="DC37" s="197">
        <v>1</v>
      </c>
      <c r="DD37" s="197">
        <v>0</v>
      </c>
      <c r="DE37" s="197">
        <v>1</v>
      </c>
      <c r="DF37" s="195">
        <v>0</v>
      </c>
      <c r="DG37" s="198">
        <v>2</v>
      </c>
      <c r="DH37" s="200">
        <v>2</v>
      </c>
      <c r="DI37" s="201">
        <v>0</v>
      </c>
      <c r="DJ37" s="195">
        <v>0</v>
      </c>
      <c r="DK37" s="195">
        <v>0</v>
      </c>
      <c r="DL37" s="196">
        <v>0</v>
      </c>
      <c r="DM37" s="197">
        <v>0</v>
      </c>
      <c r="DN37" s="197">
        <v>0</v>
      </c>
      <c r="DO37" s="197">
        <v>0</v>
      </c>
      <c r="DP37" s="195">
        <v>0</v>
      </c>
      <c r="DQ37" s="198">
        <v>0</v>
      </c>
      <c r="DR37" s="200">
        <v>0</v>
      </c>
      <c r="DS37" s="201">
        <v>0</v>
      </c>
      <c r="DT37" s="195">
        <v>0</v>
      </c>
      <c r="DU37" s="195">
        <v>0</v>
      </c>
      <c r="DV37" s="196">
        <v>4</v>
      </c>
      <c r="DW37" s="197">
        <v>10</v>
      </c>
      <c r="DX37" s="197">
        <v>18</v>
      </c>
      <c r="DY37" s="197">
        <v>35</v>
      </c>
      <c r="DZ37" s="195">
        <v>17</v>
      </c>
      <c r="EA37" s="198">
        <v>84</v>
      </c>
      <c r="EB37" s="200">
        <v>84</v>
      </c>
      <c r="EC37" s="37"/>
    </row>
    <row r="38" spans="2:133" ht="20.25" customHeight="1" x14ac:dyDescent="0.2">
      <c r="B38" s="62" t="s">
        <v>35</v>
      </c>
      <c r="C38" s="194">
        <v>0</v>
      </c>
      <c r="D38" s="195">
        <v>0</v>
      </c>
      <c r="E38" s="195">
        <v>0</v>
      </c>
      <c r="F38" s="196">
        <v>2</v>
      </c>
      <c r="G38" s="197">
        <v>2</v>
      </c>
      <c r="H38" s="197">
        <v>25</v>
      </c>
      <c r="I38" s="197">
        <v>46</v>
      </c>
      <c r="J38" s="195">
        <v>34</v>
      </c>
      <c r="K38" s="198">
        <v>109</v>
      </c>
      <c r="L38" s="199">
        <v>109</v>
      </c>
      <c r="M38" s="194">
        <v>0</v>
      </c>
      <c r="N38" s="195">
        <v>0</v>
      </c>
      <c r="O38" s="198">
        <v>0</v>
      </c>
      <c r="P38" s="196">
        <v>2</v>
      </c>
      <c r="Q38" s="197">
        <v>2</v>
      </c>
      <c r="R38" s="197">
        <v>25</v>
      </c>
      <c r="S38" s="197">
        <v>46</v>
      </c>
      <c r="T38" s="195">
        <v>34</v>
      </c>
      <c r="U38" s="198">
        <v>109</v>
      </c>
      <c r="V38" s="200">
        <v>109</v>
      </c>
      <c r="W38" s="201">
        <v>0</v>
      </c>
      <c r="X38" s="195">
        <v>0</v>
      </c>
      <c r="Y38" s="198">
        <v>0</v>
      </c>
      <c r="Z38" s="201">
        <v>0</v>
      </c>
      <c r="AA38" s="197">
        <v>0</v>
      </c>
      <c r="AB38" s="197">
        <v>0</v>
      </c>
      <c r="AC38" s="197">
        <v>0</v>
      </c>
      <c r="AD38" s="195">
        <v>0</v>
      </c>
      <c r="AE38" s="198">
        <v>0</v>
      </c>
      <c r="AF38" s="202">
        <v>0</v>
      </c>
      <c r="AG38" s="201">
        <v>0</v>
      </c>
      <c r="AH38" s="195">
        <v>0</v>
      </c>
      <c r="AI38" s="198">
        <v>0</v>
      </c>
      <c r="AJ38" s="201">
        <v>24</v>
      </c>
      <c r="AK38" s="197">
        <v>29</v>
      </c>
      <c r="AL38" s="197">
        <v>24</v>
      </c>
      <c r="AM38" s="197">
        <v>18</v>
      </c>
      <c r="AN38" s="195">
        <v>9</v>
      </c>
      <c r="AO38" s="198">
        <v>104</v>
      </c>
      <c r="AP38" s="202">
        <v>104</v>
      </c>
      <c r="AQ38" s="201">
        <v>0</v>
      </c>
      <c r="AR38" s="195">
        <v>0</v>
      </c>
      <c r="AS38" s="198">
        <v>0</v>
      </c>
      <c r="AT38" s="196">
        <v>24</v>
      </c>
      <c r="AU38" s="197">
        <v>29</v>
      </c>
      <c r="AV38" s="197">
        <v>22</v>
      </c>
      <c r="AW38" s="197">
        <v>17</v>
      </c>
      <c r="AX38" s="195">
        <v>9</v>
      </c>
      <c r="AY38" s="198">
        <v>101</v>
      </c>
      <c r="AZ38" s="199">
        <v>101</v>
      </c>
      <c r="BA38" s="194">
        <v>0</v>
      </c>
      <c r="BB38" s="195">
        <v>0</v>
      </c>
      <c r="BC38" s="195">
        <v>0</v>
      </c>
      <c r="BD38" s="196">
        <v>0</v>
      </c>
      <c r="BE38" s="197">
        <v>0</v>
      </c>
      <c r="BF38" s="197">
        <v>2</v>
      </c>
      <c r="BG38" s="197">
        <v>1</v>
      </c>
      <c r="BH38" s="195">
        <v>0</v>
      </c>
      <c r="BI38" s="198">
        <v>3</v>
      </c>
      <c r="BJ38" s="200">
        <v>3</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4</v>
      </c>
      <c r="CS38" s="197">
        <v>2</v>
      </c>
      <c r="CT38" s="197">
        <v>5</v>
      </c>
      <c r="CU38" s="197">
        <v>9</v>
      </c>
      <c r="CV38" s="195">
        <v>9</v>
      </c>
      <c r="CW38" s="198">
        <v>29</v>
      </c>
      <c r="CX38" s="199">
        <v>29</v>
      </c>
      <c r="CY38" s="194">
        <v>0</v>
      </c>
      <c r="CZ38" s="195">
        <v>0</v>
      </c>
      <c r="DA38" s="195">
        <v>0</v>
      </c>
      <c r="DB38" s="196">
        <v>4</v>
      </c>
      <c r="DC38" s="197">
        <v>1</v>
      </c>
      <c r="DD38" s="197">
        <v>5</v>
      </c>
      <c r="DE38" s="197">
        <v>9</v>
      </c>
      <c r="DF38" s="195">
        <v>8</v>
      </c>
      <c r="DG38" s="198">
        <v>27</v>
      </c>
      <c r="DH38" s="200">
        <v>27</v>
      </c>
      <c r="DI38" s="201">
        <v>0</v>
      </c>
      <c r="DJ38" s="195">
        <v>0</v>
      </c>
      <c r="DK38" s="195">
        <v>0</v>
      </c>
      <c r="DL38" s="196">
        <v>0</v>
      </c>
      <c r="DM38" s="197">
        <v>1</v>
      </c>
      <c r="DN38" s="197">
        <v>0</v>
      </c>
      <c r="DO38" s="197">
        <v>0</v>
      </c>
      <c r="DP38" s="195">
        <v>1</v>
      </c>
      <c r="DQ38" s="198">
        <v>2</v>
      </c>
      <c r="DR38" s="200">
        <v>2</v>
      </c>
      <c r="DS38" s="201">
        <v>0</v>
      </c>
      <c r="DT38" s="195">
        <v>0</v>
      </c>
      <c r="DU38" s="195">
        <v>0</v>
      </c>
      <c r="DV38" s="196">
        <v>30</v>
      </c>
      <c r="DW38" s="197">
        <v>33</v>
      </c>
      <c r="DX38" s="197">
        <v>54</v>
      </c>
      <c r="DY38" s="197">
        <v>73</v>
      </c>
      <c r="DZ38" s="195">
        <v>52</v>
      </c>
      <c r="EA38" s="198">
        <v>242</v>
      </c>
      <c r="EB38" s="200">
        <v>242</v>
      </c>
      <c r="EC38" s="37"/>
    </row>
    <row r="39" spans="2:133" ht="20.25" customHeight="1" x14ac:dyDescent="0.2">
      <c r="B39" s="62" t="s">
        <v>36</v>
      </c>
      <c r="C39" s="194">
        <v>0</v>
      </c>
      <c r="D39" s="195">
        <v>0</v>
      </c>
      <c r="E39" s="195">
        <v>0</v>
      </c>
      <c r="F39" s="196">
        <v>0</v>
      </c>
      <c r="G39" s="197">
        <v>3</v>
      </c>
      <c r="H39" s="197">
        <v>50</v>
      </c>
      <c r="I39" s="197">
        <v>82</v>
      </c>
      <c r="J39" s="195">
        <v>77</v>
      </c>
      <c r="K39" s="198">
        <v>212</v>
      </c>
      <c r="L39" s="199">
        <v>212</v>
      </c>
      <c r="M39" s="194">
        <v>0</v>
      </c>
      <c r="N39" s="195">
        <v>0</v>
      </c>
      <c r="O39" s="198">
        <v>0</v>
      </c>
      <c r="P39" s="196">
        <v>0</v>
      </c>
      <c r="Q39" s="197">
        <v>3</v>
      </c>
      <c r="R39" s="197">
        <v>50</v>
      </c>
      <c r="S39" s="197">
        <v>78</v>
      </c>
      <c r="T39" s="195">
        <v>76</v>
      </c>
      <c r="U39" s="198">
        <v>207</v>
      </c>
      <c r="V39" s="200">
        <v>207</v>
      </c>
      <c r="W39" s="201">
        <v>0</v>
      </c>
      <c r="X39" s="195">
        <v>0</v>
      </c>
      <c r="Y39" s="198">
        <v>0</v>
      </c>
      <c r="Z39" s="201">
        <v>0</v>
      </c>
      <c r="AA39" s="197">
        <v>0</v>
      </c>
      <c r="AB39" s="197">
        <v>0</v>
      </c>
      <c r="AC39" s="197">
        <v>4</v>
      </c>
      <c r="AD39" s="195">
        <v>1</v>
      </c>
      <c r="AE39" s="198">
        <v>5</v>
      </c>
      <c r="AF39" s="202">
        <v>5</v>
      </c>
      <c r="AG39" s="201">
        <v>0</v>
      </c>
      <c r="AH39" s="195">
        <v>0</v>
      </c>
      <c r="AI39" s="198">
        <v>0</v>
      </c>
      <c r="AJ39" s="201">
        <v>22</v>
      </c>
      <c r="AK39" s="197">
        <v>27</v>
      </c>
      <c r="AL39" s="197">
        <v>45</v>
      </c>
      <c r="AM39" s="197">
        <v>35</v>
      </c>
      <c r="AN39" s="195">
        <v>19</v>
      </c>
      <c r="AO39" s="198">
        <v>148</v>
      </c>
      <c r="AP39" s="202">
        <v>148</v>
      </c>
      <c r="AQ39" s="201">
        <v>0</v>
      </c>
      <c r="AR39" s="195">
        <v>0</v>
      </c>
      <c r="AS39" s="198">
        <v>0</v>
      </c>
      <c r="AT39" s="196">
        <v>22</v>
      </c>
      <c r="AU39" s="197">
        <v>27</v>
      </c>
      <c r="AV39" s="197">
        <v>44</v>
      </c>
      <c r="AW39" s="197">
        <v>34</v>
      </c>
      <c r="AX39" s="195">
        <v>19</v>
      </c>
      <c r="AY39" s="198">
        <v>146</v>
      </c>
      <c r="AZ39" s="199">
        <v>146</v>
      </c>
      <c r="BA39" s="194">
        <v>0</v>
      </c>
      <c r="BB39" s="195">
        <v>0</v>
      </c>
      <c r="BC39" s="195">
        <v>0</v>
      </c>
      <c r="BD39" s="196">
        <v>0</v>
      </c>
      <c r="BE39" s="197">
        <v>0</v>
      </c>
      <c r="BF39" s="197">
        <v>1</v>
      </c>
      <c r="BG39" s="197">
        <v>1</v>
      </c>
      <c r="BH39" s="195">
        <v>0</v>
      </c>
      <c r="BI39" s="198">
        <v>2</v>
      </c>
      <c r="BJ39" s="200">
        <v>2</v>
      </c>
      <c r="BK39" s="201">
        <v>0</v>
      </c>
      <c r="BL39" s="195">
        <v>0</v>
      </c>
      <c r="BM39" s="195">
        <v>0</v>
      </c>
      <c r="BN39" s="196">
        <v>0</v>
      </c>
      <c r="BO39" s="197">
        <v>0</v>
      </c>
      <c r="BP39" s="197">
        <v>0</v>
      </c>
      <c r="BQ39" s="197">
        <v>1</v>
      </c>
      <c r="BR39" s="195">
        <v>1</v>
      </c>
      <c r="BS39" s="198">
        <v>2</v>
      </c>
      <c r="BT39" s="199">
        <v>2</v>
      </c>
      <c r="BU39" s="194">
        <v>0</v>
      </c>
      <c r="BV39" s="195">
        <v>0</v>
      </c>
      <c r="BW39" s="195">
        <v>0</v>
      </c>
      <c r="BX39" s="196">
        <v>0</v>
      </c>
      <c r="BY39" s="197">
        <v>0</v>
      </c>
      <c r="BZ39" s="197">
        <v>0</v>
      </c>
      <c r="CA39" s="197">
        <v>1</v>
      </c>
      <c r="CB39" s="195">
        <v>1</v>
      </c>
      <c r="CC39" s="198">
        <v>2</v>
      </c>
      <c r="CD39" s="200">
        <v>2</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5</v>
      </c>
      <c r="CV39" s="195">
        <v>0</v>
      </c>
      <c r="CW39" s="198">
        <v>5</v>
      </c>
      <c r="CX39" s="199">
        <v>5</v>
      </c>
      <c r="CY39" s="194">
        <v>0</v>
      </c>
      <c r="CZ39" s="195">
        <v>0</v>
      </c>
      <c r="DA39" s="195">
        <v>0</v>
      </c>
      <c r="DB39" s="196">
        <v>0</v>
      </c>
      <c r="DC39" s="197">
        <v>0</v>
      </c>
      <c r="DD39" s="197">
        <v>0</v>
      </c>
      <c r="DE39" s="197">
        <v>4</v>
      </c>
      <c r="DF39" s="195">
        <v>0</v>
      </c>
      <c r="DG39" s="198">
        <v>4</v>
      </c>
      <c r="DH39" s="200">
        <v>4</v>
      </c>
      <c r="DI39" s="201">
        <v>0</v>
      </c>
      <c r="DJ39" s="195">
        <v>0</v>
      </c>
      <c r="DK39" s="195">
        <v>0</v>
      </c>
      <c r="DL39" s="196">
        <v>0</v>
      </c>
      <c r="DM39" s="197">
        <v>0</v>
      </c>
      <c r="DN39" s="197">
        <v>0</v>
      </c>
      <c r="DO39" s="197">
        <v>1</v>
      </c>
      <c r="DP39" s="195">
        <v>0</v>
      </c>
      <c r="DQ39" s="198">
        <v>1</v>
      </c>
      <c r="DR39" s="200">
        <v>1</v>
      </c>
      <c r="DS39" s="201">
        <v>0</v>
      </c>
      <c r="DT39" s="195">
        <v>0</v>
      </c>
      <c r="DU39" s="195">
        <v>0</v>
      </c>
      <c r="DV39" s="196">
        <v>22</v>
      </c>
      <c r="DW39" s="197">
        <v>30</v>
      </c>
      <c r="DX39" s="197">
        <v>95</v>
      </c>
      <c r="DY39" s="197">
        <v>123</v>
      </c>
      <c r="DZ39" s="195">
        <v>97</v>
      </c>
      <c r="EA39" s="198">
        <v>367</v>
      </c>
      <c r="EB39" s="200">
        <v>367</v>
      </c>
      <c r="EC39" s="37"/>
    </row>
    <row r="40" spans="2:133" ht="20.25" customHeight="1" thickBot="1" x14ac:dyDescent="0.25">
      <c r="B40" s="63" t="s">
        <v>37</v>
      </c>
      <c r="C40" s="203">
        <v>0</v>
      </c>
      <c r="D40" s="204">
        <v>0</v>
      </c>
      <c r="E40" s="204">
        <v>0</v>
      </c>
      <c r="F40" s="205">
        <v>0</v>
      </c>
      <c r="G40" s="206">
        <v>0</v>
      </c>
      <c r="H40" s="206">
        <v>8</v>
      </c>
      <c r="I40" s="206">
        <v>6</v>
      </c>
      <c r="J40" s="204">
        <v>7</v>
      </c>
      <c r="K40" s="207">
        <v>21</v>
      </c>
      <c r="L40" s="208">
        <v>21</v>
      </c>
      <c r="M40" s="203">
        <v>0</v>
      </c>
      <c r="N40" s="204">
        <v>0</v>
      </c>
      <c r="O40" s="207">
        <v>0</v>
      </c>
      <c r="P40" s="205">
        <v>0</v>
      </c>
      <c r="Q40" s="206">
        <v>0</v>
      </c>
      <c r="R40" s="206">
        <v>8</v>
      </c>
      <c r="S40" s="206">
        <v>6</v>
      </c>
      <c r="T40" s="204">
        <v>7</v>
      </c>
      <c r="U40" s="207">
        <v>21</v>
      </c>
      <c r="V40" s="209">
        <v>21</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1</v>
      </c>
      <c r="AL40" s="206">
        <v>4</v>
      </c>
      <c r="AM40" s="206">
        <v>1</v>
      </c>
      <c r="AN40" s="204">
        <v>1</v>
      </c>
      <c r="AO40" s="207">
        <v>9</v>
      </c>
      <c r="AP40" s="211">
        <v>9</v>
      </c>
      <c r="AQ40" s="210">
        <v>0</v>
      </c>
      <c r="AR40" s="204">
        <v>0</v>
      </c>
      <c r="AS40" s="207">
        <v>0</v>
      </c>
      <c r="AT40" s="205">
        <v>2</v>
      </c>
      <c r="AU40" s="206">
        <v>1</v>
      </c>
      <c r="AV40" s="206">
        <v>4</v>
      </c>
      <c r="AW40" s="206">
        <v>1</v>
      </c>
      <c r="AX40" s="204">
        <v>1</v>
      </c>
      <c r="AY40" s="207">
        <v>9</v>
      </c>
      <c r="AZ40" s="208">
        <v>9</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1</v>
      </c>
      <c r="BR40" s="204">
        <v>0</v>
      </c>
      <c r="BS40" s="207">
        <v>1</v>
      </c>
      <c r="BT40" s="208">
        <v>1</v>
      </c>
      <c r="BU40" s="203">
        <v>0</v>
      </c>
      <c r="BV40" s="204">
        <v>0</v>
      </c>
      <c r="BW40" s="204">
        <v>0</v>
      </c>
      <c r="BX40" s="205">
        <v>0</v>
      </c>
      <c r="BY40" s="206">
        <v>0</v>
      </c>
      <c r="BZ40" s="206">
        <v>0</v>
      </c>
      <c r="CA40" s="206">
        <v>1</v>
      </c>
      <c r="CB40" s="204">
        <v>0</v>
      </c>
      <c r="CC40" s="207">
        <v>1</v>
      </c>
      <c r="CD40" s="209">
        <v>1</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1</v>
      </c>
      <c r="CW40" s="207">
        <v>1</v>
      </c>
      <c r="CX40" s="208">
        <v>1</v>
      </c>
      <c r="CY40" s="203">
        <v>0</v>
      </c>
      <c r="CZ40" s="204">
        <v>0</v>
      </c>
      <c r="DA40" s="204">
        <v>0</v>
      </c>
      <c r="DB40" s="205">
        <v>0</v>
      </c>
      <c r="DC40" s="206">
        <v>0</v>
      </c>
      <c r="DD40" s="206">
        <v>0</v>
      </c>
      <c r="DE40" s="206">
        <v>0</v>
      </c>
      <c r="DF40" s="204">
        <v>1</v>
      </c>
      <c r="DG40" s="207">
        <v>1</v>
      </c>
      <c r="DH40" s="209">
        <v>1</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1</v>
      </c>
      <c r="DX40" s="206">
        <v>12</v>
      </c>
      <c r="DY40" s="206">
        <v>8</v>
      </c>
      <c r="DZ40" s="204">
        <v>9</v>
      </c>
      <c r="EA40" s="207">
        <v>32</v>
      </c>
      <c r="EB40" s="209">
        <v>32</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8">
    <mergeCell ref="G1:H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4">
        <f>第１表!F2</f>
        <v>4</v>
      </c>
      <c r="G1" s="524"/>
      <c r="H1" s="248">
        <f>第１表!G2</f>
        <v>8</v>
      </c>
      <c r="I1" s="523">
        <f>H1</f>
        <v>8</v>
      </c>
      <c r="J1" s="523"/>
    </row>
    <row r="2" spans="2:299" ht="24" customHeight="1" thickBot="1" x14ac:dyDescent="0.25">
      <c r="B2" s="20" t="s">
        <v>130</v>
      </c>
    </row>
    <row r="3" spans="2:299" ht="22.5" customHeight="1" thickBot="1" x14ac:dyDescent="0.25">
      <c r="B3" s="510" t="s">
        <v>38</v>
      </c>
      <c r="C3" s="505" t="s">
        <v>96</v>
      </c>
      <c r="D3" s="505"/>
      <c r="E3" s="505"/>
      <c r="F3" s="505"/>
      <c r="G3" s="505"/>
      <c r="H3" s="505"/>
      <c r="I3" s="505"/>
      <c r="J3" s="505"/>
      <c r="K3" s="505"/>
      <c r="L3" s="505"/>
      <c r="M3" s="505"/>
      <c r="N3" s="505"/>
      <c r="O3" s="505"/>
      <c r="P3" s="505"/>
      <c r="Q3" s="505"/>
      <c r="R3" s="505"/>
      <c r="S3" s="505"/>
      <c r="T3" s="505"/>
      <c r="U3" s="505"/>
      <c r="V3" s="505"/>
      <c r="W3" s="505"/>
      <c r="X3" s="505"/>
      <c r="Y3" s="505"/>
      <c r="Z3" s="505"/>
      <c r="AA3" s="505"/>
      <c r="AB3" s="505"/>
      <c r="AC3" s="505"/>
      <c r="AD3" s="505"/>
      <c r="AE3" s="505"/>
      <c r="AF3" s="505"/>
      <c r="AG3" s="505"/>
      <c r="AH3" s="505"/>
      <c r="AI3" s="505"/>
      <c r="AJ3" s="505"/>
      <c r="AK3" s="505"/>
      <c r="AL3" s="505"/>
      <c r="AM3" s="505"/>
      <c r="AN3" s="505"/>
      <c r="AO3" s="505"/>
      <c r="AP3" s="505"/>
      <c r="AQ3" s="505"/>
      <c r="AR3" s="505"/>
      <c r="AS3" s="505"/>
      <c r="AT3" s="505"/>
      <c r="AU3" s="505"/>
      <c r="AV3" s="505"/>
      <c r="AW3" s="505"/>
      <c r="AX3" s="505"/>
      <c r="AY3" s="505"/>
      <c r="AZ3" s="505"/>
      <c r="BA3" s="505"/>
      <c r="BB3" s="505"/>
      <c r="BC3" s="505"/>
      <c r="BD3" s="505"/>
      <c r="BE3" s="505"/>
      <c r="BF3" s="505"/>
      <c r="BG3" s="505"/>
      <c r="BH3" s="505"/>
      <c r="BI3" s="505"/>
      <c r="BJ3" s="505"/>
      <c r="BK3" s="505"/>
      <c r="BL3" s="505"/>
      <c r="BM3" s="505"/>
      <c r="BN3" s="505"/>
      <c r="BO3" s="505"/>
      <c r="BP3" s="505"/>
      <c r="BQ3" s="505"/>
      <c r="BR3" s="505"/>
      <c r="BS3" s="505"/>
      <c r="BT3" s="505"/>
      <c r="BU3" s="505"/>
      <c r="BV3" s="505"/>
      <c r="BW3" s="505"/>
      <c r="BX3" s="505"/>
      <c r="BY3" s="505"/>
      <c r="BZ3" s="505"/>
      <c r="CA3" s="505"/>
      <c r="CB3" s="505"/>
      <c r="CC3" s="505"/>
      <c r="CD3" s="505"/>
      <c r="CE3" s="505"/>
      <c r="CF3" s="505"/>
      <c r="CG3" s="505"/>
      <c r="CH3" s="505"/>
      <c r="CI3" s="505"/>
      <c r="CJ3" s="505"/>
      <c r="CK3" s="505"/>
      <c r="CL3" s="505"/>
      <c r="CM3" s="505"/>
      <c r="CN3" s="505"/>
      <c r="CO3" s="505"/>
      <c r="CP3" s="505"/>
      <c r="CQ3" s="505"/>
      <c r="CR3" s="505"/>
      <c r="CS3" s="505"/>
      <c r="CT3" s="505"/>
      <c r="CU3" s="505"/>
      <c r="CV3" s="505"/>
      <c r="CW3" s="506"/>
      <c r="CX3" s="505" t="s">
        <v>103</v>
      </c>
      <c r="CY3" s="505"/>
      <c r="CZ3" s="505"/>
      <c r="DA3" s="505"/>
      <c r="DB3" s="505"/>
      <c r="DC3" s="505"/>
      <c r="DD3" s="505"/>
      <c r="DE3" s="505"/>
      <c r="DF3" s="505"/>
      <c r="DG3" s="505"/>
      <c r="DH3" s="505"/>
      <c r="DI3" s="505"/>
      <c r="DJ3" s="505"/>
      <c r="DK3" s="505"/>
      <c r="DL3" s="505"/>
      <c r="DM3" s="505"/>
      <c r="DN3" s="505"/>
      <c r="DO3" s="505"/>
      <c r="DP3" s="505"/>
      <c r="DQ3" s="505"/>
      <c r="DR3" s="505"/>
      <c r="DS3" s="505"/>
      <c r="DT3" s="505"/>
      <c r="DU3" s="505"/>
      <c r="DV3" s="505"/>
      <c r="DW3" s="505"/>
      <c r="DX3" s="505"/>
      <c r="DY3" s="505"/>
      <c r="DZ3" s="505"/>
      <c r="EA3" s="505"/>
      <c r="EB3" s="505"/>
      <c r="EC3" s="505"/>
      <c r="ED3" s="505"/>
      <c r="EE3" s="505"/>
      <c r="EF3" s="505"/>
      <c r="EG3" s="505"/>
      <c r="EH3" s="505"/>
      <c r="EI3" s="505"/>
      <c r="EJ3" s="505"/>
      <c r="EK3" s="505"/>
      <c r="EL3" s="505"/>
      <c r="EM3" s="505"/>
      <c r="EN3" s="505"/>
      <c r="EO3" s="505"/>
      <c r="EP3" s="505"/>
      <c r="EQ3" s="505"/>
      <c r="ER3" s="505"/>
      <c r="ES3" s="505"/>
      <c r="ET3" s="505"/>
      <c r="EU3" s="505"/>
      <c r="EV3" s="505"/>
      <c r="EW3" s="505"/>
      <c r="EX3" s="505"/>
      <c r="EY3" s="505"/>
      <c r="EZ3" s="505"/>
      <c r="FA3" s="505"/>
      <c r="FB3" s="505"/>
      <c r="FC3" s="505"/>
      <c r="FD3" s="505"/>
      <c r="FE3" s="505"/>
      <c r="FF3" s="505"/>
      <c r="FG3" s="505"/>
      <c r="FH3" s="505"/>
      <c r="FI3" s="505"/>
      <c r="FJ3" s="505"/>
      <c r="FK3" s="505"/>
      <c r="FL3" s="505"/>
      <c r="FM3" s="505"/>
      <c r="FN3" s="505"/>
      <c r="FO3" s="505"/>
      <c r="FP3" s="505"/>
      <c r="FQ3" s="505"/>
      <c r="FR3" s="505"/>
      <c r="FS3" s="505"/>
      <c r="FT3" s="505"/>
      <c r="FU3" s="505"/>
      <c r="FV3" s="505"/>
      <c r="FW3" s="505"/>
      <c r="FX3" s="505"/>
      <c r="FY3" s="505"/>
      <c r="FZ3" s="505"/>
      <c r="GA3" s="505"/>
      <c r="GB3" s="505"/>
      <c r="GC3" s="505"/>
      <c r="GD3" s="505"/>
      <c r="GE3" s="505"/>
      <c r="GF3" s="505"/>
      <c r="GG3" s="505"/>
      <c r="GH3" s="505"/>
      <c r="GI3" s="505"/>
      <c r="GJ3" s="505"/>
      <c r="GK3" s="505"/>
      <c r="GL3" s="505"/>
      <c r="GM3" s="505"/>
      <c r="GN3" s="505"/>
      <c r="GO3" s="505"/>
      <c r="GP3" s="505"/>
      <c r="GQ3" s="505"/>
      <c r="GR3" s="506"/>
      <c r="GS3" s="505" t="s">
        <v>104</v>
      </c>
      <c r="GT3" s="505"/>
      <c r="GU3" s="505"/>
      <c r="GV3" s="505"/>
      <c r="GW3" s="505"/>
      <c r="GX3" s="505"/>
      <c r="GY3" s="505"/>
      <c r="GZ3" s="505"/>
      <c r="HA3" s="505"/>
      <c r="HB3" s="505"/>
      <c r="HC3" s="505"/>
      <c r="HD3" s="505"/>
      <c r="HE3" s="505"/>
      <c r="HF3" s="505"/>
      <c r="HG3" s="505"/>
      <c r="HH3" s="505"/>
      <c r="HI3" s="505"/>
      <c r="HJ3" s="505"/>
      <c r="HK3" s="505"/>
      <c r="HL3" s="505"/>
      <c r="HM3" s="505"/>
      <c r="HN3" s="505"/>
      <c r="HO3" s="505"/>
      <c r="HP3" s="505"/>
      <c r="HQ3" s="505"/>
      <c r="HR3" s="505"/>
      <c r="HS3" s="505"/>
      <c r="HT3" s="505"/>
      <c r="HU3" s="505"/>
      <c r="HV3" s="505"/>
      <c r="HW3" s="505"/>
      <c r="HX3" s="505"/>
      <c r="HY3" s="505"/>
      <c r="HZ3" s="505"/>
      <c r="IA3" s="505"/>
      <c r="IB3" s="505"/>
      <c r="IC3" s="505"/>
      <c r="ID3" s="505"/>
      <c r="IE3" s="505"/>
      <c r="IF3" s="505"/>
      <c r="IG3" s="505"/>
      <c r="IH3" s="505"/>
      <c r="II3" s="505"/>
      <c r="IJ3" s="505"/>
      <c r="IK3" s="505"/>
      <c r="IL3" s="505"/>
      <c r="IM3" s="505"/>
      <c r="IN3" s="505"/>
      <c r="IO3" s="505"/>
      <c r="IP3" s="505"/>
      <c r="IQ3" s="505"/>
      <c r="IR3" s="505"/>
      <c r="IS3" s="505"/>
      <c r="IT3" s="505"/>
      <c r="IU3" s="505"/>
      <c r="IV3" s="505"/>
      <c r="IW3" s="505"/>
      <c r="IX3" s="505"/>
      <c r="IY3" s="505"/>
      <c r="IZ3" s="505"/>
      <c r="JA3" s="505"/>
      <c r="JB3" s="505"/>
      <c r="JC3" s="505"/>
      <c r="JD3" s="505"/>
      <c r="JE3" s="505"/>
      <c r="JF3" s="505"/>
      <c r="JG3" s="505"/>
      <c r="JH3" s="505"/>
      <c r="JI3" s="505"/>
      <c r="JJ3" s="505"/>
      <c r="JK3" s="505"/>
      <c r="JL3" s="505"/>
      <c r="JM3" s="505"/>
      <c r="JN3" s="505"/>
      <c r="JO3" s="505"/>
      <c r="JP3" s="505"/>
      <c r="JQ3" s="505"/>
      <c r="JR3" s="505"/>
      <c r="JS3" s="505"/>
      <c r="JT3" s="505"/>
      <c r="JU3" s="505"/>
      <c r="JV3" s="505"/>
      <c r="JW3" s="505"/>
      <c r="JX3" s="505"/>
      <c r="JY3" s="505"/>
      <c r="JZ3" s="505"/>
      <c r="KA3" s="505"/>
      <c r="KB3" s="505"/>
      <c r="KC3" s="505"/>
      <c r="KD3" s="505"/>
      <c r="KE3" s="505"/>
      <c r="KF3" s="505"/>
      <c r="KG3" s="505"/>
      <c r="KH3" s="505"/>
      <c r="KI3" s="505"/>
      <c r="KJ3" s="505"/>
      <c r="KK3" s="505"/>
      <c r="KL3" s="505"/>
      <c r="KM3" s="506"/>
    </row>
    <row r="4" spans="2:299" ht="27.75" customHeight="1" thickBot="1" x14ac:dyDescent="0.25">
      <c r="B4" s="522"/>
      <c r="C4" s="507" t="s">
        <v>39</v>
      </c>
      <c r="D4" s="508"/>
      <c r="E4" s="508"/>
      <c r="F4" s="508"/>
      <c r="G4" s="508"/>
      <c r="H4" s="508"/>
      <c r="I4" s="508"/>
      <c r="J4" s="508"/>
      <c r="K4" s="508"/>
      <c r="L4" s="508"/>
      <c r="M4" s="508"/>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508"/>
      <c r="BX4" s="508"/>
      <c r="BY4" s="508"/>
      <c r="BZ4" s="508"/>
      <c r="CA4" s="509"/>
      <c r="CB4" s="510" t="s">
        <v>40</v>
      </c>
      <c r="CC4" s="511"/>
      <c r="CD4" s="511"/>
      <c r="CE4" s="511"/>
      <c r="CF4" s="511"/>
      <c r="CG4" s="511"/>
      <c r="CH4" s="511"/>
      <c r="CI4" s="511"/>
      <c r="CJ4" s="511"/>
      <c r="CK4" s="511"/>
      <c r="CL4" s="512"/>
      <c r="CM4" s="510" t="s">
        <v>41</v>
      </c>
      <c r="CN4" s="511"/>
      <c r="CO4" s="511"/>
      <c r="CP4" s="511"/>
      <c r="CQ4" s="511"/>
      <c r="CR4" s="511"/>
      <c r="CS4" s="511"/>
      <c r="CT4" s="511"/>
      <c r="CU4" s="511"/>
      <c r="CV4" s="511"/>
      <c r="CW4" s="512"/>
      <c r="CX4" s="507" t="s">
        <v>39</v>
      </c>
      <c r="CY4" s="508"/>
      <c r="CZ4" s="508"/>
      <c r="DA4" s="508"/>
      <c r="DB4" s="508"/>
      <c r="DC4" s="508"/>
      <c r="DD4" s="508"/>
      <c r="DE4" s="508"/>
      <c r="DF4" s="508"/>
      <c r="DG4" s="508"/>
      <c r="DH4" s="508"/>
      <c r="DI4" s="508"/>
      <c r="DJ4" s="508"/>
      <c r="DK4" s="508"/>
      <c r="DL4" s="508"/>
      <c r="DM4" s="508"/>
      <c r="DN4" s="508"/>
      <c r="DO4" s="508"/>
      <c r="DP4" s="508"/>
      <c r="DQ4" s="508"/>
      <c r="DR4" s="508"/>
      <c r="DS4" s="508"/>
      <c r="DT4" s="508"/>
      <c r="DU4" s="508"/>
      <c r="DV4" s="508"/>
      <c r="DW4" s="508"/>
      <c r="DX4" s="508"/>
      <c r="DY4" s="508"/>
      <c r="DZ4" s="508"/>
      <c r="EA4" s="508"/>
      <c r="EB4" s="508"/>
      <c r="EC4" s="508"/>
      <c r="ED4" s="508"/>
      <c r="EE4" s="508"/>
      <c r="EF4" s="508"/>
      <c r="EG4" s="508"/>
      <c r="EH4" s="508"/>
      <c r="EI4" s="508"/>
      <c r="EJ4" s="508"/>
      <c r="EK4" s="508"/>
      <c r="EL4" s="508"/>
      <c r="EM4" s="508"/>
      <c r="EN4" s="508"/>
      <c r="EO4" s="508"/>
      <c r="EP4" s="508"/>
      <c r="EQ4" s="508"/>
      <c r="ER4" s="508"/>
      <c r="ES4" s="508"/>
      <c r="ET4" s="508"/>
      <c r="EU4" s="508"/>
      <c r="EV4" s="508"/>
      <c r="EW4" s="508"/>
      <c r="EX4" s="508"/>
      <c r="EY4" s="508"/>
      <c r="EZ4" s="508"/>
      <c r="FA4" s="508"/>
      <c r="FB4" s="508"/>
      <c r="FC4" s="508"/>
      <c r="FD4" s="508"/>
      <c r="FE4" s="508"/>
      <c r="FF4" s="508"/>
      <c r="FG4" s="508"/>
      <c r="FH4" s="508"/>
      <c r="FI4" s="508"/>
      <c r="FJ4" s="508"/>
      <c r="FK4" s="508"/>
      <c r="FL4" s="508"/>
      <c r="FM4" s="508"/>
      <c r="FN4" s="508"/>
      <c r="FO4" s="508"/>
      <c r="FP4" s="508"/>
      <c r="FQ4" s="508"/>
      <c r="FR4" s="508"/>
      <c r="FS4" s="508"/>
      <c r="FT4" s="508"/>
      <c r="FU4" s="508"/>
      <c r="FV4" s="509"/>
      <c r="FW4" s="510" t="s">
        <v>40</v>
      </c>
      <c r="FX4" s="511"/>
      <c r="FY4" s="511"/>
      <c r="FZ4" s="511"/>
      <c r="GA4" s="511"/>
      <c r="GB4" s="511"/>
      <c r="GC4" s="511"/>
      <c r="GD4" s="511"/>
      <c r="GE4" s="511"/>
      <c r="GF4" s="511"/>
      <c r="GG4" s="512"/>
      <c r="GH4" s="510" t="s">
        <v>41</v>
      </c>
      <c r="GI4" s="511"/>
      <c r="GJ4" s="511"/>
      <c r="GK4" s="511"/>
      <c r="GL4" s="511"/>
      <c r="GM4" s="511"/>
      <c r="GN4" s="511"/>
      <c r="GO4" s="511"/>
      <c r="GP4" s="511"/>
      <c r="GQ4" s="511"/>
      <c r="GR4" s="512"/>
      <c r="GS4" s="507" t="s">
        <v>39</v>
      </c>
      <c r="GT4" s="508"/>
      <c r="GU4" s="508"/>
      <c r="GV4" s="508"/>
      <c r="GW4" s="508"/>
      <c r="GX4" s="508"/>
      <c r="GY4" s="508"/>
      <c r="GZ4" s="508"/>
      <c r="HA4" s="508"/>
      <c r="HB4" s="508"/>
      <c r="HC4" s="508"/>
      <c r="HD4" s="508"/>
      <c r="HE4" s="508"/>
      <c r="HF4" s="508"/>
      <c r="HG4" s="508"/>
      <c r="HH4" s="508"/>
      <c r="HI4" s="508"/>
      <c r="HJ4" s="508"/>
      <c r="HK4" s="508"/>
      <c r="HL4" s="508"/>
      <c r="HM4" s="508"/>
      <c r="HN4" s="508"/>
      <c r="HO4" s="508"/>
      <c r="HP4" s="508"/>
      <c r="HQ4" s="508"/>
      <c r="HR4" s="508"/>
      <c r="HS4" s="508"/>
      <c r="HT4" s="508"/>
      <c r="HU4" s="508"/>
      <c r="HV4" s="508"/>
      <c r="HW4" s="508"/>
      <c r="HX4" s="508"/>
      <c r="HY4" s="508"/>
      <c r="HZ4" s="508"/>
      <c r="IA4" s="508"/>
      <c r="IB4" s="508"/>
      <c r="IC4" s="508"/>
      <c r="ID4" s="508"/>
      <c r="IE4" s="508"/>
      <c r="IF4" s="508"/>
      <c r="IG4" s="508"/>
      <c r="IH4" s="508"/>
      <c r="II4" s="508"/>
      <c r="IJ4" s="508"/>
      <c r="IK4" s="508"/>
      <c r="IL4" s="508"/>
      <c r="IM4" s="508"/>
      <c r="IN4" s="508"/>
      <c r="IO4" s="508"/>
      <c r="IP4" s="508"/>
      <c r="IQ4" s="508"/>
      <c r="IR4" s="508"/>
      <c r="IS4" s="508"/>
      <c r="IT4" s="508"/>
      <c r="IU4" s="508"/>
      <c r="IV4" s="508"/>
      <c r="IW4" s="508"/>
      <c r="IX4" s="508"/>
      <c r="IY4" s="508"/>
      <c r="IZ4" s="508"/>
      <c r="JA4" s="508"/>
      <c r="JB4" s="508"/>
      <c r="JC4" s="508"/>
      <c r="JD4" s="508"/>
      <c r="JE4" s="508"/>
      <c r="JF4" s="508"/>
      <c r="JG4" s="508"/>
      <c r="JH4" s="508"/>
      <c r="JI4" s="508"/>
      <c r="JJ4" s="508"/>
      <c r="JK4" s="508"/>
      <c r="JL4" s="508"/>
      <c r="JM4" s="508"/>
      <c r="JN4" s="508"/>
      <c r="JO4" s="508"/>
      <c r="JP4" s="508"/>
      <c r="JQ4" s="509"/>
      <c r="JR4" s="510" t="s">
        <v>40</v>
      </c>
      <c r="JS4" s="511"/>
      <c r="JT4" s="511"/>
      <c r="JU4" s="511"/>
      <c r="JV4" s="511"/>
      <c r="JW4" s="511"/>
      <c r="JX4" s="511"/>
      <c r="JY4" s="511"/>
      <c r="JZ4" s="511"/>
      <c r="KA4" s="511"/>
      <c r="KB4" s="512"/>
      <c r="KC4" s="510" t="s">
        <v>41</v>
      </c>
      <c r="KD4" s="511"/>
      <c r="KE4" s="511"/>
      <c r="KF4" s="511"/>
      <c r="KG4" s="511"/>
      <c r="KH4" s="511"/>
      <c r="KI4" s="511"/>
      <c r="KJ4" s="511"/>
      <c r="KK4" s="511"/>
      <c r="KL4" s="511"/>
      <c r="KM4" s="512"/>
    </row>
    <row r="5" spans="2:299" ht="27.75" customHeight="1" thickBot="1" x14ac:dyDescent="0.25">
      <c r="B5" s="516"/>
      <c r="C5" s="516"/>
      <c r="D5" s="517"/>
      <c r="E5" s="517"/>
      <c r="F5" s="517"/>
      <c r="G5" s="517"/>
      <c r="H5" s="517"/>
      <c r="I5" s="517"/>
      <c r="J5" s="517"/>
      <c r="K5" s="517"/>
      <c r="L5" s="517"/>
      <c r="M5" s="518"/>
      <c r="N5" s="519" t="s">
        <v>97</v>
      </c>
      <c r="O5" s="520"/>
      <c r="P5" s="520"/>
      <c r="Q5" s="520"/>
      <c r="R5" s="520"/>
      <c r="S5" s="520"/>
      <c r="T5" s="520"/>
      <c r="U5" s="520"/>
      <c r="V5" s="520"/>
      <c r="W5" s="520"/>
      <c r="X5" s="521"/>
      <c r="Y5" s="519" t="s">
        <v>98</v>
      </c>
      <c r="Z5" s="520"/>
      <c r="AA5" s="520"/>
      <c r="AB5" s="520"/>
      <c r="AC5" s="520"/>
      <c r="AD5" s="520"/>
      <c r="AE5" s="520"/>
      <c r="AF5" s="520"/>
      <c r="AG5" s="520"/>
      <c r="AH5" s="520"/>
      <c r="AI5" s="521"/>
      <c r="AJ5" s="519" t="s">
        <v>99</v>
      </c>
      <c r="AK5" s="520"/>
      <c r="AL5" s="520"/>
      <c r="AM5" s="520"/>
      <c r="AN5" s="520"/>
      <c r="AO5" s="520"/>
      <c r="AP5" s="520"/>
      <c r="AQ5" s="520"/>
      <c r="AR5" s="520"/>
      <c r="AS5" s="520"/>
      <c r="AT5" s="521"/>
      <c r="AU5" s="519" t="s">
        <v>100</v>
      </c>
      <c r="AV5" s="520"/>
      <c r="AW5" s="520"/>
      <c r="AX5" s="520"/>
      <c r="AY5" s="520"/>
      <c r="AZ5" s="520"/>
      <c r="BA5" s="520"/>
      <c r="BB5" s="520"/>
      <c r="BC5" s="520"/>
      <c r="BD5" s="520"/>
      <c r="BE5" s="521"/>
      <c r="BF5" s="519" t="s">
        <v>101</v>
      </c>
      <c r="BG5" s="520"/>
      <c r="BH5" s="520"/>
      <c r="BI5" s="520"/>
      <c r="BJ5" s="520"/>
      <c r="BK5" s="520"/>
      <c r="BL5" s="520"/>
      <c r="BM5" s="520"/>
      <c r="BN5" s="520"/>
      <c r="BO5" s="520"/>
      <c r="BP5" s="521"/>
      <c r="BQ5" s="519" t="s">
        <v>102</v>
      </c>
      <c r="BR5" s="520"/>
      <c r="BS5" s="520"/>
      <c r="BT5" s="520"/>
      <c r="BU5" s="520"/>
      <c r="BV5" s="520"/>
      <c r="BW5" s="520"/>
      <c r="BX5" s="520"/>
      <c r="BY5" s="520"/>
      <c r="BZ5" s="520"/>
      <c r="CA5" s="521"/>
      <c r="CB5" s="513"/>
      <c r="CC5" s="514"/>
      <c r="CD5" s="514"/>
      <c r="CE5" s="514"/>
      <c r="CF5" s="514"/>
      <c r="CG5" s="514"/>
      <c r="CH5" s="514"/>
      <c r="CI5" s="514"/>
      <c r="CJ5" s="514"/>
      <c r="CK5" s="514"/>
      <c r="CL5" s="515"/>
      <c r="CM5" s="513"/>
      <c r="CN5" s="514"/>
      <c r="CO5" s="514"/>
      <c r="CP5" s="514"/>
      <c r="CQ5" s="514"/>
      <c r="CR5" s="514"/>
      <c r="CS5" s="514"/>
      <c r="CT5" s="514"/>
      <c r="CU5" s="514"/>
      <c r="CV5" s="514"/>
      <c r="CW5" s="515"/>
      <c r="CX5" s="516"/>
      <c r="CY5" s="517"/>
      <c r="CZ5" s="517"/>
      <c r="DA5" s="517"/>
      <c r="DB5" s="517"/>
      <c r="DC5" s="517"/>
      <c r="DD5" s="517"/>
      <c r="DE5" s="517"/>
      <c r="DF5" s="517"/>
      <c r="DG5" s="517"/>
      <c r="DH5" s="518"/>
      <c r="DI5" s="519" t="s">
        <v>97</v>
      </c>
      <c r="DJ5" s="520"/>
      <c r="DK5" s="520"/>
      <c r="DL5" s="520"/>
      <c r="DM5" s="520"/>
      <c r="DN5" s="520"/>
      <c r="DO5" s="520"/>
      <c r="DP5" s="520"/>
      <c r="DQ5" s="520"/>
      <c r="DR5" s="520"/>
      <c r="DS5" s="521"/>
      <c r="DT5" s="519" t="s">
        <v>98</v>
      </c>
      <c r="DU5" s="520"/>
      <c r="DV5" s="520"/>
      <c r="DW5" s="520"/>
      <c r="DX5" s="520"/>
      <c r="DY5" s="520"/>
      <c r="DZ5" s="520"/>
      <c r="EA5" s="520"/>
      <c r="EB5" s="520"/>
      <c r="EC5" s="520"/>
      <c r="ED5" s="521"/>
      <c r="EE5" s="519" t="s">
        <v>99</v>
      </c>
      <c r="EF5" s="520"/>
      <c r="EG5" s="520"/>
      <c r="EH5" s="520"/>
      <c r="EI5" s="520"/>
      <c r="EJ5" s="520"/>
      <c r="EK5" s="520"/>
      <c r="EL5" s="520"/>
      <c r="EM5" s="520"/>
      <c r="EN5" s="520"/>
      <c r="EO5" s="521"/>
      <c r="EP5" s="519" t="s">
        <v>100</v>
      </c>
      <c r="EQ5" s="520"/>
      <c r="ER5" s="520"/>
      <c r="ES5" s="520"/>
      <c r="ET5" s="520"/>
      <c r="EU5" s="520"/>
      <c r="EV5" s="520"/>
      <c r="EW5" s="520"/>
      <c r="EX5" s="520"/>
      <c r="EY5" s="520"/>
      <c r="EZ5" s="521"/>
      <c r="FA5" s="519" t="s">
        <v>101</v>
      </c>
      <c r="FB5" s="520"/>
      <c r="FC5" s="520"/>
      <c r="FD5" s="520"/>
      <c r="FE5" s="520"/>
      <c r="FF5" s="520"/>
      <c r="FG5" s="520"/>
      <c r="FH5" s="520"/>
      <c r="FI5" s="520"/>
      <c r="FJ5" s="520"/>
      <c r="FK5" s="521"/>
      <c r="FL5" s="519" t="s">
        <v>102</v>
      </c>
      <c r="FM5" s="520"/>
      <c r="FN5" s="520"/>
      <c r="FO5" s="520"/>
      <c r="FP5" s="520"/>
      <c r="FQ5" s="520"/>
      <c r="FR5" s="520"/>
      <c r="FS5" s="520"/>
      <c r="FT5" s="520"/>
      <c r="FU5" s="520"/>
      <c r="FV5" s="521"/>
      <c r="FW5" s="513"/>
      <c r="FX5" s="514"/>
      <c r="FY5" s="514"/>
      <c r="FZ5" s="514"/>
      <c r="GA5" s="514"/>
      <c r="GB5" s="514"/>
      <c r="GC5" s="514"/>
      <c r="GD5" s="514"/>
      <c r="GE5" s="514"/>
      <c r="GF5" s="514"/>
      <c r="GG5" s="515"/>
      <c r="GH5" s="513"/>
      <c r="GI5" s="514"/>
      <c r="GJ5" s="514"/>
      <c r="GK5" s="514"/>
      <c r="GL5" s="514"/>
      <c r="GM5" s="514"/>
      <c r="GN5" s="514"/>
      <c r="GO5" s="514"/>
      <c r="GP5" s="514"/>
      <c r="GQ5" s="514"/>
      <c r="GR5" s="515"/>
      <c r="GS5" s="516"/>
      <c r="GT5" s="517"/>
      <c r="GU5" s="517"/>
      <c r="GV5" s="517"/>
      <c r="GW5" s="517"/>
      <c r="GX5" s="517"/>
      <c r="GY5" s="517"/>
      <c r="GZ5" s="517"/>
      <c r="HA5" s="517"/>
      <c r="HB5" s="517"/>
      <c r="HC5" s="518"/>
      <c r="HD5" s="519" t="s">
        <v>97</v>
      </c>
      <c r="HE5" s="520"/>
      <c r="HF5" s="520"/>
      <c r="HG5" s="520"/>
      <c r="HH5" s="520"/>
      <c r="HI5" s="520"/>
      <c r="HJ5" s="520"/>
      <c r="HK5" s="520"/>
      <c r="HL5" s="520"/>
      <c r="HM5" s="520"/>
      <c r="HN5" s="521"/>
      <c r="HO5" s="519" t="s">
        <v>98</v>
      </c>
      <c r="HP5" s="520"/>
      <c r="HQ5" s="520"/>
      <c r="HR5" s="520"/>
      <c r="HS5" s="520"/>
      <c r="HT5" s="520"/>
      <c r="HU5" s="520"/>
      <c r="HV5" s="520"/>
      <c r="HW5" s="520"/>
      <c r="HX5" s="520"/>
      <c r="HY5" s="521"/>
      <c r="HZ5" s="519" t="s">
        <v>99</v>
      </c>
      <c r="IA5" s="520"/>
      <c r="IB5" s="520"/>
      <c r="IC5" s="520"/>
      <c r="ID5" s="520"/>
      <c r="IE5" s="520"/>
      <c r="IF5" s="520"/>
      <c r="IG5" s="520"/>
      <c r="IH5" s="520"/>
      <c r="II5" s="520"/>
      <c r="IJ5" s="521"/>
      <c r="IK5" s="519" t="s">
        <v>100</v>
      </c>
      <c r="IL5" s="520"/>
      <c r="IM5" s="520"/>
      <c r="IN5" s="520"/>
      <c r="IO5" s="520"/>
      <c r="IP5" s="520"/>
      <c r="IQ5" s="520"/>
      <c r="IR5" s="520"/>
      <c r="IS5" s="520"/>
      <c r="IT5" s="520"/>
      <c r="IU5" s="521"/>
      <c r="IV5" s="519" t="s">
        <v>101</v>
      </c>
      <c r="IW5" s="520"/>
      <c r="IX5" s="520"/>
      <c r="IY5" s="520"/>
      <c r="IZ5" s="520"/>
      <c r="JA5" s="520"/>
      <c r="JB5" s="520"/>
      <c r="JC5" s="520"/>
      <c r="JD5" s="520"/>
      <c r="JE5" s="520"/>
      <c r="JF5" s="521"/>
      <c r="JG5" s="519" t="s">
        <v>102</v>
      </c>
      <c r="JH5" s="520"/>
      <c r="JI5" s="520"/>
      <c r="JJ5" s="520"/>
      <c r="JK5" s="520"/>
      <c r="JL5" s="520"/>
      <c r="JM5" s="520"/>
      <c r="JN5" s="520"/>
      <c r="JO5" s="520"/>
      <c r="JP5" s="520"/>
      <c r="JQ5" s="521"/>
      <c r="JR5" s="513"/>
      <c r="JS5" s="514"/>
      <c r="JT5" s="514"/>
      <c r="JU5" s="514"/>
      <c r="JV5" s="514"/>
      <c r="JW5" s="514"/>
      <c r="JX5" s="514"/>
      <c r="JY5" s="514"/>
      <c r="JZ5" s="514"/>
      <c r="KA5" s="514"/>
      <c r="KB5" s="515"/>
      <c r="KC5" s="513"/>
      <c r="KD5" s="514"/>
      <c r="KE5" s="514"/>
      <c r="KF5" s="514"/>
      <c r="KG5" s="514"/>
      <c r="KH5" s="514"/>
      <c r="KI5" s="514"/>
      <c r="KJ5" s="514"/>
      <c r="KK5" s="514"/>
      <c r="KL5" s="514"/>
      <c r="KM5" s="515"/>
    </row>
    <row r="6" spans="2:299" ht="44.25" customHeight="1" thickBot="1" x14ac:dyDescent="0.25">
      <c r="B6" s="318" t="s">
        <v>42</v>
      </c>
      <c r="C6" s="51" t="s">
        <v>43</v>
      </c>
      <c r="D6" s="47" t="s">
        <v>44</v>
      </c>
      <c r="E6" s="48" t="s">
        <v>45</v>
      </c>
      <c r="F6" s="52" t="s">
        <v>46</v>
      </c>
      <c r="G6" s="47" t="s">
        <v>47</v>
      </c>
      <c r="H6" s="47" t="s">
        <v>48</v>
      </c>
      <c r="I6" s="47" t="s">
        <v>49</v>
      </c>
      <c r="J6" s="47" t="s">
        <v>50</v>
      </c>
      <c r="K6" s="47" t="s">
        <v>51</v>
      </c>
      <c r="L6" s="48" t="s">
        <v>45</v>
      </c>
      <c r="M6" s="53" t="s">
        <v>52</v>
      </c>
      <c r="N6" s="357" t="s">
        <v>43</v>
      </c>
      <c r="O6" s="358" t="s">
        <v>44</v>
      </c>
      <c r="P6" s="359" t="s">
        <v>45</v>
      </c>
      <c r="Q6" s="360" t="s">
        <v>46</v>
      </c>
      <c r="R6" s="358" t="s">
        <v>47</v>
      </c>
      <c r="S6" s="358" t="s">
        <v>48</v>
      </c>
      <c r="T6" s="358" t="s">
        <v>49</v>
      </c>
      <c r="U6" s="358" t="s">
        <v>50</v>
      </c>
      <c r="V6" s="358" t="s">
        <v>51</v>
      </c>
      <c r="W6" s="359" t="s">
        <v>45</v>
      </c>
      <c r="X6" s="356" t="s">
        <v>52</v>
      </c>
      <c r="Y6" s="357" t="s">
        <v>43</v>
      </c>
      <c r="Z6" s="358" t="s">
        <v>44</v>
      </c>
      <c r="AA6" s="359" t="s">
        <v>45</v>
      </c>
      <c r="AB6" s="360" t="s">
        <v>46</v>
      </c>
      <c r="AC6" s="358" t="s">
        <v>47</v>
      </c>
      <c r="AD6" s="358" t="s">
        <v>48</v>
      </c>
      <c r="AE6" s="358" t="s">
        <v>49</v>
      </c>
      <c r="AF6" s="358" t="s">
        <v>50</v>
      </c>
      <c r="AG6" s="358" t="s">
        <v>51</v>
      </c>
      <c r="AH6" s="359" t="s">
        <v>45</v>
      </c>
      <c r="AI6" s="361" t="s">
        <v>52</v>
      </c>
      <c r="AJ6" s="357" t="s">
        <v>43</v>
      </c>
      <c r="AK6" s="358" t="s">
        <v>44</v>
      </c>
      <c r="AL6" s="359" t="s">
        <v>45</v>
      </c>
      <c r="AM6" s="360" t="s">
        <v>46</v>
      </c>
      <c r="AN6" s="358" t="s">
        <v>47</v>
      </c>
      <c r="AO6" s="358" t="s">
        <v>48</v>
      </c>
      <c r="AP6" s="358" t="s">
        <v>49</v>
      </c>
      <c r="AQ6" s="358" t="s">
        <v>50</v>
      </c>
      <c r="AR6" s="358" t="s">
        <v>51</v>
      </c>
      <c r="AS6" s="359" t="s">
        <v>45</v>
      </c>
      <c r="AT6" s="361" t="s">
        <v>52</v>
      </c>
      <c r="AU6" s="357" t="s">
        <v>43</v>
      </c>
      <c r="AV6" s="358" t="s">
        <v>44</v>
      </c>
      <c r="AW6" s="359" t="s">
        <v>45</v>
      </c>
      <c r="AX6" s="360" t="s">
        <v>46</v>
      </c>
      <c r="AY6" s="358" t="s">
        <v>47</v>
      </c>
      <c r="AZ6" s="358" t="s">
        <v>48</v>
      </c>
      <c r="BA6" s="358" t="s">
        <v>49</v>
      </c>
      <c r="BB6" s="358" t="s">
        <v>50</v>
      </c>
      <c r="BC6" s="358" t="s">
        <v>51</v>
      </c>
      <c r="BD6" s="359" t="s">
        <v>45</v>
      </c>
      <c r="BE6" s="361" t="s">
        <v>52</v>
      </c>
      <c r="BF6" s="357" t="s">
        <v>43</v>
      </c>
      <c r="BG6" s="358" t="s">
        <v>44</v>
      </c>
      <c r="BH6" s="359" t="s">
        <v>45</v>
      </c>
      <c r="BI6" s="360" t="s">
        <v>46</v>
      </c>
      <c r="BJ6" s="358" t="s">
        <v>47</v>
      </c>
      <c r="BK6" s="358" t="s">
        <v>48</v>
      </c>
      <c r="BL6" s="358" t="s">
        <v>49</v>
      </c>
      <c r="BM6" s="358" t="s">
        <v>50</v>
      </c>
      <c r="BN6" s="358" t="s">
        <v>51</v>
      </c>
      <c r="BO6" s="359" t="s">
        <v>45</v>
      </c>
      <c r="BP6" s="361" t="s">
        <v>52</v>
      </c>
      <c r="BQ6" s="357" t="s">
        <v>43</v>
      </c>
      <c r="BR6" s="358" t="s">
        <v>44</v>
      </c>
      <c r="BS6" s="359" t="s">
        <v>45</v>
      </c>
      <c r="BT6" s="360" t="s">
        <v>46</v>
      </c>
      <c r="BU6" s="358" t="s">
        <v>47</v>
      </c>
      <c r="BV6" s="358" t="s">
        <v>48</v>
      </c>
      <c r="BW6" s="358" t="s">
        <v>49</v>
      </c>
      <c r="BX6" s="358" t="s">
        <v>50</v>
      </c>
      <c r="BY6" s="358" t="s">
        <v>51</v>
      </c>
      <c r="BZ6" s="359" t="s">
        <v>45</v>
      </c>
      <c r="CA6" s="361" t="s">
        <v>52</v>
      </c>
      <c r="CB6" s="357" t="s">
        <v>43</v>
      </c>
      <c r="CC6" s="358" t="s">
        <v>44</v>
      </c>
      <c r="CD6" s="359" t="s">
        <v>45</v>
      </c>
      <c r="CE6" s="360" t="s">
        <v>46</v>
      </c>
      <c r="CF6" s="358" t="s">
        <v>47</v>
      </c>
      <c r="CG6" s="358" t="s">
        <v>48</v>
      </c>
      <c r="CH6" s="358" t="s">
        <v>49</v>
      </c>
      <c r="CI6" s="358" t="s">
        <v>50</v>
      </c>
      <c r="CJ6" s="358" t="s">
        <v>51</v>
      </c>
      <c r="CK6" s="359" t="s">
        <v>45</v>
      </c>
      <c r="CL6" s="361" t="s">
        <v>52</v>
      </c>
      <c r="CM6" s="357" t="s">
        <v>43</v>
      </c>
      <c r="CN6" s="358" t="s">
        <v>44</v>
      </c>
      <c r="CO6" s="359" t="s">
        <v>45</v>
      </c>
      <c r="CP6" s="360" t="s">
        <v>46</v>
      </c>
      <c r="CQ6" s="358" t="s">
        <v>47</v>
      </c>
      <c r="CR6" s="358" t="s">
        <v>48</v>
      </c>
      <c r="CS6" s="358" t="s">
        <v>49</v>
      </c>
      <c r="CT6" s="358" t="s">
        <v>50</v>
      </c>
      <c r="CU6" s="358" t="s">
        <v>51</v>
      </c>
      <c r="CV6" s="359" t="s">
        <v>45</v>
      </c>
      <c r="CW6" s="361" t="s">
        <v>52</v>
      </c>
      <c r="CX6" s="51" t="s">
        <v>43</v>
      </c>
      <c r="CY6" s="47" t="s">
        <v>44</v>
      </c>
      <c r="CZ6" s="48" t="s">
        <v>45</v>
      </c>
      <c r="DA6" s="52" t="s">
        <v>46</v>
      </c>
      <c r="DB6" s="47" t="s">
        <v>47</v>
      </c>
      <c r="DC6" s="47" t="s">
        <v>48</v>
      </c>
      <c r="DD6" s="47" t="s">
        <v>49</v>
      </c>
      <c r="DE6" s="47" t="s">
        <v>50</v>
      </c>
      <c r="DF6" s="47" t="s">
        <v>51</v>
      </c>
      <c r="DG6" s="48" t="s">
        <v>45</v>
      </c>
      <c r="DH6" s="53" t="s">
        <v>52</v>
      </c>
      <c r="DI6" s="357" t="s">
        <v>43</v>
      </c>
      <c r="DJ6" s="358" t="s">
        <v>44</v>
      </c>
      <c r="DK6" s="359" t="s">
        <v>45</v>
      </c>
      <c r="DL6" s="360" t="s">
        <v>46</v>
      </c>
      <c r="DM6" s="358" t="s">
        <v>47</v>
      </c>
      <c r="DN6" s="358" t="s">
        <v>48</v>
      </c>
      <c r="DO6" s="358" t="s">
        <v>49</v>
      </c>
      <c r="DP6" s="358" t="s">
        <v>50</v>
      </c>
      <c r="DQ6" s="358" t="s">
        <v>51</v>
      </c>
      <c r="DR6" s="359" t="s">
        <v>45</v>
      </c>
      <c r="DS6" s="361" t="s">
        <v>52</v>
      </c>
      <c r="DT6" s="357" t="s">
        <v>43</v>
      </c>
      <c r="DU6" s="358" t="s">
        <v>44</v>
      </c>
      <c r="DV6" s="359" t="s">
        <v>45</v>
      </c>
      <c r="DW6" s="360" t="s">
        <v>46</v>
      </c>
      <c r="DX6" s="358" t="s">
        <v>47</v>
      </c>
      <c r="DY6" s="358" t="s">
        <v>48</v>
      </c>
      <c r="DZ6" s="358" t="s">
        <v>49</v>
      </c>
      <c r="EA6" s="358" t="s">
        <v>50</v>
      </c>
      <c r="EB6" s="358" t="s">
        <v>51</v>
      </c>
      <c r="EC6" s="359" t="s">
        <v>45</v>
      </c>
      <c r="ED6" s="361" t="s">
        <v>52</v>
      </c>
      <c r="EE6" s="357" t="s">
        <v>43</v>
      </c>
      <c r="EF6" s="358" t="s">
        <v>44</v>
      </c>
      <c r="EG6" s="359" t="s">
        <v>45</v>
      </c>
      <c r="EH6" s="360" t="s">
        <v>46</v>
      </c>
      <c r="EI6" s="358" t="s">
        <v>47</v>
      </c>
      <c r="EJ6" s="358" t="s">
        <v>48</v>
      </c>
      <c r="EK6" s="358" t="s">
        <v>49</v>
      </c>
      <c r="EL6" s="358" t="s">
        <v>50</v>
      </c>
      <c r="EM6" s="358" t="s">
        <v>51</v>
      </c>
      <c r="EN6" s="359" t="s">
        <v>45</v>
      </c>
      <c r="EO6" s="361" t="s">
        <v>52</v>
      </c>
      <c r="EP6" s="357" t="s">
        <v>43</v>
      </c>
      <c r="EQ6" s="358" t="s">
        <v>44</v>
      </c>
      <c r="ER6" s="359" t="s">
        <v>45</v>
      </c>
      <c r="ES6" s="360" t="s">
        <v>46</v>
      </c>
      <c r="ET6" s="358" t="s">
        <v>47</v>
      </c>
      <c r="EU6" s="358" t="s">
        <v>48</v>
      </c>
      <c r="EV6" s="358" t="s">
        <v>49</v>
      </c>
      <c r="EW6" s="358" t="s">
        <v>50</v>
      </c>
      <c r="EX6" s="358" t="s">
        <v>51</v>
      </c>
      <c r="EY6" s="359" t="s">
        <v>45</v>
      </c>
      <c r="EZ6" s="361" t="s">
        <v>52</v>
      </c>
      <c r="FA6" s="357" t="s">
        <v>43</v>
      </c>
      <c r="FB6" s="358" t="s">
        <v>44</v>
      </c>
      <c r="FC6" s="359" t="s">
        <v>45</v>
      </c>
      <c r="FD6" s="360" t="s">
        <v>46</v>
      </c>
      <c r="FE6" s="358" t="s">
        <v>47</v>
      </c>
      <c r="FF6" s="358" t="s">
        <v>48</v>
      </c>
      <c r="FG6" s="358" t="s">
        <v>49</v>
      </c>
      <c r="FH6" s="358" t="s">
        <v>50</v>
      </c>
      <c r="FI6" s="358" t="s">
        <v>51</v>
      </c>
      <c r="FJ6" s="359" t="s">
        <v>45</v>
      </c>
      <c r="FK6" s="361" t="s">
        <v>52</v>
      </c>
      <c r="FL6" s="357" t="s">
        <v>43</v>
      </c>
      <c r="FM6" s="358" t="s">
        <v>44</v>
      </c>
      <c r="FN6" s="359" t="s">
        <v>45</v>
      </c>
      <c r="FO6" s="360" t="s">
        <v>46</v>
      </c>
      <c r="FP6" s="358" t="s">
        <v>47</v>
      </c>
      <c r="FQ6" s="358" t="s">
        <v>48</v>
      </c>
      <c r="FR6" s="358" t="s">
        <v>49</v>
      </c>
      <c r="FS6" s="358" t="s">
        <v>50</v>
      </c>
      <c r="FT6" s="358" t="s">
        <v>51</v>
      </c>
      <c r="FU6" s="359" t="s">
        <v>45</v>
      </c>
      <c r="FV6" s="361" t="s">
        <v>52</v>
      </c>
      <c r="FW6" s="357" t="s">
        <v>43</v>
      </c>
      <c r="FX6" s="358" t="s">
        <v>44</v>
      </c>
      <c r="FY6" s="359" t="s">
        <v>45</v>
      </c>
      <c r="FZ6" s="360" t="s">
        <v>46</v>
      </c>
      <c r="GA6" s="358" t="s">
        <v>47</v>
      </c>
      <c r="GB6" s="358" t="s">
        <v>48</v>
      </c>
      <c r="GC6" s="358" t="s">
        <v>49</v>
      </c>
      <c r="GD6" s="358" t="s">
        <v>50</v>
      </c>
      <c r="GE6" s="358" t="s">
        <v>51</v>
      </c>
      <c r="GF6" s="359" t="s">
        <v>45</v>
      </c>
      <c r="GG6" s="361" t="s">
        <v>52</v>
      </c>
      <c r="GH6" s="357" t="s">
        <v>43</v>
      </c>
      <c r="GI6" s="358" t="s">
        <v>44</v>
      </c>
      <c r="GJ6" s="359" t="s">
        <v>45</v>
      </c>
      <c r="GK6" s="360" t="s">
        <v>46</v>
      </c>
      <c r="GL6" s="358" t="s">
        <v>47</v>
      </c>
      <c r="GM6" s="358" t="s">
        <v>48</v>
      </c>
      <c r="GN6" s="358" t="s">
        <v>49</v>
      </c>
      <c r="GO6" s="358" t="s">
        <v>50</v>
      </c>
      <c r="GP6" s="358" t="s">
        <v>51</v>
      </c>
      <c r="GQ6" s="359" t="s">
        <v>45</v>
      </c>
      <c r="GR6" s="361" t="s">
        <v>52</v>
      </c>
      <c r="GS6" s="51" t="s">
        <v>43</v>
      </c>
      <c r="GT6" s="47" t="s">
        <v>44</v>
      </c>
      <c r="GU6" s="48" t="s">
        <v>45</v>
      </c>
      <c r="GV6" s="52" t="s">
        <v>46</v>
      </c>
      <c r="GW6" s="47" t="s">
        <v>47</v>
      </c>
      <c r="GX6" s="47" t="s">
        <v>48</v>
      </c>
      <c r="GY6" s="47" t="s">
        <v>49</v>
      </c>
      <c r="GZ6" s="47" t="s">
        <v>50</v>
      </c>
      <c r="HA6" s="47" t="s">
        <v>51</v>
      </c>
      <c r="HB6" s="48" t="s">
        <v>45</v>
      </c>
      <c r="HC6" s="53" t="s">
        <v>52</v>
      </c>
      <c r="HD6" s="357" t="s">
        <v>43</v>
      </c>
      <c r="HE6" s="358" t="s">
        <v>44</v>
      </c>
      <c r="HF6" s="359" t="s">
        <v>45</v>
      </c>
      <c r="HG6" s="360" t="s">
        <v>46</v>
      </c>
      <c r="HH6" s="358" t="s">
        <v>47</v>
      </c>
      <c r="HI6" s="358" t="s">
        <v>48</v>
      </c>
      <c r="HJ6" s="358" t="s">
        <v>49</v>
      </c>
      <c r="HK6" s="358" t="s">
        <v>50</v>
      </c>
      <c r="HL6" s="358" t="s">
        <v>51</v>
      </c>
      <c r="HM6" s="359" t="s">
        <v>45</v>
      </c>
      <c r="HN6" s="361" t="s">
        <v>52</v>
      </c>
      <c r="HO6" s="357" t="s">
        <v>43</v>
      </c>
      <c r="HP6" s="358" t="s">
        <v>44</v>
      </c>
      <c r="HQ6" s="359" t="s">
        <v>45</v>
      </c>
      <c r="HR6" s="360" t="s">
        <v>46</v>
      </c>
      <c r="HS6" s="358" t="s">
        <v>47</v>
      </c>
      <c r="HT6" s="358" t="s">
        <v>48</v>
      </c>
      <c r="HU6" s="358" t="s">
        <v>49</v>
      </c>
      <c r="HV6" s="358" t="s">
        <v>50</v>
      </c>
      <c r="HW6" s="358" t="s">
        <v>51</v>
      </c>
      <c r="HX6" s="359" t="s">
        <v>45</v>
      </c>
      <c r="HY6" s="361" t="s">
        <v>52</v>
      </c>
      <c r="HZ6" s="357" t="s">
        <v>43</v>
      </c>
      <c r="IA6" s="358" t="s">
        <v>44</v>
      </c>
      <c r="IB6" s="359" t="s">
        <v>45</v>
      </c>
      <c r="IC6" s="360" t="s">
        <v>46</v>
      </c>
      <c r="ID6" s="358" t="s">
        <v>47</v>
      </c>
      <c r="IE6" s="358" t="s">
        <v>48</v>
      </c>
      <c r="IF6" s="358" t="s">
        <v>49</v>
      </c>
      <c r="IG6" s="358" t="s">
        <v>50</v>
      </c>
      <c r="IH6" s="358" t="s">
        <v>51</v>
      </c>
      <c r="II6" s="359" t="s">
        <v>45</v>
      </c>
      <c r="IJ6" s="361" t="s">
        <v>52</v>
      </c>
      <c r="IK6" s="357" t="s">
        <v>43</v>
      </c>
      <c r="IL6" s="358" t="s">
        <v>44</v>
      </c>
      <c r="IM6" s="359" t="s">
        <v>45</v>
      </c>
      <c r="IN6" s="360" t="s">
        <v>46</v>
      </c>
      <c r="IO6" s="358" t="s">
        <v>47</v>
      </c>
      <c r="IP6" s="358" t="s">
        <v>48</v>
      </c>
      <c r="IQ6" s="358" t="s">
        <v>49</v>
      </c>
      <c r="IR6" s="358" t="s">
        <v>50</v>
      </c>
      <c r="IS6" s="358" t="s">
        <v>51</v>
      </c>
      <c r="IT6" s="359" t="s">
        <v>45</v>
      </c>
      <c r="IU6" s="361" t="s">
        <v>52</v>
      </c>
      <c r="IV6" s="357" t="s">
        <v>43</v>
      </c>
      <c r="IW6" s="358" t="s">
        <v>44</v>
      </c>
      <c r="IX6" s="359" t="s">
        <v>45</v>
      </c>
      <c r="IY6" s="360" t="s">
        <v>46</v>
      </c>
      <c r="IZ6" s="358" t="s">
        <v>47</v>
      </c>
      <c r="JA6" s="358" t="s">
        <v>48</v>
      </c>
      <c r="JB6" s="358" t="s">
        <v>49</v>
      </c>
      <c r="JC6" s="358" t="s">
        <v>50</v>
      </c>
      <c r="JD6" s="358" t="s">
        <v>51</v>
      </c>
      <c r="JE6" s="359" t="s">
        <v>45</v>
      </c>
      <c r="JF6" s="361" t="s">
        <v>52</v>
      </c>
      <c r="JG6" s="357" t="s">
        <v>43</v>
      </c>
      <c r="JH6" s="358" t="s">
        <v>44</v>
      </c>
      <c r="JI6" s="359" t="s">
        <v>45</v>
      </c>
      <c r="JJ6" s="360" t="s">
        <v>46</v>
      </c>
      <c r="JK6" s="358" t="s">
        <v>47</v>
      </c>
      <c r="JL6" s="358" t="s">
        <v>48</v>
      </c>
      <c r="JM6" s="358" t="s">
        <v>49</v>
      </c>
      <c r="JN6" s="358" t="s">
        <v>50</v>
      </c>
      <c r="JO6" s="358" t="s">
        <v>51</v>
      </c>
      <c r="JP6" s="359" t="s">
        <v>45</v>
      </c>
      <c r="JQ6" s="361" t="s">
        <v>52</v>
      </c>
      <c r="JR6" s="357" t="s">
        <v>43</v>
      </c>
      <c r="JS6" s="358" t="s">
        <v>44</v>
      </c>
      <c r="JT6" s="359" t="s">
        <v>45</v>
      </c>
      <c r="JU6" s="360" t="s">
        <v>46</v>
      </c>
      <c r="JV6" s="358" t="s">
        <v>47</v>
      </c>
      <c r="JW6" s="358" t="s">
        <v>48</v>
      </c>
      <c r="JX6" s="358" t="s">
        <v>49</v>
      </c>
      <c r="JY6" s="358" t="s">
        <v>50</v>
      </c>
      <c r="JZ6" s="358" t="s">
        <v>51</v>
      </c>
      <c r="KA6" s="359" t="s">
        <v>45</v>
      </c>
      <c r="KB6" s="361" t="s">
        <v>52</v>
      </c>
      <c r="KC6" s="357" t="s">
        <v>43</v>
      </c>
      <c r="KD6" s="358" t="s">
        <v>44</v>
      </c>
      <c r="KE6" s="359" t="s">
        <v>45</v>
      </c>
      <c r="KF6" s="360" t="s">
        <v>46</v>
      </c>
      <c r="KG6" s="358" t="s">
        <v>47</v>
      </c>
      <c r="KH6" s="358" t="s">
        <v>48</v>
      </c>
      <c r="KI6" s="358" t="s">
        <v>49</v>
      </c>
      <c r="KJ6" s="358" t="s">
        <v>50</v>
      </c>
      <c r="KK6" s="358" t="s">
        <v>51</v>
      </c>
      <c r="KL6" s="359" t="s">
        <v>45</v>
      </c>
      <c r="KM6" s="361" t="s">
        <v>52</v>
      </c>
    </row>
    <row r="7" spans="2:299" ht="19.8" customHeight="1" x14ac:dyDescent="0.2">
      <c r="B7" s="125" t="s">
        <v>4</v>
      </c>
      <c r="C7" s="315">
        <v>19875</v>
      </c>
      <c r="D7" s="78">
        <v>19759</v>
      </c>
      <c r="E7" s="79">
        <v>39634</v>
      </c>
      <c r="F7" s="240"/>
      <c r="G7" s="78">
        <v>30012</v>
      </c>
      <c r="H7" s="78">
        <v>29107</v>
      </c>
      <c r="I7" s="78">
        <v>20397</v>
      </c>
      <c r="J7" s="78">
        <v>17026</v>
      </c>
      <c r="K7" s="78">
        <v>10487</v>
      </c>
      <c r="L7" s="80">
        <v>107029</v>
      </c>
      <c r="M7" s="81">
        <v>146663</v>
      </c>
      <c r="N7" s="66">
        <v>838</v>
      </c>
      <c r="O7" s="67">
        <v>1044</v>
      </c>
      <c r="P7" s="68">
        <v>1882</v>
      </c>
      <c r="Q7" s="243"/>
      <c r="R7" s="67">
        <v>1345</v>
      </c>
      <c r="S7" s="67">
        <v>1617</v>
      </c>
      <c r="T7" s="67">
        <v>1006</v>
      </c>
      <c r="U7" s="67">
        <v>988</v>
      </c>
      <c r="V7" s="67">
        <v>762</v>
      </c>
      <c r="W7" s="68">
        <v>5718</v>
      </c>
      <c r="X7" s="69">
        <v>7600</v>
      </c>
      <c r="Y7" s="66">
        <v>2083</v>
      </c>
      <c r="Z7" s="67">
        <v>2362</v>
      </c>
      <c r="AA7" s="68">
        <v>4445</v>
      </c>
      <c r="AB7" s="243"/>
      <c r="AC7" s="67">
        <v>3108</v>
      </c>
      <c r="AD7" s="67">
        <v>3495</v>
      </c>
      <c r="AE7" s="67">
        <v>2504</v>
      </c>
      <c r="AF7" s="67">
        <v>2083</v>
      </c>
      <c r="AG7" s="67">
        <v>1532</v>
      </c>
      <c r="AH7" s="68">
        <v>12722</v>
      </c>
      <c r="AI7" s="69">
        <v>17167</v>
      </c>
      <c r="AJ7" s="66">
        <v>2978</v>
      </c>
      <c r="AK7" s="67">
        <v>3286</v>
      </c>
      <c r="AL7" s="68">
        <v>6264</v>
      </c>
      <c r="AM7" s="243"/>
      <c r="AN7" s="67">
        <v>4768</v>
      </c>
      <c r="AO7" s="67">
        <v>4763</v>
      </c>
      <c r="AP7" s="67">
        <v>3303</v>
      </c>
      <c r="AQ7" s="67">
        <v>2769</v>
      </c>
      <c r="AR7" s="67">
        <v>1900</v>
      </c>
      <c r="AS7" s="68">
        <v>17503</v>
      </c>
      <c r="AT7" s="69">
        <v>23767</v>
      </c>
      <c r="AU7" s="66">
        <v>5145</v>
      </c>
      <c r="AV7" s="67">
        <v>4784</v>
      </c>
      <c r="AW7" s="68">
        <v>9929</v>
      </c>
      <c r="AX7" s="243"/>
      <c r="AY7" s="67">
        <v>7559</v>
      </c>
      <c r="AZ7" s="67">
        <v>6791</v>
      </c>
      <c r="BA7" s="67">
        <v>4697</v>
      </c>
      <c r="BB7" s="67">
        <v>3852</v>
      </c>
      <c r="BC7" s="67">
        <v>2447</v>
      </c>
      <c r="BD7" s="68">
        <v>25346</v>
      </c>
      <c r="BE7" s="69">
        <v>35275</v>
      </c>
      <c r="BF7" s="66">
        <v>5569</v>
      </c>
      <c r="BG7" s="67">
        <v>5113</v>
      </c>
      <c r="BH7" s="68">
        <v>10682</v>
      </c>
      <c r="BI7" s="243"/>
      <c r="BJ7" s="67">
        <v>7966</v>
      </c>
      <c r="BK7" s="67">
        <v>7066</v>
      </c>
      <c r="BL7" s="67">
        <v>4926</v>
      </c>
      <c r="BM7" s="67">
        <v>4034</v>
      </c>
      <c r="BN7" s="67">
        <v>2203</v>
      </c>
      <c r="BO7" s="68">
        <v>26195</v>
      </c>
      <c r="BP7" s="69">
        <v>36877</v>
      </c>
      <c r="BQ7" s="66">
        <v>3262</v>
      </c>
      <c r="BR7" s="67">
        <v>3170</v>
      </c>
      <c r="BS7" s="68">
        <v>6432</v>
      </c>
      <c r="BT7" s="243"/>
      <c r="BU7" s="67">
        <v>5266</v>
      </c>
      <c r="BV7" s="67">
        <v>5375</v>
      </c>
      <c r="BW7" s="67">
        <v>3961</v>
      </c>
      <c r="BX7" s="67">
        <v>3300</v>
      </c>
      <c r="BY7" s="67">
        <v>1643</v>
      </c>
      <c r="BZ7" s="68">
        <v>19545</v>
      </c>
      <c r="CA7" s="69">
        <v>25977</v>
      </c>
      <c r="CB7" s="66">
        <v>464</v>
      </c>
      <c r="CC7" s="67">
        <v>757</v>
      </c>
      <c r="CD7" s="68">
        <v>1221</v>
      </c>
      <c r="CE7" s="243"/>
      <c r="CF7" s="67">
        <v>913</v>
      </c>
      <c r="CG7" s="67">
        <v>1307</v>
      </c>
      <c r="CH7" s="67">
        <v>860</v>
      </c>
      <c r="CI7" s="67">
        <v>736</v>
      </c>
      <c r="CJ7" s="67">
        <v>717</v>
      </c>
      <c r="CK7" s="68">
        <v>4533</v>
      </c>
      <c r="CL7" s="69">
        <v>5754</v>
      </c>
      <c r="CM7" s="66">
        <v>20339</v>
      </c>
      <c r="CN7" s="67">
        <v>20516</v>
      </c>
      <c r="CO7" s="68">
        <v>40855</v>
      </c>
      <c r="CP7" s="243"/>
      <c r="CQ7" s="67">
        <v>30925</v>
      </c>
      <c r="CR7" s="67">
        <v>30414</v>
      </c>
      <c r="CS7" s="67">
        <v>21257</v>
      </c>
      <c r="CT7" s="67">
        <v>17762</v>
      </c>
      <c r="CU7" s="67">
        <v>11204</v>
      </c>
      <c r="CV7" s="68">
        <v>111562</v>
      </c>
      <c r="CW7" s="69">
        <v>152417</v>
      </c>
      <c r="CX7" s="122">
        <v>37743</v>
      </c>
      <c r="CY7" s="78">
        <v>43418</v>
      </c>
      <c r="CZ7" s="79">
        <v>81161</v>
      </c>
      <c r="DA7" s="240"/>
      <c r="DB7" s="78">
        <v>55200</v>
      </c>
      <c r="DC7" s="78">
        <v>51564</v>
      </c>
      <c r="DD7" s="78">
        <v>38205</v>
      </c>
      <c r="DE7" s="78">
        <v>37940</v>
      </c>
      <c r="DF7" s="78">
        <v>25529</v>
      </c>
      <c r="DG7" s="80">
        <v>208438</v>
      </c>
      <c r="DH7" s="81">
        <v>289599</v>
      </c>
      <c r="DI7" s="66">
        <v>890</v>
      </c>
      <c r="DJ7" s="67">
        <v>1019</v>
      </c>
      <c r="DK7" s="68">
        <v>1909</v>
      </c>
      <c r="DL7" s="243"/>
      <c r="DM7" s="67">
        <v>1041</v>
      </c>
      <c r="DN7" s="67">
        <v>1122</v>
      </c>
      <c r="DO7" s="67">
        <v>731</v>
      </c>
      <c r="DP7" s="67">
        <v>689</v>
      </c>
      <c r="DQ7" s="67">
        <v>593</v>
      </c>
      <c r="DR7" s="68">
        <v>4176</v>
      </c>
      <c r="DS7" s="69">
        <v>6085</v>
      </c>
      <c r="DT7" s="66">
        <v>2723</v>
      </c>
      <c r="DU7" s="67">
        <v>3294</v>
      </c>
      <c r="DV7" s="68">
        <v>6017</v>
      </c>
      <c r="DW7" s="243"/>
      <c r="DX7" s="67">
        <v>3078</v>
      </c>
      <c r="DY7" s="67">
        <v>3117</v>
      </c>
      <c r="DZ7" s="67">
        <v>1934</v>
      </c>
      <c r="EA7" s="67">
        <v>1865</v>
      </c>
      <c r="EB7" s="67">
        <v>1551</v>
      </c>
      <c r="EC7" s="68">
        <v>11545</v>
      </c>
      <c r="ED7" s="69">
        <v>17562</v>
      </c>
      <c r="EE7" s="66">
        <v>6069</v>
      </c>
      <c r="EF7" s="67">
        <v>6420</v>
      </c>
      <c r="EG7" s="68">
        <v>12489</v>
      </c>
      <c r="EH7" s="243"/>
      <c r="EI7" s="67">
        <v>6835</v>
      </c>
      <c r="EJ7" s="67">
        <v>5676</v>
      </c>
      <c r="EK7" s="67">
        <v>3603</v>
      </c>
      <c r="EL7" s="67">
        <v>3390</v>
      </c>
      <c r="EM7" s="67">
        <v>2666</v>
      </c>
      <c r="EN7" s="68">
        <v>22170</v>
      </c>
      <c r="EO7" s="69">
        <v>34659</v>
      </c>
      <c r="EP7" s="66">
        <v>11217</v>
      </c>
      <c r="EQ7" s="67">
        <v>11566</v>
      </c>
      <c r="ER7" s="68">
        <v>22783</v>
      </c>
      <c r="ES7" s="243"/>
      <c r="ET7" s="67">
        <v>13362</v>
      </c>
      <c r="EU7" s="67">
        <v>10818</v>
      </c>
      <c r="EV7" s="67">
        <v>6972</v>
      </c>
      <c r="EW7" s="67">
        <v>6475</v>
      </c>
      <c r="EX7" s="67">
        <v>4432</v>
      </c>
      <c r="EY7" s="68">
        <v>42059</v>
      </c>
      <c r="EZ7" s="69">
        <v>64842</v>
      </c>
      <c r="FA7" s="66">
        <v>11162</v>
      </c>
      <c r="FB7" s="67">
        <v>12914</v>
      </c>
      <c r="FC7" s="68">
        <v>24076</v>
      </c>
      <c r="FD7" s="243"/>
      <c r="FE7" s="67">
        <v>16919</v>
      </c>
      <c r="FF7" s="67">
        <v>14801</v>
      </c>
      <c r="FG7" s="67">
        <v>10571</v>
      </c>
      <c r="FH7" s="67">
        <v>9890</v>
      </c>
      <c r="FI7" s="67">
        <v>6631</v>
      </c>
      <c r="FJ7" s="68">
        <v>58812</v>
      </c>
      <c r="FK7" s="69">
        <v>82888</v>
      </c>
      <c r="FL7" s="66">
        <v>5682</v>
      </c>
      <c r="FM7" s="67">
        <v>8205</v>
      </c>
      <c r="FN7" s="68">
        <v>13887</v>
      </c>
      <c r="FO7" s="243"/>
      <c r="FP7" s="67">
        <v>13965</v>
      </c>
      <c r="FQ7" s="67">
        <v>16030</v>
      </c>
      <c r="FR7" s="67">
        <v>14394</v>
      </c>
      <c r="FS7" s="67">
        <v>15631</v>
      </c>
      <c r="FT7" s="67">
        <v>9656</v>
      </c>
      <c r="FU7" s="68">
        <v>69676</v>
      </c>
      <c r="FV7" s="69">
        <v>83563</v>
      </c>
      <c r="FW7" s="66">
        <v>382</v>
      </c>
      <c r="FX7" s="67">
        <v>705</v>
      </c>
      <c r="FY7" s="68">
        <v>1087</v>
      </c>
      <c r="FZ7" s="243"/>
      <c r="GA7" s="67">
        <v>672</v>
      </c>
      <c r="GB7" s="67">
        <v>1008</v>
      </c>
      <c r="GC7" s="67">
        <v>617</v>
      </c>
      <c r="GD7" s="67">
        <v>606</v>
      </c>
      <c r="GE7" s="67">
        <v>605</v>
      </c>
      <c r="GF7" s="68">
        <v>3508</v>
      </c>
      <c r="GG7" s="69">
        <v>4595</v>
      </c>
      <c r="GH7" s="66">
        <v>38125</v>
      </c>
      <c r="GI7" s="67">
        <v>44123</v>
      </c>
      <c r="GJ7" s="68">
        <v>82248</v>
      </c>
      <c r="GK7" s="243"/>
      <c r="GL7" s="67">
        <v>55872</v>
      </c>
      <c r="GM7" s="67">
        <v>52572</v>
      </c>
      <c r="GN7" s="67">
        <v>38822</v>
      </c>
      <c r="GO7" s="67">
        <v>38546</v>
      </c>
      <c r="GP7" s="67">
        <v>26134</v>
      </c>
      <c r="GQ7" s="68">
        <v>211946</v>
      </c>
      <c r="GR7" s="69">
        <v>294194</v>
      </c>
      <c r="GS7" s="122">
        <v>57618</v>
      </c>
      <c r="GT7" s="78">
        <v>63177</v>
      </c>
      <c r="GU7" s="79">
        <v>120795</v>
      </c>
      <c r="GV7" s="240"/>
      <c r="GW7" s="78">
        <v>85212</v>
      </c>
      <c r="GX7" s="78">
        <v>80671</v>
      </c>
      <c r="GY7" s="78">
        <v>58602</v>
      </c>
      <c r="GZ7" s="78">
        <v>54966</v>
      </c>
      <c r="HA7" s="78">
        <v>36016</v>
      </c>
      <c r="HB7" s="80">
        <v>315467</v>
      </c>
      <c r="HC7" s="81">
        <v>436262</v>
      </c>
      <c r="HD7" s="66">
        <v>1728</v>
      </c>
      <c r="HE7" s="67">
        <v>2063</v>
      </c>
      <c r="HF7" s="68">
        <v>3791</v>
      </c>
      <c r="HG7" s="243"/>
      <c r="HH7" s="67">
        <v>2386</v>
      </c>
      <c r="HI7" s="67">
        <v>2739</v>
      </c>
      <c r="HJ7" s="67">
        <v>1737</v>
      </c>
      <c r="HK7" s="67">
        <v>1677</v>
      </c>
      <c r="HL7" s="67">
        <v>1355</v>
      </c>
      <c r="HM7" s="68">
        <v>9894</v>
      </c>
      <c r="HN7" s="69">
        <v>13685</v>
      </c>
      <c r="HO7" s="66">
        <v>4806</v>
      </c>
      <c r="HP7" s="67">
        <v>5656</v>
      </c>
      <c r="HQ7" s="68">
        <v>10462</v>
      </c>
      <c r="HR7" s="243"/>
      <c r="HS7" s="67">
        <v>6186</v>
      </c>
      <c r="HT7" s="67">
        <v>6612</v>
      </c>
      <c r="HU7" s="67">
        <v>4438</v>
      </c>
      <c r="HV7" s="67">
        <v>3948</v>
      </c>
      <c r="HW7" s="67">
        <v>3083</v>
      </c>
      <c r="HX7" s="68">
        <v>24267</v>
      </c>
      <c r="HY7" s="69">
        <v>34729</v>
      </c>
      <c r="HZ7" s="66">
        <v>9047</v>
      </c>
      <c r="IA7" s="67">
        <v>9706</v>
      </c>
      <c r="IB7" s="68">
        <v>18753</v>
      </c>
      <c r="IC7" s="243"/>
      <c r="ID7" s="67">
        <v>11603</v>
      </c>
      <c r="IE7" s="67">
        <v>10439</v>
      </c>
      <c r="IF7" s="67">
        <v>6906</v>
      </c>
      <c r="IG7" s="67">
        <v>6159</v>
      </c>
      <c r="IH7" s="67">
        <v>4566</v>
      </c>
      <c r="II7" s="68">
        <v>39673</v>
      </c>
      <c r="IJ7" s="69">
        <v>58426</v>
      </c>
      <c r="IK7" s="66">
        <v>16362</v>
      </c>
      <c r="IL7" s="67">
        <v>16350</v>
      </c>
      <c r="IM7" s="68">
        <v>32712</v>
      </c>
      <c r="IN7" s="243"/>
      <c r="IO7" s="67">
        <v>20921</v>
      </c>
      <c r="IP7" s="67">
        <v>17609</v>
      </c>
      <c r="IQ7" s="67">
        <v>11669</v>
      </c>
      <c r="IR7" s="67">
        <v>10327</v>
      </c>
      <c r="IS7" s="67">
        <v>6879</v>
      </c>
      <c r="IT7" s="68">
        <v>67405</v>
      </c>
      <c r="IU7" s="69">
        <v>100117</v>
      </c>
      <c r="IV7" s="66">
        <v>16731</v>
      </c>
      <c r="IW7" s="67">
        <v>18027</v>
      </c>
      <c r="IX7" s="68">
        <v>34758</v>
      </c>
      <c r="IY7" s="243"/>
      <c r="IZ7" s="67">
        <v>24885</v>
      </c>
      <c r="JA7" s="67">
        <v>21867</v>
      </c>
      <c r="JB7" s="67">
        <v>15497</v>
      </c>
      <c r="JC7" s="67">
        <v>13924</v>
      </c>
      <c r="JD7" s="67">
        <v>8834</v>
      </c>
      <c r="JE7" s="68">
        <v>85007</v>
      </c>
      <c r="JF7" s="69">
        <v>119765</v>
      </c>
      <c r="JG7" s="66">
        <v>8944</v>
      </c>
      <c r="JH7" s="67">
        <v>11375</v>
      </c>
      <c r="JI7" s="68">
        <v>20319</v>
      </c>
      <c r="JJ7" s="243"/>
      <c r="JK7" s="67">
        <v>19231</v>
      </c>
      <c r="JL7" s="67">
        <v>21405</v>
      </c>
      <c r="JM7" s="67">
        <v>18355</v>
      </c>
      <c r="JN7" s="67">
        <v>18931</v>
      </c>
      <c r="JO7" s="67">
        <v>11299</v>
      </c>
      <c r="JP7" s="68">
        <v>89221</v>
      </c>
      <c r="JQ7" s="69">
        <v>109540</v>
      </c>
      <c r="JR7" s="66">
        <v>846</v>
      </c>
      <c r="JS7" s="67">
        <v>1462</v>
      </c>
      <c r="JT7" s="68">
        <v>2308</v>
      </c>
      <c r="JU7" s="243"/>
      <c r="JV7" s="67">
        <v>1585</v>
      </c>
      <c r="JW7" s="67">
        <v>2315</v>
      </c>
      <c r="JX7" s="67">
        <v>1477</v>
      </c>
      <c r="JY7" s="67">
        <v>1342</v>
      </c>
      <c r="JZ7" s="67">
        <v>1322</v>
      </c>
      <c r="KA7" s="68">
        <v>8041</v>
      </c>
      <c r="KB7" s="69">
        <v>10349</v>
      </c>
      <c r="KC7" s="66">
        <v>58464</v>
      </c>
      <c r="KD7" s="67">
        <v>64639</v>
      </c>
      <c r="KE7" s="68">
        <v>123103</v>
      </c>
      <c r="KF7" s="243"/>
      <c r="KG7" s="67">
        <v>86797</v>
      </c>
      <c r="KH7" s="67">
        <v>82986</v>
      </c>
      <c r="KI7" s="67">
        <v>60079</v>
      </c>
      <c r="KJ7" s="67">
        <v>56308</v>
      </c>
      <c r="KK7" s="67">
        <v>37338</v>
      </c>
      <c r="KL7" s="68">
        <v>323508</v>
      </c>
      <c r="KM7" s="69">
        <v>446611</v>
      </c>
    </row>
    <row r="8" spans="2:299" ht="19.8" customHeight="1" x14ac:dyDescent="0.2">
      <c r="B8" s="126" t="s">
        <v>5</v>
      </c>
      <c r="C8" s="316">
        <v>8109</v>
      </c>
      <c r="D8" s="82">
        <v>9306</v>
      </c>
      <c r="E8" s="83">
        <v>17415</v>
      </c>
      <c r="F8" s="241"/>
      <c r="G8" s="82">
        <v>9974</v>
      </c>
      <c r="H8" s="82">
        <v>12929</v>
      </c>
      <c r="I8" s="82">
        <v>8490</v>
      </c>
      <c r="J8" s="82">
        <v>7058</v>
      </c>
      <c r="K8" s="82">
        <v>4396</v>
      </c>
      <c r="L8" s="84">
        <v>42847</v>
      </c>
      <c r="M8" s="85">
        <v>60262</v>
      </c>
      <c r="N8" s="70">
        <v>317</v>
      </c>
      <c r="O8" s="71">
        <v>479</v>
      </c>
      <c r="P8" s="72">
        <v>796</v>
      </c>
      <c r="Q8" s="244"/>
      <c r="R8" s="71">
        <v>409</v>
      </c>
      <c r="S8" s="71">
        <v>734</v>
      </c>
      <c r="T8" s="71">
        <v>401</v>
      </c>
      <c r="U8" s="71">
        <v>402</v>
      </c>
      <c r="V8" s="71">
        <v>319</v>
      </c>
      <c r="W8" s="72">
        <v>2265</v>
      </c>
      <c r="X8" s="73">
        <v>3061</v>
      </c>
      <c r="Y8" s="70">
        <v>799</v>
      </c>
      <c r="Z8" s="71">
        <v>1070</v>
      </c>
      <c r="AA8" s="72">
        <v>1869</v>
      </c>
      <c r="AB8" s="244"/>
      <c r="AC8" s="71">
        <v>960</v>
      </c>
      <c r="AD8" s="71">
        <v>1513</v>
      </c>
      <c r="AE8" s="71">
        <v>1085</v>
      </c>
      <c r="AF8" s="71">
        <v>860</v>
      </c>
      <c r="AG8" s="71">
        <v>662</v>
      </c>
      <c r="AH8" s="72">
        <v>5080</v>
      </c>
      <c r="AI8" s="73">
        <v>6949</v>
      </c>
      <c r="AJ8" s="70">
        <v>1151</v>
      </c>
      <c r="AK8" s="71">
        <v>1503</v>
      </c>
      <c r="AL8" s="72">
        <v>2654</v>
      </c>
      <c r="AM8" s="244"/>
      <c r="AN8" s="71">
        <v>1496</v>
      </c>
      <c r="AO8" s="71">
        <v>2102</v>
      </c>
      <c r="AP8" s="71">
        <v>1325</v>
      </c>
      <c r="AQ8" s="71">
        <v>1140</v>
      </c>
      <c r="AR8" s="71">
        <v>760</v>
      </c>
      <c r="AS8" s="72">
        <v>6823</v>
      </c>
      <c r="AT8" s="73">
        <v>9477</v>
      </c>
      <c r="AU8" s="70">
        <v>2119</v>
      </c>
      <c r="AV8" s="71">
        <v>2252</v>
      </c>
      <c r="AW8" s="72">
        <v>4371</v>
      </c>
      <c r="AX8" s="244"/>
      <c r="AY8" s="71">
        <v>2501</v>
      </c>
      <c r="AZ8" s="71">
        <v>2892</v>
      </c>
      <c r="BA8" s="71">
        <v>1884</v>
      </c>
      <c r="BB8" s="71">
        <v>1550</v>
      </c>
      <c r="BC8" s="71">
        <v>1019</v>
      </c>
      <c r="BD8" s="72">
        <v>9846</v>
      </c>
      <c r="BE8" s="73">
        <v>14217</v>
      </c>
      <c r="BF8" s="70">
        <v>2344</v>
      </c>
      <c r="BG8" s="71">
        <v>2470</v>
      </c>
      <c r="BH8" s="72">
        <v>4814</v>
      </c>
      <c r="BI8" s="244"/>
      <c r="BJ8" s="71">
        <v>2780</v>
      </c>
      <c r="BK8" s="71">
        <v>3157</v>
      </c>
      <c r="BL8" s="71">
        <v>2045</v>
      </c>
      <c r="BM8" s="71">
        <v>1694</v>
      </c>
      <c r="BN8" s="71">
        <v>924</v>
      </c>
      <c r="BO8" s="72">
        <v>10600</v>
      </c>
      <c r="BP8" s="73">
        <v>15414</v>
      </c>
      <c r="BQ8" s="70">
        <v>1379</v>
      </c>
      <c r="BR8" s="71">
        <v>1532</v>
      </c>
      <c r="BS8" s="72">
        <v>2911</v>
      </c>
      <c r="BT8" s="244"/>
      <c r="BU8" s="71">
        <v>1828</v>
      </c>
      <c r="BV8" s="71">
        <v>2531</v>
      </c>
      <c r="BW8" s="71">
        <v>1750</v>
      </c>
      <c r="BX8" s="71">
        <v>1412</v>
      </c>
      <c r="BY8" s="71">
        <v>712</v>
      </c>
      <c r="BZ8" s="72">
        <v>8233</v>
      </c>
      <c r="CA8" s="73">
        <v>11144</v>
      </c>
      <c r="CB8" s="70">
        <v>175</v>
      </c>
      <c r="CC8" s="71">
        <v>322</v>
      </c>
      <c r="CD8" s="72">
        <v>497</v>
      </c>
      <c r="CE8" s="244"/>
      <c r="CF8" s="71">
        <v>268</v>
      </c>
      <c r="CG8" s="71">
        <v>597</v>
      </c>
      <c r="CH8" s="71">
        <v>382</v>
      </c>
      <c r="CI8" s="71">
        <v>325</v>
      </c>
      <c r="CJ8" s="71">
        <v>330</v>
      </c>
      <c r="CK8" s="72">
        <v>1902</v>
      </c>
      <c r="CL8" s="73">
        <v>2399</v>
      </c>
      <c r="CM8" s="70">
        <v>8284</v>
      </c>
      <c r="CN8" s="71">
        <v>9628</v>
      </c>
      <c r="CO8" s="72">
        <v>17912</v>
      </c>
      <c r="CP8" s="244"/>
      <c r="CQ8" s="71">
        <v>10242</v>
      </c>
      <c r="CR8" s="71">
        <v>13526</v>
      </c>
      <c r="CS8" s="71">
        <v>8872</v>
      </c>
      <c r="CT8" s="71">
        <v>7383</v>
      </c>
      <c r="CU8" s="71">
        <v>4726</v>
      </c>
      <c r="CV8" s="72">
        <v>44749</v>
      </c>
      <c r="CW8" s="73">
        <v>62661</v>
      </c>
      <c r="CX8" s="123">
        <v>14918</v>
      </c>
      <c r="CY8" s="82">
        <v>19483</v>
      </c>
      <c r="CZ8" s="83">
        <v>34401</v>
      </c>
      <c r="DA8" s="241"/>
      <c r="DB8" s="82">
        <v>19138</v>
      </c>
      <c r="DC8" s="82">
        <v>23411</v>
      </c>
      <c r="DD8" s="82">
        <v>15819</v>
      </c>
      <c r="DE8" s="82">
        <v>15546</v>
      </c>
      <c r="DF8" s="82">
        <v>10638</v>
      </c>
      <c r="DG8" s="84">
        <v>84552</v>
      </c>
      <c r="DH8" s="85">
        <v>118953</v>
      </c>
      <c r="DI8" s="70">
        <v>331</v>
      </c>
      <c r="DJ8" s="71">
        <v>438</v>
      </c>
      <c r="DK8" s="72">
        <v>769</v>
      </c>
      <c r="DL8" s="244"/>
      <c r="DM8" s="71">
        <v>326</v>
      </c>
      <c r="DN8" s="71">
        <v>491</v>
      </c>
      <c r="DO8" s="71">
        <v>289</v>
      </c>
      <c r="DP8" s="71">
        <v>264</v>
      </c>
      <c r="DQ8" s="71">
        <v>251</v>
      </c>
      <c r="DR8" s="72">
        <v>1621</v>
      </c>
      <c r="DS8" s="73">
        <v>2390</v>
      </c>
      <c r="DT8" s="70">
        <v>1036</v>
      </c>
      <c r="DU8" s="71">
        <v>1421</v>
      </c>
      <c r="DV8" s="72">
        <v>2457</v>
      </c>
      <c r="DW8" s="244"/>
      <c r="DX8" s="71">
        <v>941</v>
      </c>
      <c r="DY8" s="71">
        <v>1358</v>
      </c>
      <c r="DZ8" s="71">
        <v>789</v>
      </c>
      <c r="EA8" s="71">
        <v>753</v>
      </c>
      <c r="EB8" s="71">
        <v>644</v>
      </c>
      <c r="EC8" s="72">
        <v>4485</v>
      </c>
      <c r="ED8" s="73">
        <v>6942</v>
      </c>
      <c r="EE8" s="70">
        <v>2428</v>
      </c>
      <c r="EF8" s="71">
        <v>2829</v>
      </c>
      <c r="EG8" s="72">
        <v>5257</v>
      </c>
      <c r="EH8" s="244"/>
      <c r="EI8" s="71">
        <v>2249</v>
      </c>
      <c r="EJ8" s="71">
        <v>2479</v>
      </c>
      <c r="EK8" s="71">
        <v>1447</v>
      </c>
      <c r="EL8" s="71">
        <v>1301</v>
      </c>
      <c r="EM8" s="71">
        <v>1086</v>
      </c>
      <c r="EN8" s="72">
        <v>8562</v>
      </c>
      <c r="EO8" s="73">
        <v>13819</v>
      </c>
      <c r="EP8" s="70">
        <v>4380</v>
      </c>
      <c r="EQ8" s="71">
        <v>5093</v>
      </c>
      <c r="ER8" s="72">
        <v>9473</v>
      </c>
      <c r="ES8" s="244"/>
      <c r="ET8" s="71">
        <v>4600</v>
      </c>
      <c r="EU8" s="71">
        <v>4865</v>
      </c>
      <c r="EV8" s="71">
        <v>2873</v>
      </c>
      <c r="EW8" s="71">
        <v>2621</v>
      </c>
      <c r="EX8" s="71">
        <v>1779</v>
      </c>
      <c r="EY8" s="72">
        <v>16738</v>
      </c>
      <c r="EZ8" s="73">
        <v>26211</v>
      </c>
      <c r="FA8" s="70">
        <v>4540</v>
      </c>
      <c r="FB8" s="71">
        <v>5945</v>
      </c>
      <c r="FC8" s="72">
        <v>10485</v>
      </c>
      <c r="FD8" s="244"/>
      <c r="FE8" s="71">
        <v>6120</v>
      </c>
      <c r="FF8" s="71">
        <v>6951</v>
      </c>
      <c r="FG8" s="71">
        <v>4419</v>
      </c>
      <c r="FH8" s="71">
        <v>4169</v>
      </c>
      <c r="FI8" s="71">
        <v>2779</v>
      </c>
      <c r="FJ8" s="72">
        <v>24438</v>
      </c>
      <c r="FK8" s="73">
        <v>34923</v>
      </c>
      <c r="FL8" s="70">
        <v>2203</v>
      </c>
      <c r="FM8" s="71">
        <v>3757</v>
      </c>
      <c r="FN8" s="72">
        <v>5960</v>
      </c>
      <c r="FO8" s="244"/>
      <c r="FP8" s="71">
        <v>4902</v>
      </c>
      <c r="FQ8" s="71">
        <v>7267</v>
      </c>
      <c r="FR8" s="71">
        <v>6002</v>
      </c>
      <c r="FS8" s="71">
        <v>6438</v>
      </c>
      <c r="FT8" s="71">
        <v>4099</v>
      </c>
      <c r="FU8" s="72">
        <v>28708</v>
      </c>
      <c r="FV8" s="73">
        <v>34668</v>
      </c>
      <c r="FW8" s="70">
        <v>165</v>
      </c>
      <c r="FX8" s="71">
        <v>296</v>
      </c>
      <c r="FY8" s="72">
        <v>461</v>
      </c>
      <c r="FZ8" s="244"/>
      <c r="GA8" s="71">
        <v>184</v>
      </c>
      <c r="GB8" s="71">
        <v>451</v>
      </c>
      <c r="GC8" s="71">
        <v>259</v>
      </c>
      <c r="GD8" s="71">
        <v>253</v>
      </c>
      <c r="GE8" s="71">
        <v>248</v>
      </c>
      <c r="GF8" s="72">
        <v>1395</v>
      </c>
      <c r="GG8" s="73">
        <v>1856</v>
      </c>
      <c r="GH8" s="70">
        <v>15083</v>
      </c>
      <c r="GI8" s="71">
        <v>19779</v>
      </c>
      <c r="GJ8" s="72">
        <v>34862</v>
      </c>
      <c r="GK8" s="244"/>
      <c r="GL8" s="71">
        <v>19322</v>
      </c>
      <c r="GM8" s="71">
        <v>23862</v>
      </c>
      <c r="GN8" s="71">
        <v>16078</v>
      </c>
      <c r="GO8" s="71">
        <v>15799</v>
      </c>
      <c r="GP8" s="71">
        <v>10886</v>
      </c>
      <c r="GQ8" s="72">
        <v>85947</v>
      </c>
      <c r="GR8" s="73">
        <v>120809</v>
      </c>
      <c r="GS8" s="123">
        <v>23027</v>
      </c>
      <c r="GT8" s="82">
        <v>28789</v>
      </c>
      <c r="GU8" s="83">
        <v>51816</v>
      </c>
      <c r="GV8" s="241"/>
      <c r="GW8" s="82">
        <v>29112</v>
      </c>
      <c r="GX8" s="82">
        <v>36340</v>
      </c>
      <c r="GY8" s="82">
        <v>24309</v>
      </c>
      <c r="GZ8" s="82">
        <v>22604</v>
      </c>
      <c r="HA8" s="82">
        <v>15034</v>
      </c>
      <c r="HB8" s="84">
        <v>127399</v>
      </c>
      <c r="HC8" s="85">
        <v>179215</v>
      </c>
      <c r="HD8" s="70">
        <v>648</v>
      </c>
      <c r="HE8" s="71">
        <v>917</v>
      </c>
      <c r="HF8" s="72">
        <v>1565</v>
      </c>
      <c r="HG8" s="244"/>
      <c r="HH8" s="71">
        <v>735</v>
      </c>
      <c r="HI8" s="71">
        <v>1225</v>
      </c>
      <c r="HJ8" s="71">
        <v>690</v>
      </c>
      <c r="HK8" s="71">
        <v>666</v>
      </c>
      <c r="HL8" s="71">
        <v>570</v>
      </c>
      <c r="HM8" s="72">
        <v>3886</v>
      </c>
      <c r="HN8" s="73">
        <v>5451</v>
      </c>
      <c r="HO8" s="70">
        <v>1835</v>
      </c>
      <c r="HP8" s="71">
        <v>2491</v>
      </c>
      <c r="HQ8" s="72">
        <v>4326</v>
      </c>
      <c r="HR8" s="244"/>
      <c r="HS8" s="71">
        <v>1901</v>
      </c>
      <c r="HT8" s="71">
        <v>2871</v>
      </c>
      <c r="HU8" s="71">
        <v>1874</v>
      </c>
      <c r="HV8" s="71">
        <v>1613</v>
      </c>
      <c r="HW8" s="71">
        <v>1306</v>
      </c>
      <c r="HX8" s="72">
        <v>9565</v>
      </c>
      <c r="HY8" s="73">
        <v>13891</v>
      </c>
      <c r="HZ8" s="70">
        <v>3579</v>
      </c>
      <c r="IA8" s="71">
        <v>4332</v>
      </c>
      <c r="IB8" s="72">
        <v>7911</v>
      </c>
      <c r="IC8" s="244"/>
      <c r="ID8" s="71">
        <v>3745</v>
      </c>
      <c r="IE8" s="71">
        <v>4581</v>
      </c>
      <c r="IF8" s="71">
        <v>2772</v>
      </c>
      <c r="IG8" s="71">
        <v>2441</v>
      </c>
      <c r="IH8" s="71">
        <v>1846</v>
      </c>
      <c r="II8" s="72">
        <v>15385</v>
      </c>
      <c r="IJ8" s="73">
        <v>23296</v>
      </c>
      <c r="IK8" s="70">
        <v>6499</v>
      </c>
      <c r="IL8" s="71">
        <v>7345</v>
      </c>
      <c r="IM8" s="72">
        <v>13844</v>
      </c>
      <c r="IN8" s="244"/>
      <c r="IO8" s="71">
        <v>7101</v>
      </c>
      <c r="IP8" s="71">
        <v>7757</v>
      </c>
      <c r="IQ8" s="71">
        <v>4757</v>
      </c>
      <c r="IR8" s="71">
        <v>4171</v>
      </c>
      <c r="IS8" s="71">
        <v>2798</v>
      </c>
      <c r="IT8" s="72">
        <v>26584</v>
      </c>
      <c r="IU8" s="73">
        <v>40428</v>
      </c>
      <c r="IV8" s="70">
        <v>6884</v>
      </c>
      <c r="IW8" s="71">
        <v>8415</v>
      </c>
      <c r="IX8" s="72">
        <v>15299</v>
      </c>
      <c r="IY8" s="244"/>
      <c r="IZ8" s="71">
        <v>8900</v>
      </c>
      <c r="JA8" s="71">
        <v>10108</v>
      </c>
      <c r="JB8" s="71">
        <v>6464</v>
      </c>
      <c r="JC8" s="71">
        <v>5863</v>
      </c>
      <c r="JD8" s="71">
        <v>3703</v>
      </c>
      <c r="JE8" s="72">
        <v>35038</v>
      </c>
      <c r="JF8" s="73">
        <v>50337</v>
      </c>
      <c r="JG8" s="70">
        <v>3582</v>
      </c>
      <c r="JH8" s="71">
        <v>5289</v>
      </c>
      <c r="JI8" s="72">
        <v>8871</v>
      </c>
      <c r="JJ8" s="244"/>
      <c r="JK8" s="71">
        <v>6730</v>
      </c>
      <c r="JL8" s="71">
        <v>9798</v>
      </c>
      <c r="JM8" s="71">
        <v>7752</v>
      </c>
      <c r="JN8" s="71">
        <v>7850</v>
      </c>
      <c r="JO8" s="71">
        <v>4811</v>
      </c>
      <c r="JP8" s="72">
        <v>36941</v>
      </c>
      <c r="JQ8" s="73">
        <v>45812</v>
      </c>
      <c r="JR8" s="70">
        <v>340</v>
      </c>
      <c r="JS8" s="71">
        <v>618</v>
      </c>
      <c r="JT8" s="72">
        <v>958</v>
      </c>
      <c r="JU8" s="244"/>
      <c r="JV8" s="71">
        <v>452</v>
      </c>
      <c r="JW8" s="71">
        <v>1048</v>
      </c>
      <c r="JX8" s="71">
        <v>641</v>
      </c>
      <c r="JY8" s="71">
        <v>578</v>
      </c>
      <c r="JZ8" s="71">
        <v>578</v>
      </c>
      <c r="KA8" s="72">
        <v>3297</v>
      </c>
      <c r="KB8" s="73">
        <v>4255</v>
      </c>
      <c r="KC8" s="70">
        <v>23367</v>
      </c>
      <c r="KD8" s="71">
        <v>29407</v>
      </c>
      <c r="KE8" s="72">
        <v>52774</v>
      </c>
      <c r="KF8" s="244"/>
      <c r="KG8" s="71">
        <v>29564</v>
      </c>
      <c r="KH8" s="71">
        <v>37388</v>
      </c>
      <c r="KI8" s="71">
        <v>24950</v>
      </c>
      <c r="KJ8" s="71">
        <v>23182</v>
      </c>
      <c r="KK8" s="71">
        <v>15612</v>
      </c>
      <c r="KL8" s="72">
        <v>130696</v>
      </c>
      <c r="KM8" s="73">
        <v>183470</v>
      </c>
    </row>
    <row r="9" spans="2:299" ht="19.8" customHeight="1" x14ac:dyDescent="0.2">
      <c r="B9" s="126" t="s">
        <v>6</v>
      </c>
      <c r="C9" s="316">
        <v>2648</v>
      </c>
      <c r="D9" s="82">
        <v>2315</v>
      </c>
      <c r="E9" s="83">
        <v>4963</v>
      </c>
      <c r="F9" s="241"/>
      <c r="G9" s="82">
        <v>4933</v>
      </c>
      <c r="H9" s="82">
        <v>3684</v>
      </c>
      <c r="I9" s="82">
        <v>2866</v>
      </c>
      <c r="J9" s="82">
        <v>2507</v>
      </c>
      <c r="K9" s="82">
        <v>1679</v>
      </c>
      <c r="L9" s="84">
        <v>15669</v>
      </c>
      <c r="M9" s="85">
        <v>20632</v>
      </c>
      <c r="N9" s="70">
        <v>130</v>
      </c>
      <c r="O9" s="71">
        <v>148</v>
      </c>
      <c r="P9" s="72">
        <v>278</v>
      </c>
      <c r="Q9" s="244"/>
      <c r="R9" s="71">
        <v>275</v>
      </c>
      <c r="S9" s="71">
        <v>231</v>
      </c>
      <c r="T9" s="71">
        <v>151</v>
      </c>
      <c r="U9" s="71">
        <v>164</v>
      </c>
      <c r="V9" s="71">
        <v>132</v>
      </c>
      <c r="W9" s="72">
        <v>953</v>
      </c>
      <c r="X9" s="73">
        <v>1231</v>
      </c>
      <c r="Y9" s="70">
        <v>318</v>
      </c>
      <c r="Z9" s="71">
        <v>286</v>
      </c>
      <c r="AA9" s="72">
        <v>604</v>
      </c>
      <c r="AB9" s="244"/>
      <c r="AC9" s="71">
        <v>584</v>
      </c>
      <c r="AD9" s="71">
        <v>514</v>
      </c>
      <c r="AE9" s="71">
        <v>369</v>
      </c>
      <c r="AF9" s="71">
        <v>333</v>
      </c>
      <c r="AG9" s="71">
        <v>249</v>
      </c>
      <c r="AH9" s="72">
        <v>2049</v>
      </c>
      <c r="AI9" s="73">
        <v>2653</v>
      </c>
      <c r="AJ9" s="70">
        <v>402</v>
      </c>
      <c r="AK9" s="71">
        <v>427</v>
      </c>
      <c r="AL9" s="72">
        <v>829</v>
      </c>
      <c r="AM9" s="244"/>
      <c r="AN9" s="71">
        <v>804</v>
      </c>
      <c r="AO9" s="71">
        <v>628</v>
      </c>
      <c r="AP9" s="71">
        <v>460</v>
      </c>
      <c r="AQ9" s="71">
        <v>420</v>
      </c>
      <c r="AR9" s="71">
        <v>329</v>
      </c>
      <c r="AS9" s="72">
        <v>2641</v>
      </c>
      <c r="AT9" s="73">
        <v>3470</v>
      </c>
      <c r="AU9" s="70">
        <v>627</v>
      </c>
      <c r="AV9" s="71">
        <v>483</v>
      </c>
      <c r="AW9" s="72">
        <v>1110</v>
      </c>
      <c r="AX9" s="244"/>
      <c r="AY9" s="71">
        <v>1231</v>
      </c>
      <c r="AZ9" s="71">
        <v>847</v>
      </c>
      <c r="BA9" s="71">
        <v>707</v>
      </c>
      <c r="BB9" s="71">
        <v>550</v>
      </c>
      <c r="BC9" s="71">
        <v>335</v>
      </c>
      <c r="BD9" s="72">
        <v>3670</v>
      </c>
      <c r="BE9" s="73">
        <v>4780</v>
      </c>
      <c r="BF9" s="70">
        <v>712</v>
      </c>
      <c r="BG9" s="71">
        <v>621</v>
      </c>
      <c r="BH9" s="72">
        <v>1333</v>
      </c>
      <c r="BI9" s="244"/>
      <c r="BJ9" s="71">
        <v>1206</v>
      </c>
      <c r="BK9" s="71">
        <v>833</v>
      </c>
      <c r="BL9" s="71">
        <v>673</v>
      </c>
      <c r="BM9" s="71">
        <v>575</v>
      </c>
      <c r="BN9" s="71">
        <v>382</v>
      </c>
      <c r="BO9" s="72">
        <v>3669</v>
      </c>
      <c r="BP9" s="73">
        <v>5002</v>
      </c>
      <c r="BQ9" s="70">
        <v>459</v>
      </c>
      <c r="BR9" s="71">
        <v>350</v>
      </c>
      <c r="BS9" s="72">
        <v>809</v>
      </c>
      <c r="BT9" s="244"/>
      <c r="BU9" s="71">
        <v>833</v>
      </c>
      <c r="BV9" s="71">
        <v>631</v>
      </c>
      <c r="BW9" s="71">
        <v>506</v>
      </c>
      <c r="BX9" s="71">
        <v>465</v>
      </c>
      <c r="BY9" s="71">
        <v>252</v>
      </c>
      <c r="BZ9" s="72">
        <v>2687</v>
      </c>
      <c r="CA9" s="73">
        <v>3496</v>
      </c>
      <c r="CB9" s="70">
        <v>80</v>
      </c>
      <c r="CC9" s="71">
        <v>96</v>
      </c>
      <c r="CD9" s="72">
        <v>176</v>
      </c>
      <c r="CE9" s="244"/>
      <c r="CF9" s="71">
        <v>184</v>
      </c>
      <c r="CG9" s="71">
        <v>179</v>
      </c>
      <c r="CH9" s="71">
        <v>126</v>
      </c>
      <c r="CI9" s="71">
        <v>128</v>
      </c>
      <c r="CJ9" s="71">
        <v>121</v>
      </c>
      <c r="CK9" s="72">
        <v>738</v>
      </c>
      <c r="CL9" s="73">
        <v>914</v>
      </c>
      <c r="CM9" s="70">
        <v>2728</v>
      </c>
      <c r="CN9" s="71">
        <v>2411</v>
      </c>
      <c r="CO9" s="72">
        <v>5139</v>
      </c>
      <c r="CP9" s="244"/>
      <c r="CQ9" s="71">
        <v>5117</v>
      </c>
      <c r="CR9" s="71">
        <v>3863</v>
      </c>
      <c r="CS9" s="71">
        <v>2992</v>
      </c>
      <c r="CT9" s="71">
        <v>2635</v>
      </c>
      <c r="CU9" s="71">
        <v>1800</v>
      </c>
      <c r="CV9" s="72">
        <v>16407</v>
      </c>
      <c r="CW9" s="73">
        <v>21546</v>
      </c>
      <c r="CX9" s="123">
        <v>5171</v>
      </c>
      <c r="CY9" s="82">
        <v>5243</v>
      </c>
      <c r="CZ9" s="83">
        <v>10414</v>
      </c>
      <c r="DA9" s="241"/>
      <c r="DB9" s="82">
        <v>8795</v>
      </c>
      <c r="DC9" s="82">
        <v>6499</v>
      </c>
      <c r="DD9" s="82">
        <v>5321</v>
      </c>
      <c r="DE9" s="82">
        <v>5507</v>
      </c>
      <c r="DF9" s="82">
        <v>3610</v>
      </c>
      <c r="DG9" s="84">
        <v>29732</v>
      </c>
      <c r="DH9" s="85">
        <v>40146</v>
      </c>
      <c r="DI9" s="70">
        <v>131</v>
      </c>
      <c r="DJ9" s="71">
        <v>103</v>
      </c>
      <c r="DK9" s="72">
        <v>234</v>
      </c>
      <c r="DL9" s="244"/>
      <c r="DM9" s="71">
        <v>191</v>
      </c>
      <c r="DN9" s="71">
        <v>144</v>
      </c>
      <c r="DO9" s="71">
        <v>109</v>
      </c>
      <c r="DP9" s="71">
        <v>108</v>
      </c>
      <c r="DQ9" s="71">
        <v>77</v>
      </c>
      <c r="DR9" s="72">
        <v>629</v>
      </c>
      <c r="DS9" s="73">
        <v>863</v>
      </c>
      <c r="DT9" s="70">
        <v>364</v>
      </c>
      <c r="DU9" s="71">
        <v>387</v>
      </c>
      <c r="DV9" s="72">
        <v>751</v>
      </c>
      <c r="DW9" s="244"/>
      <c r="DX9" s="71">
        <v>511</v>
      </c>
      <c r="DY9" s="71">
        <v>381</v>
      </c>
      <c r="DZ9" s="71">
        <v>267</v>
      </c>
      <c r="EA9" s="71">
        <v>288</v>
      </c>
      <c r="EB9" s="71">
        <v>211</v>
      </c>
      <c r="EC9" s="72">
        <v>1658</v>
      </c>
      <c r="ED9" s="73">
        <v>2409</v>
      </c>
      <c r="EE9" s="70">
        <v>809</v>
      </c>
      <c r="EF9" s="71">
        <v>790</v>
      </c>
      <c r="EG9" s="72">
        <v>1599</v>
      </c>
      <c r="EH9" s="244"/>
      <c r="EI9" s="71">
        <v>1121</v>
      </c>
      <c r="EJ9" s="71">
        <v>696</v>
      </c>
      <c r="EK9" s="71">
        <v>509</v>
      </c>
      <c r="EL9" s="71">
        <v>511</v>
      </c>
      <c r="EM9" s="71">
        <v>338</v>
      </c>
      <c r="EN9" s="72">
        <v>3175</v>
      </c>
      <c r="EO9" s="73">
        <v>4774</v>
      </c>
      <c r="EP9" s="70">
        <v>1547</v>
      </c>
      <c r="EQ9" s="71">
        <v>1388</v>
      </c>
      <c r="ER9" s="72">
        <v>2935</v>
      </c>
      <c r="ES9" s="244"/>
      <c r="ET9" s="71">
        <v>2181</v>
      </c>
      <c r="EU9" s="71">
        <v>1375</v>
      </c>
      <c r="EV9" s="71">
        <v>987</v>
      </c>
      <c r="EW9" s="71">
        <v>928</v>
      </c>
      <c r="EX9" s="71">
        <v>616</v>
      </c>
      <c r="EY9" s="72">
        <v>6087</v>
      </c>
      <c r="EZ9" s="73">
        <v>9022</v>
      </c>
      <c r="FA9" s="70">
        <v>1541</v>
      </c>
      <c r="FB9" s="71">
        <v>1590</v>
      </c>
      <c r="FC9" s="72">
        <v>3131</v>
      </c>
      <c r="FD9" s="244"/>
      <c r="FE9" s="71">
        <v>2627</v>
      </c>
      <c r="FF9" s="71">
        <v>1877</v>
      </c>
      <c r="FG9" s="71">
        <v>1485</v>
      </c>
      <c r="FH9" s="71">
        <v>1429</v>
      </c>
      <c r="FI9" s="71">
        <v>1006</v>
      </c>
      <c r="FJ9" s="72">
        <v>8424</v>
      </c>
      <c r="FK9" s="73">
        <v>11555</v>
      </c>
      <c r="FL9" s="70">
        <v>779</v>
      </c>
      <c r="FM9" s="71">
        <v>985</v>
      </c>
      <c r="FN9" s="72">
        <v>1764</v>
      </c>
      <c r="FO9" s="244"/>
      <c r="FP9" s="71">
        <v>2164</v>
      </c>
      <c r="FQ9" s="71">
        <v>2026</v>
      </c>
      <c r="FR9" s="71">
        <v>1964</v>
      </c>
      <c r="FS9" s="71">
        <v>2243</v>
      </c>
      <c r="FT9" s="71">
        <v>1362</v>
      </c>
      <c r="FU9" s="72">
        <v>9759</v>
      </c>
      <c r="FV9" s="73">
        <v>11523</v>
      </c>
      <c r="FW9" s="70">
        <v>53</v>
      </c>
      <c r="FX9" s="71">
        <v>94</v>
      </c>
      <c r="FY9" s="72">
        <v>147</v>
      </c>
      <c r="FZ9" s="244"/>
      <c r="GA9" s="71">
        <v>133</v>
      </c>
      <c r="GB9" s="71">
        <v>123</v>
      </c>
      <c r="GC9" s="71">
        <v>106</v>
      </c>
      <c r="GD9" s="71">
        <v>106</v>
      </c>
      <c r="GE9" s="71">
        <v>95</v>
      </c>
      <c r="GF9" s="72">
        <v>563</v>
      </c>
      <c r="GG9" s="73">
        <v>710</v>
      </c>
      <c r="GH9" s="70">
        <v>5224</v>
      </c>
      <c r="GI9" s="71">
        <v>5337</v>
      </c>
      <c r="GJ9" s="72">
        <v>10561</v>
      </c>
      <c r="GK9" s="244"/>
      <c r="GL9" s="71">
        <v>8928</v>
      </c>
      <c r="GM9" s="71">
        <v>6622</v>
      </c>
      <c r="GN9" s="71">
        <v>5427</v>
      </c>
      <c r="GO9" s="71">
        <v>5613</v>
      </c>
      <c r="GP9" s="71">
        <v>3705</v>
      </c>
      <c r="GQ9" s="72">
        <v>30295</v>
      </c>
      <c r="GR9" s="73">
        <v>40856</v>
      </c>
      <c r="GS9" s="123">
        <v>7819</v>
      </c>
      <c r="GT9" s="82">
        <v>7558</v>
      </c>
      <c r="GU9" s="83">
        <v>15377</v>
      </c>
      <c r="GV9" s="241"/>
      <c r="GW9" s="82">
        <v>13728</v>
      </c>
      <c r="GX9" s="82">
        <v>10183</v>
      </c>
      <c r="GY9" s="82">
        <v>8187</v>
      </c>
      <c r="GZ9" s="82">
        <v>8014</v>
      </c>
      <c r="HA9" s="82">
        <v>5289</v>
      </c>
      <c r="HB9" s="84">
        <v>45401</v>
      </c>
      <c r="HC9" s="85">
        <v>60778</v>
      </c>
      <c r="HD9" s="70">
        <v>261</v>
      </c>
      <c r="HE9" s="71">
        <v>251</v>
      </c>
      <c r="HF9" s="72">
        <v>512</v>
      </c>
      <c r="HG9" s="244"/>
      <c r="HH9" s="71">
        <v>466</v>
      </c>
      <c r="HI9" s="71">
        <v>375</v>
      </c>
      <c r="HJ9" s="71">
        <v>260</v>
      </c>
      <c r="HK9" s="71">
        <v>272</v>
      </c>
      <c r="HL9" s="71">
        <v>209</v>
      </c>
      <c r="HM9" s="72">
        <v>1582</v>
      </c>
      <c r="HN9" s="73">
        <v>2094</v>
      </c>
      <c r="HO9" s="70">
        <v>682</v>
      </c>
      <c r="HP9" s="71">
        <v>673</v>
      </c>
      <c r="HQ9" s="72">
        <v>1355</v>
      </c>
      <c r="HR9" s="244"/>
      <c r="HS9" s="71">
        <v>1095</v>
      </c>
      <c r="HT9" s="71">
        <v>895</v>
      </c>
      <c r="HU9" s="71">
        <v>636</v>
      </c>
      <c r="HV9" s="71">
        <v>621</v>
      </c>
      <c r="HW9" s="71">
        <v>460</v>
      </c>
      <c r="HX9" s="72">
        <v>3707</v>
      </c>
      <c r="HY9" s="73">
        <v>5062</v>
      </c>
      <c r="HZ9" s="70">
        <v>1211</v>
      </c>
      <c r="IA9" s="71">
        <v>1217</v>
      </c>
      <c r="IB9" s="72">
        <v>2428</v>
      </c>
      <c r="IC9" s="244"/>
      <c r="ID9" s="71">
        <v>1925</v>
      </c>
      <c r="IE9" s="71">
        <v>1324</v>
      </c>
      <c r="IF9" s="71">
        <v>969</v>
      </c>
      <c r="IG9" s="71">
        <v>931</v>
      </c>
      <c r="IH9" s="71">
        <v>667</v>
      </c>
      <c r="II9" s="72">
        <v>5816</v>
      </c>
      <c r="IJ9" s="73">
        <v>8244</v>
      </c>
      <c r="IK9" s="70">
        <v>2174</v>
      </c>
      <c r="IL9" s="71">
        <v>1871</v>
      </c>
      <c r="IM9" s="72">
        <v>4045</v>
      </c>
      <c r="IN9" s="244"/>
      <c r="IO9" s="71">
        <v>3412</v>
      </c>
      <c r="IP9" s="71">
        <v>2222</v>
      </c>
      <c r="IQ9" s="71">
        <v>1694</v>
      </c>
      <c r="IR9" s="71">
        <v>1478</v>
      </c>
      <c r="IS9" s="71">
        <v>951</v>
      </c>
      <c r="IT9" s="72">
        <v>9757</v>
      </c>
      <c r="IU9" s="73">
        <v>13802</v>
      </c>
      <c r="IV9" s="70">
        <v>2253</v>
      </c>
      <c r="IW9" s="71">
        <v>2211</v>
      </c>
      <c r="IX9" s="72">
        <v>4464</v>
      </c>
      <c r="IY9" s="244"/>
      <c r="IZ9" s="71">
        <v>3833</v>
      </c>
      <c r="JA9" s="71">
        <v>2710</v>
      </c>
      <c r="JB9" s="71">
        <v>2158</v>
      </c>
      <c r="JC9" s="71">
        <v>2004</v>
      </c>
      <c r="JD9" s="71">
        <v>1388</v>
      </c>
      <c r="JE9" s="72">
        <v>12093</v>
      </c>
      <c r="JF9" s="73">
        <v>16557</v>
      </c>
      <c r="JG9" s="70">
        <v>1238</v>
      </c>
      <c r="JH9" s="71">
        <v>1335</v>
      </c>
      <c r="JI9" s="72">
        <v>2573</v>
      </c>
      <c r="JJ9" s="244"/>
      <c r="JK9" s="71">
        <v>2997</v>
      </c>
      <c r="JL9" s="71">
        <v>2657</v>
      </c>
      <c r="JM9" s="71">
        <v>2470</v>
      </c>
      <c r="JN9" s="71">
        <v>2708</v>
      </c>
      <c r="JO9" s="71">
        <v>1614</v>
      </c>
      <c r="JP9" s="72">
        <v>12446</v>
      </c>
      <c r="JQ9" s="73">
        <v>15019</v>
      </c>
      <c r="JR9" s="70">
        <v>133</v>
      </c>
      <c r="JS9" s="71">
        <v>190</v>
      </c>
      <c r="JT9" s="72">
        <v>323</v>
      </c>
      <c r="JU9" s="244"/>
      <c r="JV9" s="71">
        <v>317</v>
      </c>
      <c r="JW9" s="71">
        <v>302</v>
      </c>
      <c r="JX9" s="71">
        <v>232</v>
      </c>
      <c r="JY9" s="71">
        <v>234</v>
      </c>
      <c r="JZ9" s="71">
        <v>216</v>
      </c>
      <c r="KA9" s="72">
        <v>1301</v>
      </c>
      <c r="KB9" s="73">
        <v>1624</v>
      </c>
      <c r="KC9" s="70">
        <v>7952</v>
      </c>
      <c r="KD9" s="71">
        <v>7748</v>
      </c>
      <c r="KE9" s="72">
        <v>15700</v>
      </c>
      <c r="KF9" s="244"/>
      <c r="KG9" s="71">
        <v>14045</v>
      </c>
      <c r="KH9" s="71">
        <v>10485</v>
      </c>
      <c r="KI9" s="71">
        <v>8419</v>
      </c>
      <c r="KJ9" s="71">
        <v>8248</v>
      </c>
      <c r="KK9" s="71">
        <v>5505</v>
      </c>
      <c r="KL9" s="72">
        <v>46702</v>
      </c>
      <c r="KM9" s="73">
        <v>62402</v>
      </c>
    </row>
    <row r="10" spans="2:299" ht="19.8" customHeight="1" x14ac:dyDescent="0.2">
      <c r="B10" s="126" t="s">
        <v>14</v>
      </c>
      <c r="C10" s="316">
        <v>1487</v>
      </c>
      <c r="D10" s="82">
        <v>1836</v>
      </c>
      <c r="E10" s="83">
        <v>3323</v>
      </c>
      <c r="F10" s="241"/>
      <c r="G10" s="82">
        <v>2224</v>
      </c>
      <c r="H10" s="82">
        <v>2404</v>
      </c>
      <c r="I10" s="82">
        <v>1850</v>
      </c>
      <c r="J10" s="82">
        <v>1413</v>
      </c>
      <c r="K10" s="82">
        <v>914</v>
      </c>
      <c r="L10" s="84">
        <v>8805</v>
      </c>
      <c r="M10" s="85">
        <v>12128</v>
      </c>
      <c r="N10" s="70">
        <v>80</v>
      </c>
      <c r="O10" s="71">
        <v>92</v>
      </c>
      <c r="P10" s="72">
        <v>172</v>
      </c>
      <c r="Q10" s="244"/>
      <c r="R10" s="71">
        <v>99</v>
      </c>
      <c r="S10" s="71">
        <v>132</v>
      </c>
      <c r="T10" s="71">
        <v>96</v>
      </c>
      <c r="U10" s="71">
        <v>83</v>
      </c>
      <c r="V10" s="71">
        <v>74</v>
      </c>
      <c r="W10" s="72">
        <v>484</v>
      </c>
      <c r="X10" s="73">
        <v>656</v>
      </c>
      <c r="Y10" s="70">
        <v>180</v>
      </c>
      <c r="Z10" s="71">
        <v>269</v>
      </c>
      <c r="AA10" s="72">
        <v>449</v>
      </c>
      <c r="AB10" s="244"/>
      <c r="AC10" s="71">
        <v>206</v>
      </c>
      <c r="AD10" s="71">
        <v>277</v>
      </c>
      <c r="AE10" s="71">
        <v>230</v>
      </c>
      <c r="AF10" s="71">
        <v>188</v>
      </c>
      <c r="AG10" s="71">
        <v>111</v>
      </c>
      <c r="AH10" s="72">
        <v>1012</v>
      </c>
      <c r="AI10" s="73">
        <v>1461</v>
      </c>
      <c r="AJ10" s="70">
        <v>258</v>
      </c>
      <c r="AK10" s="71">
        <v>333</v>
      </c>
      <c r="AL10" s="72">
        <v>591</v>
      </c>
      <c r="AM10" s="244"/>
      <c r="AN10" s="71">
        <v>391</v>
      </c>
      <c r="AO10" s="71">
        <v>385</v>
      </c>
      <c r="AP10" s="71">
        <v>318</v>
      </c>
      <c r="AQ10" s="71">
        <v>238</v>
      </c>
      <c r="AR10" s="71">
        <v>187</v>
      </c>
      <c r="AS10" s="72">
        <v>1519</v>
      </c>
      <c r="AT10" s="73">
        <v>2110</v>
      </c>
      <c r="AU10" s="70">
        <v>409</v>
      </c>
      <c r="AV10" s="71">
        <v>488</v>
      </c>
      <c r="AW10" s="72">
        <v>897</v>
      </c>
      <c r="AX10" s="244"/>
      <c r="AY10" s="71">
        <v>611</v>
      </c>
      <c r="AZ10" s="71">
        <v>598</v>
      </c>
      <c r="BA10" s="71">
        <v>475</v>
      </c>
      <c r="BB10" s="71">
        <v>372</v>
      </c>
      <c r="BC10" s="71">
        <v>230</v>
      </c>
      <c r="BD10" s="72">
        <v>2286</v>
      </c>
      <c r="BE10" s="73">
        <v>3183</v>
      </c>
      <c r="BF10" s="70">
        <v>360</v>
      </c>
      <c r="BG10" s="71">
        <v>400</v>
      </c>
      <c r="BH10" s="72">
        <v>760</v>
      </c>
      <c r="BI10" s="244"/>
      <c r="BJ10" s="71">
        <v>555</v>
      </c>
      <c r="BK10" s="71">
        <v>637</v>
      </c>
      <c r="BL10" s="71">
        <v>441</v>
      </c>
      <c r="BM10" s="71">
        <v>306</v>
      </c>
      <c r="BN10" s="71">
        <v>180</v>
      </c>
      <c r="BO10" s="72">
        <v>2119</v>
      </c>
      <c r="BP10" s="73">
        <v>2879</v>
      </c>
      <c r="BQ10" s="70">
        <v>200</v>
      </c>
      <c r="BR10" s="71">
        <v>254</v>
      </c>
      <c r="BS10" s="72">
        <v>454</v>
      </c>
      <c r="BT10" s="244"/>
      <c r="BU10" s="71">
        <v>362</v>
      </c>
      <c r="BV10" s="71">
        <v>375</v>
      </c>
      <c r="BW10" s="71">
        <v>290</v>
      </c>
      <c r="BX10" s="71">
        <v>226</v>
      </c>
      <c r="BY10" s="71">
        <v>132</v>
      </c>
      <c r="BZ10" s="72">
        <v>1385</v>
      </c>
      <c r="CA10" s="73">
        <v>1839</v>
      </c>
      <c r="CB10" s="70">
        <v>37</v>
      </c>
      <c r="CC10" s="71">
        <v>81</v>
      </c>
      <c r="CD10" s="72">
        <v>118</v>
      </c>
      <c r="CE10" s="244"/>
      <c r="CF10" s="71">
        <v>49</v>
      </c>
      <c r="CG10" s="71">
        <v>106</v>
      </c>
      <c r="CH10" s="71">
        <v>57</v>
      </c>
      <c r="CI10" s="71">
        <v>68</v>
      </c>
      <c r="CJ10" s="71">
        <v>50</v>
      </c>
      <c r="CK10" s="72">
        <v>330</v>
      </c>
      <c r="CL10" s="73">
        <v>448</v>
      </c>
      <c r="CM10" s="70">
        <v>1524</v>
      </c>
      <c r="CN10" s="71">
        <v>1917</v>
      </c>
      <c r="CO10" s="72">
        <v>3441</v>
      </c>
      <c r="CP10" s="244"/>
      <c r="CQ10" s="71">
        <v>2273</v>
      </c>
      <c r="CR10" s="71">
        <v>2510</v>
      </c>
      <c r="CS10" s="71">
        <v>1907</v>
      </c>
      <c r="CT10" s="71">
        <v>1481</v>
      </c>
      <c r="CU10" s="71">
        <v>964</v>
      </c>
      <c r="CV10" s="72">
        <v>9135</v>
      </c>
      <c r="CW10" s="73">
        <v>12576</v>
      </c>
      <c r="CX10" s="123">
        <v>2814</v>
      </c>
      <c r="CY10" s="82">
        <v>3991</v>
      </c>
      <c r="CZ10" s="83">
        <v>6805</v>
      </c>
      <c r="DA10" s="241"/>
      <c r="DB10" s="82">
        <v>3662</v>
      </c>
      <c r="DC10" s="82">
        <v>3912</v>
      </c>
      <c r="DD10" s="82">
        <v>2988</v>
      </c>
      <c r="DE10" s="82">
        <v>3059</v>
      </c>
      <c r="DF10" s="82">
        <v>1902</v>
      </c>
      <c r="DG10" s="84">
        <v>15523</v>
      </c>
      <c r="DH10" s="85">
        <v>22328</v>
      </c>
      <c r="DI10" s="70">
        <v>84</v>
      </c>
      <c r="DJ10" s="71">
        <v>102</v>
      </c>
      <c r="DK10" s="72">
        <v>186</v>
      </c>
      <c r="DL10" s="244"/>
      <c r="DM10" s="71">
        <v>58</v>
      </c>
      <c r="DN10" s="71">
        <v>96</v>
      </c>
      <c r="DO10" s="71">
        <v>65</v>
      </c>
      <c r="DP10" s="71">
        <v>62</v>
      </c>
      <c r="DQ10" s="71">
        <v>44</v>
      </c>
      <c r="DR10" s="72">
        <v>325</v>
      </c>
      <c r="DS10" s="73">
        <v>511</v>
      </c>
      <c r="DT10" s="70">
        <v>263</v>
      </c>
      <c r="DU10" s="71">
        <v>372</v>
      </c>
      <c r="DV10" s="72">
        <v>635</v>
      </c>
      <c r="DW10" s="244"/>
      <c r="DX10" s="71">
        <v>236</v>
      </c>
      <c r="DY10" s="71">
        <v>311</v>
      </c>
      <c r="DZ10" s="71">
        <v>173</v>
      </c>
      <c r="EA10" s="71">
        <v>160</v>
      </c>
      <c r="EB10" s="71">
        <v>141</v>
      </c>
      <c r="EC10" s="72">
        <v>1021</v>
      </c>
      <c r="ED10" s="73">
        <v>1656</v>
      </c>
      <c r="EE10" s="70">
        <v>511</v>
      </c>
      <c r="EF10" s="71">
        <v>669</v>
      </c>
      <c r="EG10" s="72">
        <v>1180</v>
      </c>
      <c r="EH10" s="244"/>
      <c r="EI10" s="71">
        <v>521</v>
      </c>
      <c r="EJ10" s="71">
        <v>511</v>
      </c>
      <c r="EK10" s="71">
        <v>318</v>
      </c>
      <c r="EL10" s="71">
        <v>338</v>
      </c>
      <c r="EM10" s="71">
        <v>245</v>
      </c>
      <c r="EN10" s="72">
        <v>1933</v>
      </c>
      <c r="EO10" s="73">
        <v>3113</v>
      </c>
      <c r="EP10" s="70">
        <v>861</v>
      </c>
      <c r="EQ10" s="71">
        <v>1150</v>
      </c>
      <c r="ER10" s="72">
        <v>2011</v>
      </c>
      <c r="ES10" s="244"/>
      <c r="ET10" s="71">
        <v>987</v>
      </c>
      <c r="EU10" s="71">
        <v>905</v>
      </c>
      <c r="EV10" s="71">
        <v>607</v>
      </c>
      <c r="EW10" s="71">
        <v>547</v>
      </c>
      <c r="EX10" s="71">
        <v>370</v>
      </c>
      <c r="EY10" s="72">
        <v>3416</v>
      </c>
      <c r="EZ10" s="73">
        <v>5427</v>
      </c>
      <c r="FA10" s="70">
        <v>737</v>
      </c>
      <c r="FB10" s="71">
        <v>1081</v>
      </c>
      <c r="FC10" s="72">
        <v>1818</v>
      </c>
      <c r="FD10" s="244"/>
      <c r="FE10" s="71">
        <v>1062</v>
      </c>
      <c r="FF10" s="71">
        <v>1049</v>
      </c>
      <c r="FG10" s="71">
        <v>784</v>
      </c>
      <c r="FH10" s="71">
        <v>792</v>
      </c>
      <c r="FI10" s="71">
        <v>455</v>
      </c>
      <c r="FJ10" s="72">
        <v>4142</v>
      </c>
      <c r="FK10" s="73">
        <v>5960</v>
      </c>
      <c r="FL10" s="70">
        <v>358</v>
      </c>
      <c r="FM10" s="71">
        <v>617</v>
      </c>
      <c r="FN10" s="72">
        <v>975</v>
      </c>
      <c r="FO10" s="244"/>
      <c r="FP10" s="71">
        <v>798</v>
      </c>
      <c r="FQ10" s="71">
        <v>1040</v>
      </c>
      <c r="FR10" s="71">
        <v>1041</v>
      </c>
      <c r="FS10" s="71">
        <v>1160</v>
      </c>
      <c r="FT10" s="71">
        <v>647</v>
      </c>
      <c r="FU10" s="72">
        <v>4686</v>
      </c>
      <c r="FV10" s="73">
        <v>5661</v>
      </c>
      <c r="FW10" s="70">
        <v>18</v>
      </c>
      <c r="FX10" s="71">
        <v>78</v>
      </c>
      <c r="FY10" s="72">
        <v>96</v>
      </c>
      <c r="FZ10" s="244"/>
      <c r="GA10" s="71">
        <v>44</v>
      </c>
      <c r="GB10" s="71">
        <v>81</v>
      </c>
      <c r="GC10" s="71">
        <v>42</v>
      </c>
      <c r="GD10" s="71">
        <v>48</v>
      </c>
      <c r="GE10" s="71">
        <v>54</v>
      </c>
      <c r="GF10" s="72">
        <v>269</v>
      </c>
      <c r="GG10" s="73">
        <v>365</v>
      </c>
      <c r="GH10" s="70">
        <v>2832</v>
      </c>
      <c r="GI10" s="71">
        <v>4069</v>
      </c>
      <c r="GJ10" s="72">
        <v>6901</v>
      </c>
      <c r="GK10" s="244"/>
      <c r="GL10" s="71">
        <v>3706</v>
      </c>
      <c r="GM10" s="71">
        <v>3993</v>
      </c>
      <c r="GN10" s="71">
        <v>3030</v>
      </c>
      <c r="GO10" s="71">
        <v>3107</v>
      </c>
      <c r="GP10" s="71">
        <v>1956</v>
      </c>
      <c r="GQ10" s="72">
        <v>15792</v>
      </c>
      <c r="GR10" s="73">
        <v>22693</v>
      </c>
      <c r="GS10" s="123">
        <v>4301</v>
      </c>
      <c r="GT10" s="82">
        <v>5827</v>
      </c>
      <c r="GU10" s="83">
        <v>10128</v>
      </c>
      <c r="GV10" s="241"/>
      <c r="GW10" s="82">
        <v>5886</v>
      </c>
      <c r="GX10" s="82">
        <v>6316</v>
      </c>
      <c r="GY10" s="82">
        <v>4838</v>
      </c>
      <c r="GZ10" s="82">
        <v>4472</v>
      </c>
      <c r="HA10" s="82">
        <v>2816</v>
      </c>
      <c r="HB10" s="84">
        <v>24328</v>
      </c>
      <c r="HC10" s="85">
        <v>34456</v>
      </c>
      <c r="HD10" s="70">
        <v>164</v>
      </c>
      <c r="HE10" s="71">
        <v>194</v>
      </c>
      <c r="HF10" s="72">
        <v>358</v>
      </c>
      <c r="HG10" s="244"/>
      <c r="HH10" s="71">
        <v>157</v>
      </c>
      <c r="HI10" s="71">
        <v>228</v>
      </c>
      <c r="HJ10" s="71">
        <v>161</v>
      </c>
      <c r="HK10" s="71">
        <v>145</v>
      </c>
      <c r="HL10" s="71">
        <v>118</v>
      </c>
      <c r="HM10" s="72">
        <v>809</v>
      </c>
      <c r="HN10" s="73">
        <v>1167</v>
      </c>
      <c r="HO10" s="70">
        <v>443</v>
      </c>
      <c r="HP10" s="71">
        <v>641</v>
      </c>
      <c r="HQ10" s="72">
        <v>1084</v>
      </c>
      <c r="HR10" s="244"/>
      <c r="HS10" s="71">
        <v>442</v>
      </c>
      <c r="HT10" s="71">
        <v>588</v>
      </c>
      <c r="HU10" s="71">
        <v>403</v>
      </c>
      <c r="HV10" s="71">
        <v>348</v>
      </c>
      <c r="HW10" s="71">
        <v>252</v>
      </c>
      <c r="HX10" s="72">
        <v>2033</v>
      </c>
      <c r="HY10" s="73">
        <v>3117</v>
      </c>
      <c r="HZ10" s="70">
        <v>769</v>
      </c>
      <c r="IA10" s="71">
        <v>1002</v>
      </c>
      <c r="IB10" s="72">
        <v>1771</v>
      </c>
      <c r="IC10" s="244"/>
      <c r="ID10" s="71">
        <v>912</v>
      </c>
      <c r="IE10" s="71">
        <v>896</v>
      </c>
      <c r="IF10" s="71">
        <v>636</v>
      </c>
      <c r="IG10" s="71">
        <v>576</v>
      </c>
      <c r="IH10" s="71">
        <v>432</v>
      </c>
      <c r="II10" s="72">
        <v>3452</v>
      </c>
      <c r="IJ10" s="73">
        <v>5223</v>
      </c>
      <c r="IK10" s="70">
        <v>1270</v>
      </c>
      <c r="IL10" s="71">
        <v>1638</v>
      </c>
      <c r="IM10" s="72">
        <v>2908</v>
      </c>
      <c r="IN10" s="244"/>
      <c r="IO10" s="71">
        <v>1598</v>
      </c>
      <c r="IP10" s="71">
        <v>1503</v>
      </c>
      <c r="IQ10" s="71">
        <v>1082</v>
      </c>
      <c r="IR10" s="71">
        <v>919</v>
      </c>
      <c r="IS10" s="71">
        <v>600</v>
      </c>
      <c r="IT10" s="72">
        <v>5702</v>
      </c>
      <c r="IU10" s="73">
        <v>8610</v>
      </c>
      <c r="IV10" s="70">
        <v>1097</v>
      </c>
      <c r="IW10" s="71">
        <v>1481</v>
      </c>
      <c r="IX10" s="72">
        <v>2578</v>
      </c>
      <c r="IY10" s="244"/>
      <c r="IZ10" s="71">
        <v>1617</v>
      </c>
      <c r="JA10" s="71">
        <v>1686</v>
      </c>
      <c r="JB10" s="71">
        <v>1225</v>
      </c>
      <c r="JC10" s="71">
        <v>1098</v>
      </c>
      <c r="JD10" s="71">
        <v>635</v>
      </c>
      <c r="JE10" s="72">
        <v>6261</v>
      </c>
      <c r="JF10" s="73">
        <v>8839</v>
      </c>
      <c r="JG10" s="70">
        <v>558</v>
      </c>
      <c r="JH10" s="71">
        <v>871</v>
      </c>
      <c r="JI10" s="72">
        <v>1429</v>
      </c>
      <c r="JJ10" s="244"/>
      <c r="JK10" s="71">
        <v>1160</v>
      </c>
      <c r="JL10" s="71">
        <v>1415</v>
      </c>
      <c r="JM10" s="71">
        <v>1331</v>
      </c>
      <c r="JN10" s="71">
        <v>1386</v>
      </c>
      <c r="JO10" s="71">
        <v>779</v>
      </c>
      <c r="JP10" s="72">
        <v>6071</v>
      </c>
      <c r="JQ10" s="73">
        <v>7500</v>
      </c>
      <c r="JR10" s="70">
        <v>55</v>
      </c>
      <c r="JS10" s="71">
        <v>159</v>
      </c>
      <c r="JT10" s="72">
        <v>214</v>
      </c>
      <c r="JU10" s="244"/>
      <c r="JV10" s="71">
        <v>93</v>
      </c>
      <c r="JW10" s="71">
        <v>187</v>
      </c>
      <c r="JX10" s="71">
        <v>99</v>
      </c>
      <c r="JY10" s="71">
        <v>116</v>
      </c>
      <c r="JZ10" s="71">
        <v>104</v>
      </c>
      <c r="KA10" s="72">
        <v>599</v>
      </c>
      <c r="KB10" s="73">
        <v>813</v>
      </c>
      <c r="KC10" s="70">
        <v>4356</v>
      </c>
      <c r="KD10" s="71">
        <v>5986</v>
      </c>
      <c r="KE10" s="72">
        <v>10342</v>
      </c>
      <c r="KF10" s="244"/>
      <c r="KG10" s="71">
        <v>5979</v>
      </c>
      <c r="KH10" s="71">
        <v>6503</v>
      </c>
      <c r="KI10" s="71">
        <v>4937</v>
      </c>
      <c r="KJ10" s="71">
        <v>4588</v>
      </c>
      <c r="KK10" s="71">
        <v>2920</v>
      </c>
      <c r="KL10" s="72">
        <v>24927</v>
      </c>
      <c r="KM10" s="73">
        <v>35269</v>
      </c>
    </row>
    <row r="11" spans="2:299" ht="19.8" customHeight="1" x14ac:dyDescent="0.2">
      <c r="B11" s="126" t="s">
        <v>7</v>
      </c>
      <c r="C11" s="316">
        <v>989</v>
      </c>
      <c r="D11" s="82">
        <v>713</v>
      </c>
      <c r="E11" s="83">
        <v>1702</v>
      </c>
      <c r="F11" s="241"/>
      <c r="G11" s="82">
        <v>2292</v>
      </c>
      <c r="H11" s="82">
        <v>1517</v>
      </c>
      <c r="I11" s="82">
        <v>979</v>
      </c>
      <c r="J11" s="82">
        <v>839</v>
      </c>
      <c r="K11" s="82">
        <v>473</v>
      </c>
      <c r="L11" s="84">
        <v>6100</v>
      </c>
      <c r="M11" s="85">
        <v>7802</v>
      </c>
      <c r="N11" s="70">
        <v>34</v>
      </c>
      <c r="O11" s="71">
        <v>24</v>
      </c>
      <c r="P11" s="72">
        <v>58</v>
      </c>
      <c r="Q11" s="244"/>
      <c r="R11" s="71">
        <v>88</v>
      </c>
      <c r="S11" s="71">
        <v>81</v>
      </c>
      <c r="T11" s="71">
        <v>52</v>
      </c>
      <c r="U11" s="71">
        <v>47</v>
      </c>
      <c r="V11" s="71">
        <v>27</v>
      </c>
      <c r="W11" s="72">
        <v>295</v>
      </c>
      <c r="X11" s="73">
        <v>353</v>
      </c>
      <c r="Y11" s="70">
        <v>99</v>
      </c>
      <c r="Z11" s="71">
        <v>76</v>
      </c>
      <c r="AA11" s="72">
        <v>175</v>
      </c>
      <c r="AB11" s="244"/>
      <c r="AC11" s="71">
        <v>256</v>
      </c>
      <c r="AD11" s="71">
        <v>183</v>
      </c>
      <c r="AE11" s="71">
        <v>118</v>
      </c>
      <c r="AF11" s="71">
        <v>81</v>
      </c>
      <c r="AG11" s="71">
        <v>73</v>
      </c>
      <c r="AH11" s="72">
        <v>711</v>
      </c>
      <c r="AI11" s="73">
        <v>886</v>
      </c>
      <c r="AJ11" s="70">
        <v>151</v>
      </c>
      <c r="AK11" s="71">
        <v>115</v>
      </c>
      <c r="AL11" s="72">
        <v>266</v>
      </c>
      <c r="AM11" s="244"/>
      <c r="AN11" s="71">
        <v>383</v>
      </c>
      <c r="AO11" s="71">
        <v>236</v>
      </c>
      <c r="AP11" s="71">
        <v>156</v>
      </c>
      <c r="AQ11" s="71">
        <v>133</v>
      </c>
      <c r="AR11" s="71">
        <v>79</v>
      </c>
      <c r="AS11" s="72">
        <v>987</v>
      </c>
      <c r="AT11" s="73">
        <v>1253</v>
      </c>
      <c r="AU11" s="70">
        <v>262</v>
      </c>
      <c r="AV11" s="71">
        <v>175</v>
      </c>
      <c r="AW11" s="72">
        <v>437</v>
      </c>
      <c r="AX11" s="244"/>
      <c r="AY11" s="71">
        <v>546</v>
      </c>
      <c r="AZ11" s="71">
        <v>407</v>
      </c>
      <c r="BA11" s="71">
        <v>224</v>
      </c>
      <c r="BB11" s="71">
        <v>182</v>
      </c>
      <c r="BC11" s="71">
        <v>122</v>
      </c>
      <c r="BD11" s="72">
        <v>1481</v>
      </c>
      <c r="BE11" s="73">
        <v>1918</v>
      </c>
      <c r="BF11" s="70">
        <v>294</v>
      </c>
      <c r="BG11" s="71">
        <v>212</v>
      </c>
      <c r="BH11" s="72">
        <v>506</v>
      </c>
      <c r="BI11" s="244"/>
      <c r="BJ11" s="71">
        <v>604</v>
      </c>
      <c r="BK11" s="71">
        <v>345</v>
      </c>
      <c r="BL11" s="71">
        <v>253</v>
      </c>
      <c r="BM11" s="71">
        <v>196</v>
      </c>
      <c r="BN11" s="71">
        <v>104</v>
      </c>
      <c r="BO11" s="72">
        <v>1502</v>
      </c>
      <c r="BP11" s="73">
        <v>2008</v>
      </c>
      <c r="BQ11" s="70">
        <v>149</v>
      </c>
      <c r="BR11" s="71">
        <v>111</v>
      </c>
      <c r="BS11" s="72">
        <v>260</v>
      </c>
      <c r="BT11" s="244"/>
      <c r="BU11" s="71">
        <v>415</v>
      </c>
      <c r="BV11" s="71">
        <v>265</v>
      </c>
      <c r="BW11" s="71">
        <v>176</v>
      </c>
      <c r="BX11" s="71">
        <v>200</v>
      </c>
      <c r="BY11" s="71">
        <v>68</v>
      </c>
      <c r="BZ11" s="72">
        <v>1124</v>
      </c>
      <c r="CA11" s="73">
        <v>1384</v>
      </c>
      <c r="CB11" s="70">
        <v>15</v>
      </c>
      <c r="CC11" s="71">
        <v>16</v>
      </c>
      <c r="CD11" s="72">
        <v>31</v>
      </c>
      <c r="CE11" s="244"/>
      <c r="CF11" s="71">
        <v>66</v>
      </c>
      <c r="CG11" s="71">
        <v>60</v>
      </c>
      <c r="CH11" s="71">
        <v>37</v>
      </c>
      <c r="CI11" s="71">
        <v>29</v>
      </c>
      <c r="CJ11" s="71">
        <v>27</v>
      </c>
      <c r="CK11" s="72">
        <v>219</v>
      </c>
      <c r="CL11" s="73">
        <v>250</v>
      </c>
      <c r="CM11" s="70">
        <v>1004</v>
      </c>
      <c r="CN11" s="71">
        <v>729</v>
      </c>
      <c r="CO11" s="72">
        <v>1733</v>
      </c>
      <c r="CP11" s="244"/>
      <c r="CQ11" s="71">
        <v>2358</v>
      </c>
      <c r="CR11" s="71">
        <v>1577</v>
      </c>
      <c r="CS11" s="71">
        <v>1016</v>
      </c>
      <c r="CT11" s="71">
        <v>868</v>
      </c>
      <c r="CU11" s="71">
        <v>500</v>
      </c>
      <c r="CV11" s="72">
        <v>6319</v>
      </c>
      <c r="CW11" s="73">
        <v>8052</v>
      </c>
      <c r="CX11" s="123">
        <v>1807</v>
      </c>
      <c r="CY11" s="82">
        <v>1927</v>
      </c>
      <c r="CZ11" s="83">
        <v>3734</v>
      </c>
      <c r="DA11" s="241"/>
      <c r="DB11" s="82">
        <v>4322</v>
      </c>
      <c r="DC11" s="82">
        <v>2616</v>
      </c>
      <c r="DD11" s="82">
        <v>1990</v>
      </c>
      <c r="DE11" s="82">
        <v>2045</v>
      </c>
      <c r="DF11" s="82">
        <v>1174</v>
      </c>
      <c r="DG11" s="84">
        <v>12147</v>
      </c>
      <c r="DH11" s="85">
        <v>15881</v>
      </c>
      <c r="DI11" s="70">
        <v>40</v>
      </c>
      <c r="DJ11" s="71">
        <v>39</v>
      </c>
      <c r="DK11" s="72">
        <v>79</v>
      </c>
      <c r="DL11" s="244"/>
      <c r="DM11" s="71">
        <v>86</v>
      </c>
      <c r="DN11" s="71">
        <v>42</v>
      </c>
      <c r="DO11" s="71">
        <v>37</v>
      </c>
      <c r="DP11" s="71">
        <v>44</v>
      </c>
      <c r="DQ11" s="71">
        <v>35</v>
      </c>
      <c r="DR11" s="72">
        <v>244</v>
      </c>
      <c r="DS11" s="73">
        <v>323</v>
      </c>
      <c r="DT11" s="70">
        <v>124</v>
      </c>
      <c r="DU11" s="71">
        <v>120</v>
      </c>
      <c r="DV11" s="72">
        <v>244</v>
      </c>
      <c r="DW11" s="244"/>
      <c r="DX11" s="71">
        <v>276</v>
      </c>
      <c r="DY11" s="71">
        <v>188</v>
      </c>
      <c r="DZ11" s="71">
        <v>104</v>
      </c>
      <c r="EA11" s="71">
        <v>102</v>
      </c>
      <c r="EB11" s="71">
        <v>63</v>
      </c>
      <c r="EC11" s="72">
        <v>733</v>
      </c>
      <c r="ED11" s="73">
        <v>977</v>
      </c>
      <c r="EE11" s="70">
        <v>285</v>
      </c>
      <c r="EF11" s="71">
        <v>259</v>
      </c>
      <c r="EG11" s="72">
        <v>544</v>
      </c>
      <c r="EH11" s="244"/>
      <c r="EI11" s="71">
        <v>557</v>
      </c>
      <c r="EJ11" s="71">
        <v>271</v>
      </c>
      <c r="EK11" s="71">
        <v>170</v>
      </c>
      <c r="EL11" s="71">
        <v>186</v>
      </c>
      <c r="EM11" s="71">
        <v>132</v>
      </c>
      <c r="EN11" s="72">
        <v>1316</v>
      </c>
      <c r="EO11" s="73">
        <v>1860</v>
      </c>
      <c r="EP11" s="70">
        <v>548</v>
      </c>
      <c r="EQ11" s="71">
        <v>523</v>
      </c>
      <c r="ER11" s="72">
        <v>1071</v>
      </c>
      <c r="ES11" s="244"/>
      <c r="ET11" s="71">
        <v>1031</v>
      </c>
      <c r="EU11" s="71">
        <v>527</v>
      </c>
      <c r="EV11" s="71">
        <v>342</v>
      </c>
      <c r="EW11" s="71">
        <v>358</v>
      </c>
      <c r="EX11" s="71">
        <v>208</v>
      </c>
      <c r="EY11" s="72">
        <v>2466</v>
      </c>
      <c r="EZ11" s="73">
        <v>3537</v>
      </c>
      <c r="FA11" s="70">
        <v>525</v>
      </c>
      <c r="FB11" s="71">
        <v>602</v>
      </c>
      <c r="FC11" s="72">
        <v>1127</v>
      </c>
      <c r="FD11" s="244"/>
      <c r="FE11" s="71">
        <v>1269</v>
      </c>
      <c r="FF11" s="71">
        <v>714</v>
      </c>
      <c r="FG11" s="71">
        <v>562</v>
      </c>
      <c r="FH11" s="71">
        <v>527</v>
      </c>
      <c r="FI11" s="71">
        <v>299</v>
      </c>
      <c r="FJ11" s="72">
        <v>3371</v>
      </c>
      <c r="FK11" s="73">
        <v>4498</v>
      </c>
      <c r="FL11" s="70">
        <v>285</v>
      </c>
      <c r="FM11" s="71">
        <v>384</v>
      </c>
      <c r="FN11" s="72">
        <v>669</v>
      </c>
      <c r="FO11" s="244"/>
      <c r="FP11" s="71">
        <v>1103</v>
      </c>
      <c r="FQ11" s="71">
        <v>874</v>
      </c>
      <c r="FR11" s="71">
        <v>775</v>
      </c>
      <c r="FS11" s="71">
        <v>828</v>
      </c>
      <c r="FT11" s="71">
        <v>437</v>
      </c>
      <c r="FU11" s="72">
        <v>4017</v>
      </c>
      <c r="FV11" s="73">
        <v>4686</v>
      </c>
      <c r="FW11" s="70">
        <v>13</v>
      </c>
      <c r="FX11" s="71">
        <v>15</v>
      </c>
      <c r="FY11" s="72">
        <v>28</v>
      </c>
      <c r="FZ11" s="244"/>
      <c r="GA11" s="71">
        <v>64</v>
      </c>
      <c r="GB11" s="71">
        <v>60</v>
      </c>
      <c r="GC11" s="71">
        <v>37</v>
      </c>
      <c r="GD11" s="71">
        <v>23</v>
      </c>
      <c r="GE11" s="71">
        <v>30</v>
      </c>
      <c r="GF11" s="72">
        <v>214</v>
      </c>
      <c r="GG11" s="73">
        <v>242</v>
      </c>
      <c r="GH11" s="70">
        <v>1820</v>
      </c>
      <c r="GI11" s="71">
        <v>1942</v>
      </c>
      <c r="GJ11" s="72">
        <v>3762</v>
      </c>
      <c r="GK11" s="244"/>
      <c r="GL11" s="71">
        <v>4386</v>
      </c>
      <c r="GM11" s="71">
        <v>2676</v>
      </c>
      <c r="GN11" s="71">
        <v>2027</v>
      </c>
      <c r="GO11" s="71">
        <v>2068</v>
      </c>
      <c r="GP11" s="71">
        <v>1204</v>
      </c>
      <c r="GQ11" s="72">
        <v>12361</v>
      </c>
      <c r="GR11" s="73">
        <v>16123</v>
      </c>
      <c r="GS11" s="123">
        <v>2796</v>
      </c>
      <c r="GT11" s="82">
        <v>2640</v>
      </c>
      <c r="GU11" s="83">
        <v>5436</v>
      </c>
      <c r="GV11" s="241"/>
      <c r="GW11" s="82">
        <v>6614</v>
      </c>
      <c r="GX11" s="82">
        <v>4133</v>
      </c>
      <c r="GY11" s="82">
        <v>2969</v>
      </c>
      <c r="GZ11" s="82">
        <v>2884</v>
      </c>
      <c r="HA11" s="82">
        <v>1647</v>
      </c>
      <c r="HB11" s="84">
        <v>18247</v>
      </c>
      <c r="HC11" s="85">
        <v>23683</v>
      </c>
      <c r="HD11" s="70">
        <v>74</v>
      </c>
      <c r="HE11" s="71">
        <v>63</v>
      </c>
      <c r="HF11" s="72">
        <v>137</v>
      </c>
      <c r="HG11" s="244"/>
      <c r="HH11" s="71">
        <v>174</v>
      </c>
      <c r="HI11" s="71">
        <v>123</v>
      </c>
      <c r="HJ11" s="71">
        <v>89</v>
      </c>
      <c r="HK11" s="71">
        <v>91</v>
      </c>
      <c r="HL11" s="71">
        <v>62</v>
      </c>
      <c r="HM11" s="72">
        <v>539</v>
      </c>
      <c r="HN11" s="73">
        <v>676</v>
      </c>
      <c r="HO11" s="70">
        <v>223</v>
      </c>
      <c r="HP11" s="71">
        <v>196</v>
      </c>
      <c r="HQ11" s="72">
        <v>419</v>
      </c>
      <c r="HR11" s="244"/>
      <c r="HS11" s="71">
        <v>532</v>
      </c>
      <c r="HT11" s="71">
        <v>371</v>
      </c>
      <c r="HU11" s="71">
        <v>222</v>
      </c>
      <c r="HV11" s="71">
        <v>183</v>
      </c>
      <c r="HW11" s="71">
        <v>136</v>
      </c>
      <c r="HX11" s="72">
        <v>1444</v>
      </c>
      <c r="HY11" s="73">
        <v>1863</v>
      </c>
      <c r="HZ11" s="70">
        <v>436</v>
      </c>
      <c r="IA11" s="71">
        <v>374</v>
      </c>
      <c r="IB11" s="72">
        <v>810</v>
      </c>
      <c r="IC11" s="244"/>
      <c r="ID11" s="71">
        <v>940</v>
      </c>
      <c r="IE11" s="71">
        <v>507</v>
      </c>
      <c r="IF11" s="71">
        <v>326</v>
      </c>
      <c r="IG11" s="71">
        <v>319</v>
      </c>
      <c r="IH11" s="71">
        <v>211</v>
      </c>
      <c r="II11" s="72">
        <v>2303</v>
      </c>
      <c r="IJ11" s="73">
        <v>3113</v>
      </c>
      <c r="IK11" s="70">
        <v>810</v>
      </c>
      <c r="IL11" s="71">
        <v>698</v>
      </c>
      <c r="IM11" s="72">
        <v>1508</v>
      </c>
      <c r="IN11" s="244"/>
      <c r="IO11" s="71">
        <v>1577</v>
      </c>
      <c r="IP11" s="71">
        <v>934</v>
      </c>
      <c r="IQ11" s="71">
        <v>566</v>
      </c>
      <c r="IR11" s="71">
        <v>540</v>
      </c>
      <c r="IS11" s="71">
        <v>330</v>
      </c>
      <c r="IT11" s="72">
        <v>3947</v>
      </c>
      <c r="IU11" s="73">
        <v>5455</v>
      </c>
      <c r="IV11" s="70">
        <v>819</v>
      </c>
      <c r="IW11" s="71">
        <v>814</v>
      </c>
      <c r="IX11" s="72">
        <v>1633</v>
      </c>
      <c r="IY11" s="244"/>
      <c r="IZ11" s="71">
        <v>1873</v>
      </c>
      <c r="JA11" s="71">
        <v>1059</v>
      </c>
      <c r="JB11" s="71">
        <v>815</v>
      </c>
      <c r="JC11" s="71">
        <v>723</v>
      </c>
      <c r="JD11" s="71">
        <v>403</v>
      </c>
      <c r="JE11" s="72">
        <v>4873</v>
      </c>
      <c r="JF11" s="73">
        <v>6506</v>
      </c>
      <c r="JG11" s="70">
        <v>434</v>
      </c>
      <c r="JH11" s="71">
        <v>495</v>
      </c>
      <c r="JI11" s="72">
        <v>929</v>
      </c>
      <c r="JJ11" s="244"/>
      <c r="JK11" s="71">
        <v>1518</v>
      </c>
      <c r="JL11" s="71">
        <v>1139</v>
      </c>
      <c r="JM11" s="71">
        <v>951</v>
      </c>
      <c r="JN11" s="71">
        <v>1028</v>
      </c>
      <c r="JO11" s="71">
        <v>505</v>
      </c>
      <c r="JP11" s="72">
        <v>5141</v>
      </c>
      <c r="JQ11" s="73">
        <v>6070</v>
      </c>
      <c r="JR11" s="70">
        <v>28</v>
      </c>
      <c r="JS11" s="71">
        <v>31</v>
      </c>
      <c r="JT11" s="72">
        <v>59</v>
      </c>
      <c r="JU11" s="244"/>
      <c r="JV11" s="71">
        <v>130</v>
      </c>
      <c r="JW11" s="71">
        <v>120</v>
      </c>
      <c r="JX11" s="71">
        <v>74</v>
      </c>
      <c r="JY11" s="71">
        <v>52</v>
      </c>
      <c r="JZ11" s="71">
        <v>57</v>
      </c>
      <c r="KA11" s="72">
        <v>433</v>
      </c>
      <c r="KB11" s="73">
        <v>492</v>
      </c>
      <c r="KC11" s="70">
        <v>2824</v>
      </c>
      <c r="KD11" s="71">
        <v>2671</v>
      </c>
      <c r="KE11" s="72">
        <v>5495</v>
      </c>
      <c r="KF11" s="244"/>
      <c r="KG11" s="71">
        <v>6744</v>
      </c>
      <c r="KH11" s="71">
        <v>4253</v>
      </c>
      <c r="KI11" s="71">
        <v>3043</v>
      </c>
      <c r="KJ11" s="71">
        <v>2936</v>
      </c>
      <c r="KK11" s="71">
        <v>1704</v>
      </c>
      <c r="KL11" s="72">
        <v>18680</v>
      </c>
      <c r="KM11" s="73">
        <v>24175</v>
      </c>
    </row>
    <row r="12" spans="2:299" ht="19.8" customHeight="1" x14ac:dyDescent="0.2">
      <c r="B12" s="126" t="s">
        <v>8</v>
      </c>
      <c r="C12" s="316">
        <v>568</v>
      </c>
      <c r="D12" s="82">
        <v>368</v>
      </c>
      <c r="E12" s="83">
        <v>936</v>
      </c>
      <c r="F12" s="241"/>
      <c r="G12" s="82">
        <v>929</v>
      </c>
      <c r="H12" s="82">
        <v>875</v>
      </c>
      <c r="I12" s="82">
        <v>615</v>
      </c>
      <c r="J12" s="82">
        <v>465</v>
      </c>
      <c r="K12" s="82">
        <v>278</v>
      </c>
      <c r="L12" s="84">
        <v>3162</v>
      </c>
      <c r="M12" s="85">
        <v>4098</v>
      </c>
      <c r="N12" s="70">
        <v>29</v>
      </c>
      <c r="O12" s="71">
        <v>27</v>
      </c>
      <c r="P12" s="72">
        <v>56</v>
      </c>
      <c r="Q12" s="244"/>
      <c r="R12" s="71">
        <v>37</v>
      </c>
      <c r="S12" s="71">
        <v>47</v>
      </c>
      <c r="T12" s="71">
        <v>25</v>
      </c>
      <c r="U12" s="71">
        <v>26</v>
      </c>
      <c r="V12" s="71">
        <v>14</v>
      </c>
      <c r="W12" s="72">
        <v>149</v>
      </c>
      <c r="X12" s="73">
        <v>205</v>
      </c>
      <c r="Y12" s="70">
        <v>62</v>
      </c>
      <c r="Z12" s="71">
        <v>43</v>
      </c>
      <c r="AA12" s="72">
        <v>105</v>
      </c>
      <c r="AB12" s="244"/>
      <c r="AC12" s="71">
        <v>116</v>
      </c>
      <c r="AD12" s="71">
        <v>124</v>
      </c>
      <c r="AE12" s="71">
        <v>76</v>
      </c>
      <c r="AF12" s="71">
        <v>60</v>
      </c>
      <c r="AG12" s="71">
        <v>47</v>
      </c>
      <c r="AH12" s="72">
        <v>423</v>
      </c>
      <c r="AI12" s="73">
        <v>528</v>
      </c>
      <c r="AJ12" s="70">
        <v>92</v>
      </c>
      <c r="AK12" s="71">
        <v>55</v>
      </c>
      <c r="AL12" s="72">
        <v>147</v>
      </c>
      <c r="AM12" s="244"/>
      <c r="AN12" s="71">
        <v>161</v>
      </c>
      <c r="AO12" s="71">
        <v>133</v>
      </c>
      <c r="AP12" s="71">
        <v>123</v>
      </c>
      <c r="AQ12" s="71">
        <v>77</v>
      </c>
      <c r="AR12" s="71">
        <v>46</v>
      </c>
      <c r="AS12" s="72">
        <v>540</v>
      </c>
      <c r="AT12" s="73">
        <v>687</v>
      </c>
      <c r="AU12" s="70">
        <v>153</v>
      </c>
      <c r="AV12" s="71">
        <v>86</v>
      </c>
      <c r="AW12" s="72">
        <v>239</v>
      </c>
      <c r="AX12" s="244"/>
      <c r="AY12" s="71">
        <v>215</v>
      </c>
      <c r="AZ12" s="71">
        <v>217</v>
      </c>
      <c r="BA12" s="71">
        <v>120</v>
      </c>
      <c r="BB12" s="71">
        <v>112</v>
      </c>
      <c r="BC12" s="71">
        <v>61</v>
      </c>
      <c r="BD12" s="72">
        <v>725</v>
      </c>
      <c r="BE12" s="73">
        <v>964</v>
      </c>
      <c r="BF12" s="70">
        <v>149</v>
      </c>
      <c r="BG12" s="71">
        <v>84</v>
      </c>
      <c r="BH12" s="72">
        <v>233</v>
      </c>
      <c r="BI12" s="244"/>
      <c r="BJ12" s="71">
        <v>250</v>
      </c>
      <c r="BK12" s="71">
        <v>203</v>
      </c>
      <c r="BL12" s="71">
        <v>144</v>
      </c>
      <c r="BM12" s="71">
        <v>98</v>
      </c>
      <c r="BN12" s="71">
        <v>58</v>
      </c>
      <c r="BO12" s="72">
        <v>753</v>
      </c>
      <c r="BP12" s="73">
        <v>986</v>
      </c>
      <c r="BQ12" s="70">
        <v>83</v>
      </c>
      <c r="BR12" s="71">
        <v>73</v>
      </c>
      <c r="BS12" s="72">
        <v>156</v>
      </c>
      <c r="BT12" s="244"/>
      <c r="BU12" s="71">
        <v>150</v>
      </c>
      <c r="BV12" s="71">
        <v>151</v>
      </c>
      <c r="BW12" s="71">
        <v>127</v>
      </c>
      <c r="BX12" s="71">
        <v>92</v>
      </c>
      <c r="BY12" s="71">
        <v>52</v>
      </c>
      <c r="BZ12" s="72">
        <v>572</v>
      </c>
      <c r="CA12" s="73">
        <v>728</v>
      </c>
      <c r="CB12" s="70">
        <v>16</v>
      </c>
      <c r="CC12" s="71">
        <v>18</v>
      </c>
      <c r="CD12" s="72">
        <v>34</v>
      </c>
      <c r="CE12" s="244"/>
      <c r="CF12" s="71">
        <v>27</v>
      </c>
      <c r="CG12" s="71">
        <v>42</v>
      </c>
      <c r="CH12" s="71">
        <v>27</v>
      </c>
      <c r="CI12" s="71">
        <v>20</v>
      </c>
      <c r="CJ12" s="71">
        <v>16</v>
      </c>
      <c r="CK12" s="72">
        <v>132</v>
      </c>
      <c r="CL12" s="73">
        <v>166</v>
      </c>
      <c r="CM12" s="70">
        <v>584</v>
      </c>
      <c r="CN12" s="71">
        <v>386</v>
      </c>
      <c r="CO12" s="72">
        <v>970</v>
      </c>
      <c r="CP12" s="244"/>
      <c r="CQ12" s="71">
        <v>956</v>
      </c>
      <c r="CR12" s="71">
        <v>917</v>
      </c>
      <c r="CS12" s="71">
        <v>642</v>
      </c>
      <c r="CT12" s="71">
        <v>485</v>
      </c>
      <c r="CU12" s="71">
        <v>294</v>
      </c>
      <c r="CV12" s="72">
        <v>3294</v>
      </c>
      <c r="CW12" s="73">
        <v>4264</v>
      </c>
      <c r="CX12" s="123">
        <v>1031</v>
      </c>
      <c r="CY12" s="82">
        <v>909</v>
      </c>
      <c r="CZ12" s="83">
        <v>1940</v>
      </c>
      <c r="DA12" s="241"/>
      <c r="DB12" s="82">
        <v>1690</v>
      </c>
      <c r="DC12" s="82">
        <v>1575</v>
      </c>
      <c r="DD12" s="82">
        <v>1276</v>
      </c>
      <c r="DE12" s="82">
        <v>1028</v>
      </c>
      <c r="DF12" s="82">
        <v>655</v>
      </c>
      <c r="DG12" s="84">
        <v>6224</v>
      </c>
      <c r="DH12" s="85">
        <v>8164</v>
      </c>
      <c r="DI12" s="70">
        <v>24</v>
      </c>
      <c r="DJ12" s="71">
        <v>21</v>
      </c>
      <c r="DK12" s="72">
        <v>45</v>
      </c>
      <c r="DL12" s="244"/>
      <c r="DM12" s="71">
        <v>46</v>
      </c>
      <c r="DN12" s="71">
        <v>34</v>
      </c>
      <c r="DO12" s="71">
        <v>19</v>
      </c>
      <c r="DP12" s="71">
        <v>22</v>
      </c>
      <c r="DQ12" s="71">
        <v>14</v>
      </c>
      <c r="DR12" s="72">
        <v>135</v>
      </c>
      <c r="DS12" s="73">
        <v>180</v>
      </c>
      <c r="DT12" s="70">
        <v>84</v>
      </c>
      <c r="DU12" s="71">
        <v>76</v>
      </c>
      <c r="DV12" s="72">
        <v>160</v>
      </c>
      <c r="DW12" s="244"/>
      <c r="DX12" s="71">
        <v>98</v>
      </c>
      <c r="DY12" s="71">
        <v>92</v>
      </c>
      <c r="DZ12" s="71">
        <v>59</v>
      </c>
      <c r="EA12" s="71">
        <v>57</v>
      </c>
      <c r="EB12" s="71">
        <v>39</v>
      </c>
      <c r="EC12" s="72">
        <v>345</v>
      </c>
      <c r="ED12" s="73">
        <v>505</v>
      </c>
      <c r="EE12" s="70">
        <v>147</v>
      </c>
      <c r="EF12" s="71">
        <v>141</v>
      </c>
      <c r="EG12" s="72">
        <v>288</v>
      </c>
      <c r="EH12" s="244"/>
      <c r="EI12" s="71">
        <v>220</v>
      </c>
      <c r="EJ12" s="71">
        <v>188</v>
      </c>
      <c r="EK12" s="71">
        <v>119</v>
      </c>
      <c r="EL12" s="71">
        <v>100</v>
      </c>
      <c r="EM12" s="71">
        <v>71</v>
      </c>
      <c r="EN12" s="72">
        <v>698</v>
      </c>
      <c r="EO12" s="73">
        <v>986</v>
      </c>
      <c r="EP12" s="70">
        <v>330</v>
      </c>
      <c r="EQ12" s="71">
        <v>251</v>
      </c>
      <c r="ER12" s="72">
        <v>581</v>
      </c>
      <c r="ES12" s="244"/>
      <c r="ET12" s="71">
        <v>405</v>
      </c>
      <c r="EU12" s="71">
        <v>312</v>
      </c>
      <c r="EV12" s="71">
        <v>251</v>
      </c>
      <c r="EW12" s="71">
        <v>178</v>
      </c>
      <c r="EX12" s="71">
        <v>117</v>
      </c>
      <c r="EY12" s="72">
        <v>1263</v>
      </c>
      <c r="EZ12" s="73">
        <v>1844</v>
      </c>
      <c r="FA12" s="70">
        <v>304</v>
      </c>
      <c r="FB12" s="71">
        <v>262</v>
      </c>
      <c r="FC12" s="72">
        <v>566</v>
      </c>
      <c r="FD12" s="244"/>
      <c r="FE12" s="71">
        <v>479</v>
      </c>
      <c r="FF12" s="71">
        <v>447</v>
      </c>
      <c r="FG12" s="71">
        <v>350</v>
      </c>
      <c r="FH12" s="71">
        <v>252</v>
      </c>
      <c r="FI12" s="71">
        <v>156</v>
      </c>
      <c r="FJ12" s="72">
        <v>1684</v>
      </c>
      <c r="FK12" s="73">
        <v>2250</v>
      </c>
      <c r="FL12" s="70">
        <v>142</v>
      </c>
      <c r="FM12" s="71">
        <v>158</v>
      </c>
      <c r="FN12" s="72">
        <v>300</v>
      </c>
      <c r="FO12" s="244"/>
      <c r="FP12" s="71">
        <v>442</v>
      </c>
      <c r="FQ12" s="71">
        <v>502</v>
      </c>
      <c r="FR12" s="71">
        <v>478</v>
      </c>
      <c r="FS12" s="71">
        <v>419</v>
      </c>
      <c r="FT12" s="71">
        <v>258</v>
      </c>
      <c r="FU12" s="72">
        <v>2099</v>
      </c>
      <c r="FV12" s="73">
        <v>2399</v>
      </c>
      <c r="FW12" s="70">
        <v>7</v>
      </c>
      <c r="FX12" s="71">
        <v>24</v>
      </c>
      <c r="FY12" s="72">
        <v>31</v>
      </c>
      <c r="FZ12" s="244"/>
      <c r="GA12" s="71">
        <v>18</v>
      </c>
      <c r="GB12" s="71">
        <v>36</v>
      </c>
      <c r="GC12" s="71">
        <v>19</v>
      </c>
      <c r="GD12" s="71">
        <v>15</v>
      </c>
      <c r="GE12" s="71">
        <v>16</v>
      </c>
      <c r="GF12" s="72">
        <v>104</v>
      </c>
      <c r="GG12" s="73">
        <v>135</v>
      </c>
      <c r="GH12" s="70">
        <v>1038</v>
      </c>
      <c r="GI12" s="71">
        <v>933</v>
      </c>
      <c r="GJ12" s="72">
        <v>1971</v>
      </c>
      <c r="GK12" s="244"/>
      <c r="GL12" s="71">
        <v>1708</v>
      </c>
      <c r="GM12" s="71">
        <v>1611</v>
      </c>
      <c r="GN12" s="71">
        <v>1295</v>
      </c>
      <c r="GO12" s="71">
        <v>1043</v>
      </c>
      <c r="GP12" s="71">
        <v>671</v>
      </c>
      <c r="GQ12" s="72">
        <v>6328</v>
      </c>
      <c r="GR12" s="73">
        <v>8299</v>
      </c>
      <c r="GS12" s="123">
        <v>1599</v>
      </c>
      <c r="GT12" s="82">
        <v>1277</v>
      </c>
      <c r="GU12" s="83">
        <v>2876</v>
      </c>
      <c r="GV12" s="241"/>
      <c r="GW12" s="82">
        <v>2619</v>
      </c>
      <c r="GX12" s="82">
        <v>2450</v>
      </c>
      <c r="GY12" s="82">
        <v>1891</v>
      </c>
      <c r="GZ12" s="82">
        <v>1493</v>
      </c>
      <c r="HA12" s="82">
        <v>933</v>
      </c>
      <c r="HB12" s="84">
        <v>9386</v>
      </c>
      <c r="HC12" s="85">
        <v>12262</v>
      </c>
      <c r="HD12" s="70">
        <v>53</v>
      </c>
      <c r="HE12" s="71">
        <v>48</v>
      </c>
      <c r="HF12" s="72">
        <v>101</v>
      </c>
      <c r="HG12" s="244"/>
      <c r="HH12" s="71">
        <v>83</v>
      </c>
      <c r="HI12" s="71">
        <v>81</v>
      </c>
      <c r="HJ12" s="71">
        <v>44</v>
      </c>
      <c r="HK12" s="71">
        <v>48</v>
      </c>
      <c r="HL12" s="71">
        <v>28</v>
      </c>
      <c r="HM12" s="72">
        <v>284</v>
      </c>
      <c r="HN12" s="73">
        <v>385</v>
      </c>
      <c r="HO12" s="70">
        <v>146</v>
      </c>
      <c r="HP12" s="71">
        <v>119</v>
      </c>
      <c r="HQ12" s="72">
        <v>265</v>
      </c>
      <c r="HR12" s="244"/>
      <c r="HS12" s="71">
        <v>214</v>
      </c>
      <c r="HT12" s="71">
        <v>216</v>
      </c>
      <c r="HU12" s="71">
        <v>135</v>
      </c>
      <c r="HV12" s="71">
        <v>117</v>
      </c>
      <c r="HW12" s="71">
        <v>86</v>
      </c>
      <c r="HX12" s="72">
        <v>768</v>
      </c>
      <c r="HY12" s="73">
        <v>1033</v>
      </c>
      <c r="HZ12" s="70">
        <v>239</v>
      </c>
      <c r="IA12" s="71">
        <v>196</v>
      </c>
      <c r="IB12" s="72">
        <v>435</v>
      </c>
      <c r="IC12" s="244"/>
      <c r="ID12" s="71">
        <v>381</v>
      </c>
      <c r="IE12" s="71">
        <v>321</v>
      </c>
      <c r="IF12" s="71">
        <v>242</v>
      </c>
      <c r="IG12" s="71">
        <v>177</v>
      </c>
      <c r="IH12" s="71">
        <v>117</v>
      </c>
      <c r="II12" s="72">
        <v>1238</v>
      </c>
      <c r="IJ12" s="73">
        <v>1673</v>
      </c>
      <c r="IK12" s="70">
        <v>483</v>
      </c>
      <c r="IL12" s="71">
        <v>337</v>
      </c>
      <c r="IM12" s="72">
        <v>820</v>
      </c>
      <c r="IN12" s="244"/>
      <c r="IO12" s="71">
        <v>620</v>
      </c>
      <c r="IP12" s="71">
        <v>529</v>
      </c>
      <c r="IQ12" s="71">
        <v>371</v>
      </c>
      <c r="IR12" s="71">
        <v>290</v>
      </c>
      <c r="IS12" s="71">
        <v>178</v>
      </c>
      <c r="IT12" s="72">
        <v>1988</v>
      </c>
      <c r="IU12" s="73">
        <v>2808</v>
      </c>
      <c r="IV12" s="70">
        <v>453</v>
      </c>
      <c r="IW12" s="71">
        <v>346</v>
      </c>
      <c r="IX12" s="72">
        <v>799</v>
      </c>
      <c r="IY12" s="244"/>
      <c r="IZ12" s="71">
        <v>729</v>
      </c>
      <c r="JA12" s="71">
        <v>650</v>
      </c>
      <c r="JB12" s="71">
        <v>494</v>
      </c>
      <c r="JC12" s="71">
        <v>350</v>
      </c>
      <c r="JD12" s="71">
        <v>214</v>
      </c>
      <c r="JE12" s="72">
        <v>2437</v>
      </c>
      <c r="JF12" s="73">
        <v>3236</v>
      </c>
      <c r="JG12" s="70">
        <v>225</v>
      </c>
      <c r="JH12" s="71">
        <v>231</v>
      </c>
      <c r="JI12" s="72">
        <v>456</v>
      </c>
      <c r="JJ12" s="244"/>
      <c r="JK12" s="71">
        <v>592</v>
      </c>
      <c r="JL12" s="71">
        <v>653</v>
      </c>
      <c r="JM12" s="71">
        <v>605</v>
      </c>
      <c r="JN12" s="71">
        <v>511</v>
      </c>
      <c r="JO12" s="71">
        <v>310</v>
      </c>
      <c r="JP12" s="72">
        <v>2671</v>
      </c>
      <c r="JQ12" s="73">
        <v>3127</v>
      </c>
      <c r="JR12" s="70">
        <v>23</v>
      </c>
      <c r="JS12" s="71">
        <v>42</v>
      </c>
      <c r="JT12" s="72">
        <v>65</v>
      </c>
      <c r="JU12" s="244"/>
      <c r="JV12" s="71">
        <v>45</v>
      </c>
      <c r="JW12" s="71">
        <v>78</v>
      </c>
      <c r="JX12" s="71">
        <v>46</v>
      </c>
      <c r="JY12" s="71">
        <v>35</v>
      </c>
      <c r="JZ12" s="71">
        <v>32</v>
      </c>
      <c r="KA12" s="72">
        <v>236</v>
      </c>
      <c r="KB12" s="73">
        <v>301</v>
      </c>
      <c r="KC12" s="70">
        <v>1622</v>
      </c>
      <c r="KD12" s="71">
        <v>1319</v>
      </c>
      <c r="KE12" s="72">
        <v>2941</v>
      </c>
      <c r="KF12" s="244"/>
      <c r="KG12" s="71">
        <v>2664</v>
      </c>
      <c r="KH12" s="71">
        <v>2528</v>
      </c>
      <c r="KI12" s="71">
        <v>1937</v>
      </c>
      <c r="KJ12" s="71">
        <v>1528</v>
      </c>
      <c r="KK12" s="71">
        <v>965</v>
      </c>
      <c r="KL12" s="72">
        <v>9622</v>
      </c>
      <c r="KM12" s="73">
        <v>12563</v>
      </c>
    </row>
    <row r="13" spans="2:299" ht="19.8" customHeight="1" x14ac:dyDescent="0.2">
      <c r="B13" s="126" t="s">
        <v>9</v>
      </c>
      <c r="C13" s="316">
        <v>673</v>
      </c>
      <c r="D13" s="82">
        <v>392</v>
      </c>
      <c r="E13" s="83">
        <v>1065</v>
      </c>
      <c r="F13" s="241"/>
      <c r="G13" s="82">
        <v>813</v>
      </c>
      <c r="H13" s="82">
        <v>573</v>
      </c>
      <c r="I13" s="82">
        <v>418</v>
      </c>
      <c r="J13" s="82">
        <v>390</v>
      </c>
      <c r="K13" s="82">
        <v>212</v>
      </c>
      <c r="L13" s="84">
        <v>2406</v>
      </c>
      <c r="M13" s="85">
        <v>3471</v>
      </c>
      <c r="N13" s="70">
        <v>19</v>
      </c>
      <c r="O13" s="71">
        <v>15</v>
      </c>
      <c r="P13" s="72">
        <v>34</v>
      </c>
      <c r="Q13" s="244"/>
      <c r="R13" s="71">
        <v>22</v>
      </c>
      <c r="S13" s="71">
        <v>27</v>
      </c>
      <c r="T13" s="71">
        <v>15</v>
      </c>
      <c r="U13" s="71">
        <v>13</v>
      </c>
      <c r="V13" s="71">
        <v>12</v>
      </c>
      <c r="W13" s="72">
        <v>89</v>
      </c>
      <c r="X13" s="73">
        <v>123</v>
      </c>
      <c r="Y13" s="70">
        <v>43</v>
      </c>
      <c r="Z13" s="71">
        <v>33</v>
      </c>
      <c r="AA13" s="72">
        <v>76</v>
      </c>
      <c r="AB13" s="244"/>
      <c r="AC13" s="71">
        <v>53</v>
      </c>
      <c r="AD13" s="71">
        <v>46</v>
      </c>
      <c r="AE13" s="71">
        <v>32</v>
      </c>
      <c r="AF13" s="71">
        <v>38</v>
      </c>
      <c r="AG13" s="71">
        <v>22</v>
      </c>
      <c r="AH13" s="72">
        <v>191</v>
      </c>
      <c r="AI13" s="73">
        <v>267</v>
      </c>
      <c r="AJ13" s="70">
        <v>80</v>
      </c>
      <c r="AK13" s="71">
        <v>45</v>
      </c>
      <c r="AL13" s="72">
        <v>125</v>
      </c>
      <c r="AM13" s="244"/>
      <c r="AN13" s="71">
        <v>104</v>
      </c>
      <c r="AO13" s="71">
        <v>68</v>
      </c>
      <c r="AP13" s="71">
        <v>71</v>
      </c>
      <c r="AQ13" s="71">
        <v>57</v>
      </c>
      <c r="AR13" s="71">
        <v>38</v>
      </c>
      <c r="AS13" s="72">
        <v>338</v>
      </c>
      <c r="AT13" s="73">
        <v>463</v>
      </c>
      <c r="AU13" s="70">
        <v>168</v>
      </c>
      <c r="AV13" s="71">
        <v>92</v>
      </c>
      <c r="AW13" s="72">
        <v>260</v>
      </c>
      <c r="AX13" s="244"/>
      <c r="AY13" s="71">
        <v>184</v>
      </c>
      <c r="AZ13" s="71">
        <v>116</v>
      </c>
      <c r="BA13" s="71">
        <v>69</v>
      </c>
      <c r="BB13" s="71">
        <v>74</v>
      </c>
      <c r="BC13" s="71">
        <v>49</v>
      </c>
      <c r="BD13" s="72">
        <v>492</v>
      </c>
      <c r="BE13" s="73">
        <v>752</v>
      </c>
      <c r="BF13" s="70">
        <v>217</v>
      </c>
      <c r="BG13" s="71">
        <v>120</v>
      </c>
      <c r="BH13" s="72">
        <v>337</v>
      </c>
      <c r="BI13" s="244"/>
      <c r="BJ13" s="71">
        <v>249</v>
      </c>
      <c r="BK13" s="71">
        <v>160</v>
      </c>
      <c r="BL13" s="71">
        <v>112</v>
      </c>
      <c r="BM13" s="71">
        <v>112</v>
      </c>
      <c r="BN13" s="71">
        <v>34</v>
      </c>
      <c r="BO13" s="72">
        <v>667</v>
      </c>
      <c r="BP13" s="73">
        <v>1004</v>
      </c>
      <c r="BQ13" s="70">
        <v>146</v>
      </c>
      <c r="BR13" s="71">
        <v>87</v>
      </c>
      <c r="BS13" s="72">
        <v>233</v>
      </c>
      <c r="BT13" s="244"/>
      <c r="BU13" s="71">
        <v>201</v>
      </c>
      <c r="BV13" s="71">
        <v>156</v>
      </c>
      <c r="BW13" s="71">
        <v>119</v>
      </c>
      <c r="BX13" s="71">
        <v>96</v>
      </c>
      <c r="BY13" s="71">
        <v>57</v>
      </c>
      <c r="BZ13" s="72">
        <v>629</v>
      </c>
      <c r="CA13" s="73">
        <v>862</v>
      </c>
      <c r="CB13" s="70">
        <v>3</v>
      </c>
      <c r="CC13" s="71">
        <v>15</v>
      </c>
      <c r="CD13" s="72">
        <v>18</v>
      </c>
      <c r="CE13" s="244"/>
      <c r="CF13" s="71">
        <v>27</v>
      </c>
      <c r="CG13" s="71">
        <v>23</v>
      </c>
      <c r="CH13" s="71">
        <v>11</v>
      </c>
      <c r="CI13" s="71">
        <v>12</v>
      </c>
      <c r="CJ13" s="71">
        <v>8</v>
      </c>
      <c r="CK13" s="72">
        <v>81</v>
      </c>
      <c r="CL13" s="73">
        <v>99</v>
      </c>
      <c r="CM13" s="70">
        <v>676</v>
      </c>
      <c r="CN13" s="71">
        <v>407</v>
      </c>
      <c r="CO13" s="72">
        <v>1083</v>
      </c>
      <c r="CP13" s="244"/>
      <c r="CQ13" s="71">
        <v>840</v>
      </c>
      <c r="CR13" s="71">
        <v>596</v>
      </c>
      <c r="CS13" s="71">
        <v>429</v>
      </c>
      <c r="CT13" s="71">
        <v>402</v>
      </c>
      <c r="CU13" s="71">
        <v>220</v>
      </c>
      <c r="CV13" s="72">
        <v>2487</v>
      </c>
      <c r="CW13" s="73">
        <v>3570</v>
      </c>
      <c r="CX13" s="123">
        <v>1352</v>
      </c>
      <c r="CY13" s="82">
        <v>982</v>
      </c>
      <c r="CZ13" s="83">
        <v>2334</v>
      </c>
      <c r="DA13" s="241"/>
      <c r="DB13" s="82">
        <v>1645</v>
      </c>
      <c r="DC13" s="82">
        <v>1171</v>
      </c>
      <c r="DD13" s="82">
        <v>930</v>
      </c>
      <c r="DE13" s="82">
        <v>1019</v>
      </c>
      <c r="DF13" s="82">
        <v>711</v>
      </c>
      <c r="DG13" s="84">
        <v>5476</v>
      </c>
      <c r="DH13" s="85">
        <v>7810</v>
      </c>
      <c r="DI13" s="70">
        <v>25</v>
      </c>
      <c r="DJ13" s="71">
        <v>12</v>
      </c>
      <c r="DK13" s="72">
        <v>37</v>
      </c>
      <c r="DL13" s="244"/>
      <c r="DM13" s="71">
        <v>12</v>
      </c>
      <c r="DN13" s="71">
        <v>15</v>
      </c>
      <c r="DO13" s="71">
        <v>10</v>
      </c>
      <c r="DP13" s="71">
        <v>8</v>
      </c>
      <c r="DQ13" s="71">
        <v>14</v>
      </c>
      <c r="DR13" s="72">
        <v>59</v>
      </c>
      <c r="DS13" s="73">
        <v>96</v>
      </c>
      <c r="DT13" s="70">
        <v>77</v>
      </c>
      <c r="DU13" s="71">
        <v>58</v>
      </c>
      <c r="DV13" s="72">
        <v>135</v>
      </c>
      <c r="DW13" s="244"/>
      <c r="DX13" s="71">
        <v>70</v>
      </c>
      <c r="DY13" s="71">
        <v>43</v>
      </c>
      <c r="DZ13" s="71">
        <v>32</v>
      </c>
      <c r="EA13" s="71">
        <v>34</v>
      </c>
      <c r="EB13" s="71">
        <v>23</v>
      </c>
      <c r="EC13" s="72">
        <v>202</v>
      </c>
      <c r="ED13" s="73">
        <v>337</v>
      </c>
      <c r="EE13" s="70">
        <v>196</v>
      </c>
      <c r="EF13" s="71">
        <v>133</v>
      </c>
      <c r="EG13" s="72">
        <v>329</v>
      </c>
      <c r="EH13" s="244"/>
      <c r="EI13" s="71">
        <v>165</v>
      </c>
      <c r="EJ13" s="71">
        <v>104</v>
      </c>
      <c r="EK13" s="71">
        <v>51</v>
      </c>
      <c r="EL13" s="71">
        <v>59</v>
      </c>
      <c r="EM13" s="71">
        <v>68</v>
      </c>
      <c r="EN13" s="72">
        <v>447</v>
      </c>
      <c r="EO13" s="73">
        <v>776</v>
      </c>
      <c r="EP13" s="70">
        <v>369</v>
      </c>
      <c r="EQ13" s="71">
        <v>233</v>
      </c>
      <c r="ER13" s="72">
        <v>602</v>
      </c>
      <c r="ES13" s="244"/>
      <c r="ET13" s="71">
        <v>354</v>
      </c>
      <c r="EU13" s="71">
        <v>202</v>
      </c>
      <c r="EV13" s="71">
        <v>127</v>
      </c>
      <c r="EW13" s="71">
        <v>152</v>
      </c>
      <c r="EX13" s="71">
        <v>109</v>
      </c>
      <c r="EY13" s="72">
        <v>944</v>
      </c>
      <c r="EZ13" s="73">
        <v>1546</v>
      </c>
      <c r="FA13" s="70">
        <v>420</v>
      </c>
      <c r="FB13" s="71">
        <v>317</v>
      </c>
      <c r="FC13" s="72">
        <v>737</v>
      </c>
      <c r="FD13" s="244"/>
      <c r="FE13" s="71">
        <v>523</v>
      </c>
      <c r="FF13" s="71">
        <v>345</v>
      </c>
      <c r="FG13" s="71">
        <v>267</v>
      </c>
      <c r="FH13" s="71">
        <v>261</v>
      </c>
      <c r="FI13" s="71">
        <v>174</v>
      </c>
      <c r="FJ13" s="72">
        <v>1570</v>
      </c>
      <c r="FK13" s="73">
        <v>2307</v>
      </c>
      <c r="FL13" s="70">
        <v>265</v>
      </c>
      <c r="FM13" s="71">
        <v>229</v>
      </c>
      <c r="FN13" s="72">
        <v>494</v>
      </c>
      <c r="FO13" s="244"/>
      <c r="FP13" s="71">
        <v>521</v>
      </c>
      <c r="FQ13" s="71">
        <v>462</v>
      </c>
      <c r="FR13" s="71">
        <v>443</v>
      </c>
      <c r="FS13" s="71">
        <v>505</v>
      </c>
      <c r="FT13" s="71">
        <v>323</v>
      </c>
      <c r="FU13" s="72">
        <v>2254</v>
      </c>
      <c r="FV13" s="73">
        <v>2748</v>
      </c>
      <c r="FW13" s="70">
        <v>5</v>
      </c>
      <c r="FX13" s="71">
        <v>16</v>
      </c>
      <c r="FY13" s="72">
        <v>21</v>
      </c>
      <c r="FZ13" s="244"/>
      <c r="GA13" s="71">
        <v>8</v>
      </c>
      <c r="GB13" s="71">
        <v>17</v>
      </c>
      <c r="GC13" s="71">
        <v>11</v>
      </c>
      <c r="GD13" s="71">
        <v>11</v>
      </c>
      <c r="GE13" s="71">
        <v>11</v>
      </c>
      <c r="GF13" s="72">
        <v>58</v>
      </c>
      <c r="GG13" s="73">
        <v>79</v>
      </c>
      <c r="GH13" s="70">
        <v>1357</v>
      </c>
      <c r="GI13" s="71">
        <v>998</v>
      </c>
      <c r="GJ13" s="72">
        <v>2355</v>
      </c>
      <c r="GK13" s="244"/>
      <c r="GL13" s="71">
        <v>1653</v>
      </c>
      <c r="GM13" s="71">
        <v>1188</v>
      </c>
      <c r="GN13" s="71">
        <v>941</v>
      </c>
      <c r="GO13" s="71">
        <v>1030</v>
      </c>
      <c r="GP13" s="71">
        <v>722</v>
      </c>
      <c r="GQ13" s="72">
        <v>5534</v>
      </c>
      <c r="GR13" s="73">
        <v>7889</v>
      </c>
      <c r="GS13" s="123">
        <v>2025</v>
      </c>
      <c r="GT13" s="82">
        <v>1374</v>
      </c>
      <c r="GU13" s="83">
        <v>3399</v>
      </c>
      <c r="GV13" s="241"/>
      <c r="GW13" s="82">
        <v>2458</v>
      </c>
      <c r="GX13" s="82">
        <v>1744</v>
      </c>
      <c r="GY13" s="82">
        <v>1348</v>
      </c>
      <c r="GZ13" s="82">
        <v>1409</v>
      </c>
      <c r="HA13" s="82">
        <v>923</v>
      </c>
      <c r="HB13" s="84">
        <v>7882</v>
      </c>
      <c r="HC13" s="85">
        <v>11281</v>
      </c>
      <c r="HD13" s="70">
        <v>44</v>
      </c>
      <c r="HE13" s="71">
        <v>27</v>
      </c>
      <c r="HF13" s="72">
        <v>71</v>
      </c>
      <c r="HG13" s="244"/>
      <c r="HH13" s="71">
        <v>34</v>
      </c>
      <c r="HI13" s="71">
        <v>42</v>
      </c>
      <c r="HJ13" s="71">
        <v>25</v>
      </c>
      <c r="HK13" s="71">
        <v>21</v>
      </c>
      <c r="HL13" s="71">
        <v>26</v>
      </c>
      <c r="HM13" s="72">
        <v>148</v>
      </c>
      <c r="HN13" s="73">
        <v>219</v>
      </c>
      <c r="HO13" s="70">
        <v>120</v>
      </c>
      <c r="HP13" s="71">
        <v>91</v>
      </c>
      <c r="HQ13" s="72">
        <v>211</v>
      </c>
      <c r="HR13" s="244"/>
      <c r="HS13" s="71">
        <v>123</v>
      </c>
      <c r="HT13" s="71">
        <v>89</v>
      </c>
      <c r="HU13" s="71">
        <v>64</v>
      </c>
      <c r="HV13" s="71">
        <v>72</v>
      </c>
      <c r="HW13" s="71">
        <v>45</v>
      </c>
      <c r="HX13" s="72">
        <v>393</v>
      </c>
      <c r="HY13" s="73">
        <v>604</v>
      </c>
      <c r="HZ13" s="70">
        <v>276</v>
      </c>
      <c r="IA13" s="71">
        <v>178</v>
      </c>
      <c r="IB13" s="72">
        <v>454</v>
      </c>
      <c r="IC13" s="244"/>
      <c r="ID13" s="71">
        <v>269</v>
      </c>
      <c r="IE13" s="71">
        <v>172</v>
      </c>
      <c r="IF13" s="71">
        <v>122</v>
      </c>
      <c r="IG13" s="71">
        <v>116</v>
      </c>
      <c r="IH13" s="71">
        <v>106</v>
      </c>
      <c r="II13" s="72">
        <v>785</v>
      </c>
      <c r="IJ13" s="73">
        <v>1239</v>
      </c>
      <c r="IK13" s="70">
        <v>537</v>
      </c>
      <c r="IL13" s="71">
        <v>325</v>
      </c>
      <c r="IM13" s="72">
        <v>862</v>
      </c>
      <c r="IN13" s="244"/>
      <c r="IO13" s="71">
        <v>538</v>
      </c>
      <c r="IP13" s="71">
        <v>318</v>
      </c>
      <c r="IQ13" s="71">
        <v>196</v>
      </c>
      <c r="IR13" s="71">
        <v>226</v>
      </c>
      <c r="IS13" s="71">
        <v>158</v>
      </c>
      <c r="IT13" s="72">
        <v>1436</v>
      </c>
      <c r="IU13" s="73">
        <v>2298</v>
      </c>
      <c r="IV13" s="70">
        <v>637</v>
      </c>
      <c r="IW13" s="71">
        <v>437</v>
      </c>
      <c r="IX13" s="72">
        <v>1074</v>
      </c>
      <c r="IY13" s="244"/>
      <c r="IZ13" s="71">
        <v>772</v>
      </c>
      <c r="JA13" s="71">
        <v>505</v>
      </c>
      <c r="JB13" s="71">
        <v>379</v>
      </c>
      <c r="JC13" s="71">
        <v>373</v>
      </c>
      <c r="JD13" s="71">
        <v>208</v>
      </c>
      <c r="JE13" s="72">
        <v>2237</v>
      </c>
      <c r="JF13" s="73">
        <v>3311</v>
      </c>
      <c r="JG13" s="70">
        <v>411</v>
      </c>
      <c r="JH13" s="71">
        <v>316</v>
      </c>
      <c r="JI13" s="72">
        <v>727</v>
      </c>
      <c r="JJ13" s="244"/>
      <c r="JK13" s="71">
        <v>722</v>
      </c>
      <c r="JL13" s="71">
        <v>618</v>
      </c>
      <c r="JM13" s="71">
        <v>562</v>
      </c>
      <c r="JN13" s="71">
        <v>601</v>
      </c>
      <c r="JO13" s="71">
        <v>380</v>
      </c>
      <c r="JP13" s="72">
        <v>2883</v>
      </c>
      <c r="JQ13" s="73">
        <v>3610</v>
      </c>
      <c r="JR13" s="70">
        <v>8</v>
      </c>
      <c r="JS13" s="71">
        <v>31</v>
      </c>
      <c r="JT13" s="72">
        <v>39</v>
      </c>
      <c r="JU13" s="244"/>
      <c r="JV13" s="71">
        <v>35</v>
      </c>
      <c r="JW13" s="71">
        <v>40</v>
      </c>
      <c r="JX13" s="71">
        <v>22</v>
      </c>
      <c r="JY13" s="71">
        <v>23</v>
      </c>
      <c r="JZ13" s="71">
        <v>19</v>
      </c>
      <c r="KA13" s="72">
        <v>139</v>
      </c>
      <c r="KB13" s="73">
        <v>178</v>
      </c>
      <c r="KC13" s="70">
        <v>2033</v>
      </c>
      <c r="KD13" s="71">
        <v>1405</v>
      </c>
      <c r="KE13" s="72">
        <v>3438</v>
      </c>
      <c r="KF13" s="244"/>
      <c r="KG13" s="71">
        <v>2493</v>
      </c>
      <c r="KH13" s="71">
        <v>1784</v>
      </c>
      <c r="KI13" s="71">
        <v>1370</v>
      </c>
      <c r="KJ13" s="71">
        <v>1432</v>
      </c>
      <c r="KK13" s="71">
        <v>942</v>
      </c>
      <c r="KL13" s="72">
        <v>8021</v>
      </c>
      <c r="KM13" s="73">
        <v>11459</v>
      </c>
    </row>
    <row r="14" spans="2:299" ht="19.8" customHeight="1" x14ac:dyDescent="0.2">
      <c r="B14" s="126" t="s">
        <v>10</v>
      </c>
      <c r="C14" s="316">
        <v>1418</v>
      </c>
      <c r="D14" s="82">
        <v>974</v>
      </c>
      <c r="E14" s="83">
        <v>2392</v>
      </c>
      <c r="F14" s="241"/>
      <c r="G14" s="82">
        <v>1702</v>
      </c>
      <c r="H14" s="82">
        <v>968</v>
      </c>
      <c r="I14" s="82">
        <v>705</v>
      </c>
      <c r="J14" s="82">
        <v>617</v>
      </c>
      <c r="K14" s="82">
        <v>418</v>
      </c>
      <c r="L14" s="84">
        <v>4410</v>
      </c>
      <c r="M14" s="85">
        <v>6802</v>
      </c>
      <c r="N14" s="70">
        <v>56</v>
      </c>
      <c r="O14" s="71">
        <v>60</v>
      </c>
      <c r="P14" s="72">
        <v>116</v>
      </c>
      <c r="Q14" s="244"/>
      <c r="R14" s="71">
        <v>71</v>
      </c>
      <c r="S14" s="71">
        <v>52</v>
      </c>
      <c r="T14" s="71">
        <v>36</v>
      </c>
      <c r="U14" s="71">
        <v>29</v>
      </c>
      <c r="V14" s="71">
        <v>28</v>
      </c>
      <c r="W14" s="72">
        <v>216</v>
      </c>
      <c r="X14" s="73">
        <v>332</v>
      </c>
      <c r="Y14" s="70">
        <v>128</v>
      </c>
      <c r="Z14" s="71">
        <v>122</v>
      </c>
      <c r="AA14" s="72">
        <v>250</v>
      </c>
      <c r="AB14" s="244"/>
      <c r="AC14" s="71">
        <v>181</v>
      </c>
      <c r="AD14" s="71">
        <v>105</v>
      </c>
      <c r="AE14" s="71">
        <v>70</v>
      </c>
      <c r="AF14" s="71">
        <v>66</v>
      </c>
      <c r="AG14" s="71">
        <v>63</v>
      </c>
      <c r="AH14" s="72">
        <v>485</v>
      </c>
      <c r="AI14" s="73">
        <v>735</v>
      </c>
      <c r="AJ14" s="70">
        <v>192</v>
      </c>
      <c r="AK14" s="71">
        <v>149</v>
      </c>
      <c r="AL14" s="72">
        <v>341</v>
      </c>
      <c r="AM14" s="244"/>
      <c r="AN14" s="71">
        <v>290</v>
      </c>
      <c r="AO14" s="71">
        <v>176</v>
      </c>
      <c r="AP14" s="71">
        <v>111</v>
      </c>
      <c r="AQ14" s="71">
        <v>96</v>
      </c>
      <c r="AR14" s="71">
        <v>64</v>
      </c>
      <c r="AS14" s="72">
        <v>737</v>
      </c>
      <c r="AT14" s="73">
        <v>1078</v>
      </c>
      <c r="AU14" s="70">
        <v>384</v>
      </c>
      <c r="AV14" s="71">
        <v>223</v>
      </c>
      <c r="AW14" s="72">
        <v>607</v>
      </c>
      <c r="AX14" s="244"/>
      <c r="AY14" s="71">
        <v>383</v>
      </c>
      <c r="AZ14" s="71">
        <v>198</v>
      </c>
      <c r="BA14" s="71">
        <v>154</v>
      </c>
      <c r="BB14" s="71">
        <v>145</v>
      </c>
      <c r="BC14" s="71">
        <v>105</v>
      </c>
      <c r="BD14" s="72">
        <v>985</v>
      </c>
      <c r="BE14" s="73">
        <v>1592</v>
      </c>
      <c r="BF14" s="70">
        <v>428</v>
      </c>
      <c r="BG14" s="71">
        <v>243</v>
      </c>
      <c r="BH14" s="72">
        <v>671</v>
      </c>
      <c r="BI14" s="244"/>
      <c r="BJ14" s="71">
        <v>452</v>
      </c>
      <c r="BK14" s="71">
        <v>228</v>
      </c>
      <c r="BL14" s="71">
        <v>180</v>
      </c>
      <c r="BM14" s="71">
        <v>151</v>
      </c>
      <c r="BN14" s="71">
        <v>89</v>
      </c>
      <c r="BO14" s="72">
        <v>1100</v>
      </c>
      <c r="BP14" s="73">
        <v>1771</v>
      </c>
      <c r="BQ14" s="70">
        <v>230</v>
      </c>
      <c r="BR14" s="71">
        <v>177</v>
      </c>
      <c r="BS14" s="72">
        <v>407</v>
      </c>
      <c r="BT14" s="244"/>
      <c r="BU14" s="71">
        <v>325</v>
      </c>
      <c r="BV14" s="71">
        <v>209</v>
      </c>
      <c r="BW14" s="71">
        <v>154</v>
      </c>
      <c r="BX14" s="71">
        <v>130</v>
      </c>
      <c r="BY14" s="71">
        <v>69</v>
      </c>
      <c r="BZ14" s="72">
        <v>887</v>
      </c>
      <c r="CA14" s="73">
        <v>1294</v>
      </c>
      <c r="CB14" s="70">
        <v>40</v>
      </c>
      <c r="CC14" s="71">
        <v>34</v>
      </c>
      <c r="CD14" s="72">
        <v>74</v>
      </c>
      <c r="CE14" s="244"/>
      <c r="CF14" s="71">
        <v>73</v>
      </c>
      <c r="CG14" s="71">
        <v>45</v>
      </c>
      <c r="CH14" s="71">
        <v>29</v>
      </c>
      <c r="CI14" s="71">
        <v>16</v>
      </c>
      <c r="CJ14" s="71">
        <v>28</v>
      </c>
      <c r="CK14" s="72">
        <v>191</v>
      </c>
      <c r="CL14" s="73">
        <v>265</v>
      </c>
      <c r="CM14" s="70">
        <v>1458</v>
      </c>
      <c r="CN14" s="71">
        <v>1008</v>
      </c>
      <c r="CO14" s="72">
        <v>2466</v>
      </c>
      <c r="CP14" s="244"/>
      <c r="CQ14" s="71">
        <v>1775</v>
      </c>
      <c r="CR14" s="71">
        <v>1013</v>
      </c>
      <c r="CS14" s="71">
        <v>734</v>
      </c>
      <c r="CT14" s="71">
        <v>633</v>
      </c>
      <c r="CU14" s="71">
        <v>446</v>
      </c>
      <c r="CV14" s="72">
        <v>4601</v>
      </c>
      <c r="CW14" s="73">
        <v>7067</v>
      </c>
      <c r="CX14" s="123">
        <v>2830</v>
      </c>
      <c r="CY14" s="82">
        <v>2163</v>
      </c>
      <c r="CZ14" s="83">
        <v>4993</v>
      </c>
      <c r="DA14" s="241"/>
      <c r="DB14" s="82">
        <v>3180</v>
      </c>
      <c r="DC14" s="82">
        <v>1758</v>
      </c>
      <c r="DD14" s="82">
        <v>1458</v>
      </c>
      <c r="DE14" s="82">
        <v>1421</v>
      </c>
      <c r="DF14" s="82">
        <v>1240</v>
      </c>
      <c r="DG14" s="84">
        <v>9057</v>
      </c>
      <c r="DH14" s="85">
        <v>14050</v>
      </c>
      <c r="DI14" s="70">
        <v>58</v>
      </c>
      <c r="DJ14" s="71">
        <v>52</v>
      </c>
      <c r="DK14" s="72">
        <v>110</v>
      </c>
      <c r="DL14" s="244"/>
      <c r="DM14" s="71">
        <v>66</v>
      </c>
      <c r="DN14" s="71">
        <v>29</v>
      </c>
      <c r="DO14" s="71">
        <v>26</v>
      </c>
      <c r="DP14" s="71">
        <v>19</v>
      </c>
      <c r="DQ14" s="71">
        <v>26</v>
      </c>
      <c r="DR14" s="72">
        <v>166</v>
      </c>
      <c r="DS14" s="73">
        <v>276</v>
      </c>
      <c r="DT14" s="70">
        <v>187</v>
      </c>
      <c r="DU14" s="71">
        <v>156</v>
      </c>
      <c r="DV14" s="72">
        <v>343</v>
      </c>
      <c r="DW14" s="244"/>
      <c r="DX14" s="71">
        <v>176</v>
      </c>
      <c r="DY14" s="71">
        <v>103</v>
      </c>
      <c r="DZ14" s="71">
        <v>48</v>
      </c>
      <c r="EA14" s="71">
        <v>64</v>
      </c>
      <c r="EB14" s="71">
        <v>62</v>
      </c>
      <c r="EC14" s="72">
        <v>453</v>
      </c>
      <c r="ED14" s="73">
        <v>796</v>
      </c>
      <c r="EE14" s="70">
        <v>455</v>
      </c>
      <c r="EF14" s="71">
        <v>289</v>
      </c>
      <c r="EG14" s="72">
        <v>744</v>
      </c>
      <c r="EH14" s="244"/>
      <c r="EI14" s="71">
        <v>380</v>
      </c>
      <c r="EJ14" s="71">
        <v>159</v>
      </c>
      <c r="EK14" s="71">
        <v>138</v>
      </c>
      <c r="EL14" s="71">
        <v>121</v>
      </c>
      <c r="EM14" s="71">
        <v>112</v>
      </c>
      <c r="EN14" s="72">
        <v>910</v>
      </c>
      <c r="EO14" s="73">
        <v>1654</v>
      </c>
      <c r="EP14" s="70">
        <v>815</v>
      </c>
      <c r="EQ14" s="71">
        <v>555</v>
      </c>
      <c r="ER14" s="72">
        <v>1370</v>
      </c>
      <c r="ES14" s="244"/>
      <c r="ET14" s="71">
        <v>695</v>
      </c>
      <c r="EU14" s="71">
        <v>348</v>
      </c>
      <c r="EV14" s="71">
        <v>248</v>
      </c>
      <c r="EW14" s="71">
        <v>223</v>
      </c>
      <c r="EX14" s="71">
        <v>211</v>
      </c>
      <c r="EY14" s="72">
        <v>1725</v>
      </c>
      <c r="EZ14" s="73">
        <v>3095</v>
      </c>
      <c r="FA14" s="70">
        <v>884</v>
      </c>
      <c r="FB14" s="71">
        <v>631</v>
      </c>
      <c r="FC14" s="72">
        <v>1515</v>
      </c>
      <c r="FD14" s="244"/>
      <c r="FE14" s="71">
        <v>985</v>
      </c>
      <c r="FF14" s="71">
        <v>490</v>
      </c>
      <c r="FG14" s="71">
        <v>398</v>
      </c>
      <c r="FH14" s="71">
        <v>336</v>
      </c>
      <c r="FI14" s="71">
        <v>344</v>
      </c>
      <c r="FJ14" s="72">
        <v>2553</v>
      </c>
      <c r="FK14" s="73">
        <v>4068</v>
      </c>
      <c r="FL14" s="70">
        <v>431</v>
      </c>
      <c r="FM14" s="71">
        <v>480</v>
      </c>
      <c r="FN14" s="72">
        <v>911</v>
      </c>
      <c r="FO14" s="244"/>
      <c r="FP14" s="71">
        <v>878</v>
      </c>
      <c r="FQ14" s="71">
        <v>629</v>
      </c>
      <c r="FR14" s="71">
        <v>600</v>
      </c>
      <c r="FS14" s="71">
        <v>658</v>
      </c>
      <c r="FT14" s="71">
        <v>485</v>
      </c>
      <c r="FU14" s="72">
        <v>3250</v>
      </c>
      <c r="FV14" s="73">
        <v>4161</v>
      </c>
      <c r="FW14" s="70">
        <v>29</v>
      </c>
      <c r="FX14" s="71">
        <v>39</v>
      </c>
      <c r="FY14" s="72">
        <v>68</v>
      </c>
      <c r="FZ14" s="244"/>
      <c r="GA14" s="71">
        <v>53</v>
      </c>
      <c r="GB14" s="71">
        <v>33</v>
      </c>
      <c r="GC14" s="71">
        <v>20</v>
      </c>
      <c r="GD14" s="71">
        <v>21</v>
      </c>
      <c r="GE14" s="71">
        <v>34</v>
      </c>
      <c r="GF14" s="72">
        <v>161</v>
      </c>
      <c r="GG14" s="73">
        <v>229</v>
      </c>
      <c r="GH14" s="70">
        <v>2859</v>
      </c>
      <c r="GI14" s="71">
        <v>2202</v>
      </c>
      <c r="GJ14" s="72">
        <v>5061</v>
      </c>
      <c r="GK14" s="244"/>
      <c r="GL14" s="71">
        <v>3233</v>
      </c>
      <c r="GM14" s="71">
        <v>1791</v>
      </c>
      <c r="GN14" s="71">
        <v>1478</v>
      </c>
      <c r="GO14" s="71">
        <v>1442</v>
      </c>
      <c r="GP14" s="71">
        <v>1274</v>
      </c>
      <c r="GQ14" s="72">
        <v>9218</v>
      </c>
      <c r="GR14" s="73">
        <v>14279</v>
      </c>
      <c r="GS14" s="123">
        <v>4248</v>
      </c>
      <c r="GT14" s="82">
        <v>3137</v>
      </c>
      <c r="GU14" s="83">
        <v>7385</v>
      </c>
      <c r="GV14" s="241"/>
      <c r="GW14" s="82">
        <v>4882</v>
      </c>
      <c r="GX14" s="82">
        <v>2726</v>
      </c>
      <c r="GY14" s="82">
        <v>2163</v>
      </c>
      <c r="GZ14" s="82">
        <v>2038</v>
      </c>
      <c r="HA14" s="82">
        <v>1658</v>
      </c>
      <c r="HB14" s="84">
        <v>13467</v>
      </c>
      <c r="HC14" s="85">
        <v>20852</v>
      </c>
      <c r="HD14" s="70">
        <v>114</v>
      </c>
      <c r="HE14" s="71">
        <v>112</v>
      </c>
      <c r="HF14" s="72">
        <v>226</v>
      </c>
      <c r="HG14" s="244"/>
      <c r="HH14" s="71">
        <v>137</v>
      </c>
      <c r="HI14" s="71">
        <v>81</v>
      </c>
      <c r="HJ14" s="71">
        <v>62</v>
      </c>
      <c r="HK14" s="71">
        <v>48</v>
      </c>
      <c r="HL14" s="71">
        <v>54</v>
      </c>
      <c r="HM14" s="72">
        <v>382</v>
      </c>
      <c r="HN14" s="73">
        <v>608</v>
      </c>
      <c r="HO14" s="70">
        <v>315</v>
      </c>
      <c r="HP14" s="71">
        <v>278</v>
      </c>
      <c r="HQ14" s="72">
        <v>593</v>
      </c>
      <c r="HR14" s="244"/>
      <c r="HS14" s="71">
        <v>357</v>
      </c>
      <c r="HT14" s="71">
        <v>208</v>
      </c>
      <c r="HU14" s="71">
        <v>118</v>
      </c>
      <c r="HV14" s="71">
        <v>130</v>
      </c>
      <c r="HW14" s="71">
        <v>125</v>
      </c>
      <c r="HX14" s="72">
        <v>938</v>
      </c>
      <c r="HY14" s="73">
        <v>1531</v>
      </c>
      <c r="HZ14" s="70">
        <v>647</v>
      </c>
      <c r="IA14" s="71">
        <v>438</v>
      </c>
      <c r="IB14" s="72">
        <v>1085</v>
      </c>
      <c r="IC14" s="244"/>
      <c r="ID14" s="71">
        <v>670</v>
      </c>
      <c r="IE14" s="71">
        <v>335</v>
      </c>
      <c r="IF14" s="71">
        <v>249</v>
      </c>
      <c r="IG14" s="71">
        <v>217</v>
      </c>
      <c r="IH14" s="71">
        <v>176</v>
      </c>
      <c r="II14" s="72">
        <v>1647</v>
      </c>
      <c r="IJ14" s="73">
        <v>2732</v>
      </c>
      <c r="IK14" s="70">
        <v>1199</v>
      </c>
      <c r="IL14" s="71">
        <v>778</v>
      </c>
      <c r="IM14" s="72">
        <v>1977</v>
      </c>
      <c r="IN14" s="244"/>
      <c r="IO14" s="71">
        <v>1078</v>
      </c>
      <c r="IP14" s="71">
        <v>546</v>
      </c>
      <c r="IQ14" s="71">
        <v>402</v>
      </c>
      <c r="IR14" s="71">
        <v>368</v>
      </c>
      <c r="IS14" s="71">
        <v>316</v>
      </c>
      <c r="IT14" s="72">
        <v>2710</v>
      </c>
      <c r="IU14" s="73">
        <v>4687</v>
      </c>
      <c r="IV14" s="70">
        <v>1312</v>
      </c>
      <c r="IW14" s="71">
        <v>874</v>
      </c>
      <c r="IX14" s="72">
        <v>2186</v>
      </c>
      <c r="IY14" s="244"/>
      <c r="IZ14" s="71">
        <v>1437</v>
      </c>
      <c r="JA14" s="71">
        <v>718</v>
      </c>
      <c r="JB14" s="71">
        <v>578</v>
      </c>
      <c r="JC14" s="71">
        <v>487</v>
      </c>
      <c r="JD14" s="71">
        <v>433</v>
      </c>
      <c r="JE14" s="72">
        <v>3653</v>
      </c>
      <c r="JF14" s="73">
        <v>5839</v>
      </c>
      <c r="JG14" s="70">
        <v>661</v>
      </c>
      <c r="JH14" s="71">
        <v>657</v>
      </c>
      <c r="JI14" s="72">
        <v>1318</v>
      </c>
      <c r="JJ14" s="244"/>
      <c r="JK14" s="71">
        <v>1203</v>
      </c>
      <c r="JL14" s="71">
        <v>838</v>
      </c>
      <c r="JM14" s="71">
        <v>754</v>
      </c>
      <c r="JN14" s="71">
        <v>788</v>
      </c>
      <c r="JO14" s="71">
        <v>554</v>
      </c>
      <c r="JP14" s="72">
        <v>4137</v>
      </c>
      <c r="JQ14" s="73">
        <v>5455</v>
      </c>
      <c r="JR14" s="70">
        <v>69</v>
      </c>
      <c r="JS14" s="71">
        <v>73</v>
      </c>
      <c r="JT14" s="72">
        <v>142</v>
      </c>
      <c r="JU14" s="244"/>
      <c r="JV14" s="71">
        <v>126</v>
      </c>
      <c r="JW14" s="71">
        <v>78</v>
      </c>
      <c r="JX14" s="71">
        <v>49</v>
      </c>
      <c r="JY14" s="71">
        <v>37</v>
      </c>
      <c r="JZ14" s="71">
        <v>62</v>
      </c>
      <c r="KA14" s="72">
        <v>352</v>
      </c>
      <c r="KB14" s="73">
        <v>494</v>
      </c>
      <c r="KC14" s="70">
        <v>4317</v>
      </c>
      <c r="KD14" s="71">
        <v>3210</v>
      </c>
      <c r="KE14" s="72">
        <v>7527</v>
      </c>
      <c r="KF14" s="244"/>
      <c r="KG14" s="71">
        <v>5008</v>
      </c>
      <c r="KH14" s="71">
        <v>2804</v>
      </c>
      <c r="KI14" s="71">
        <v>2212</v>
      </c>
      <c r="KJ14" s="71">
        <v>2075</v>
      </c>
      <c r="KK14" s="71">
        <v>1720</v>
      </c>
      <c r="KL14" s="72">
        <v>13819</v>
      </c>
      <c r="KM14" s="73">
        <v>21346</v>
      </c>
    </row>
    <row r="15" spans="2:299" ht="19.8" customHeight="1" x14ac:dyDescent="0.2">
      <c r="B15" s="126" t="s">
        <v>11</v>
      </c>
      <c r="C15" s="316">
        <v>471</v>
      </c>
      <c r="D15" s="82">
        <v>338</v>
      </c>
      <c r="E15" s="83">
        <v>809</v>
      </c>
      <c r="F15" s="241"/>
      <c r="G15" s="82">
        <v>872</v>
      </c>
      <c r="H15" s="82">
        <v>533</v>
      </c>
      <c r="I15" s="82">
        <v>472</v>
      </c>
      <c r="J15" s="82">
        <v>398</v>
      </c>
      <c r="K15" s="82">
        <v>200</v>
      </c>
      <c r="L15" s="84">
        <v>2475</v>
      </c>
      <c r="M15" s="85">
        <v>3284</v>
      </c>
      <c r="N15" s="70">
        <v>18</v>
      </c>
      <c r="O15" s="71">
        <v>14</v>
      </c>
      <c r="P15" s="72">
        <v>32</v>
      </c>
      <c r="Q15" s="244"/>
      <c r="R15" s="71">
        <v>52</v>
      </c>
      <c r="S15" s="71">
        <v>26</v>
      </c>
      <c r="T15" s="71">
        <v>20</v>
      </c>
      <c r="U15" s="71">
        <v>16</v>
      </c>
      <c r="V15" s="71">
        <v>11</v>
      </c>
      <c r="W15" s="72">
        <v>125</v>
      </c>
      <c r="X15" s="73">
        <v>157</v>
      </c>
      <c r="Y15" s="70">
        <v>57</v>
      </c>
      <c r="Z15" s="71">
        <v>41</v>
      </c>
      <c r="AA15" s="72">
        <v>98</v>
      </c>
      <c r="AB15" s="244"/>
      <c r="AC15" s="71">
        <v>103</v>
      </c>
      <c r="AD15" s="71">
        <v>54</v>
      </c>
      <c r="AE15" s="71">
        <v>56</v>
      </c>
      <c r="AF15" s="71">
        <v>38</v>
      </c>
      <c r="AG15" s="71">
        <v>31</v>
      </c>
      <c r="AH15" s="72">
        <v>282</v>
      </c>
      <c r="AI15" s="73">
        <v>380</v>
      </c>
      <c r="AJ15" s="70">
        <v>69</v>
      </c>
      <c r="AK15" s="71">
        <v>60</v>
      </c>
      <c r="AL15" s="72">
        <v>129</v>
      </c>
      <c r="AM15" s="244"/>
      <c r="AN15" s="71">
        <v>156</v>
      </c>
      <c r="AO15" s="71">
        <v>97</v>
      </c>
      <c r="AP15" s="71">
        <v>82</v>
      </c>
      <c r="AQ15" s="71">
        <v>73</v>
      </c>
      <c r="AR15" s="71">
        <v>38</v>
      </c>
      <c r="AS15" s="72">
        <v>446</v>
      </c>
      <c r="AT15" s="73">
        <v>575</v>
      </c>
      <c r="AU15" s="70">
        <v>125</v>
      </c>
      <c r="AV15" s="71">
        <v>75</v>
      </c>
      <c r="AW15" s="72">
        <v>200</v>
      </c>
      <c r="AX15" s="244"/>
      <c r="AY15" s="71">
        <v>211</v>
      </c>
      <c r="AZ15" s="71">
        <v>126</v>
      </c>
      <c r="BA15" s="71">
        <v>107</v>
      </c>
      <c r="BB15" s="71">
        <v>90</v>
      </c>
      <c r="BC15" s="71">
        <v>46</v>
      </c>
      <c r="BD15" s="72">
        <v>580</v>
      </c>
      <c r="BE15" s="73">
        <v>780</v>
      </c>
      <c r="BF15" s="70">
        <v>126</v>
      </c>
      <c r="BG15" s="71">
        <v>99</v>
      </c>
      <c r="BH15" s="72">
        <v>225</v>
      </c>
      <c r="BI15" s="244"/>
      <c r="BJ15" s="71">
        <v>198</v>
      </c>
      <c r="BK15" s="71">
        <v>125</v>
      </c>
      <c r="BL15" s="71">
        <v>107</v>
      </c>
      <c r="BM15" s="71">
        <v>105</v>
      </c>
      <c r="BN15" s="71">
        <v>37</v>
      </c>
      <c r="BO15" s="72">
        <v>572</v>
      </c>
      <c r="BP15" s="73">
        <v>797</v>
      </c>
      <c r="BQ15" s="70">
        <v>76</v>
      </c>
      <c r="BR15" s="71">
        <v>49</v>
      </c>
      <c r="BS15" s="72">
        <v>125</v>
      </c>
      <c r="BT15" s="244"/>
      <c r="BU15" s="71">
        <v>152</v>
      </c>
      <c r="BV15" s="71">
        <v>105</v>
      </c>
      <c r="BW15" s="71">
        <v>100</v>
      </c>
      <c r="BX15" s="71">
        <v>76</v>
      </c>
      <c r="BY15" s="71">
        <v>37</v>
      </c>
      <c r="BZ15" s="72">
        <v>470</v>
      </c>
      <c r="CA15" s="73">
        <v>595</v>
      </c>
      <c r="CB15" s="70">
        <v>9</v>
      </c>
      <c r="CC15" s="71">
        <v>11</v>
      </c>
      <c r="CD15" s="72">
        <v>20</v>
      </c>
      <c r="CE15" s="244"/>
      <c r="CF15" s="71">
        <v>25</v>
      </c>
      <c r="CG15" s="71">
        <v>18</v>
      </c>
      <c r="CH15" s="71">
        <v>13</v>
      </c>
      <c r="CI15" s="71">
        <v>8</v>
      </c>
      <c r="CJ15" s="71">
        <v>14</v>
      </c>
      <c r="CK15" s="72">
        <v>78</v>
      </c>
      <c r="CL15" s="73">
        <v>98</v>
      </c>
      <c r="CM15" s="70">
        <v>480</v>
      </c>
      <c r="CN15" s="71">
        <v>349</v>
      </c>
      <c r="CO15" s="72">
        <v>829</v>
      </c>
      <c r="CP15" s="244"/>
      <c r="CQ15" s="71">
        <v>897</v>
      </c>
      <c r="CR15" s="71">
        <v>551</v>
      </c>
      <c r="CS15" s="71">
        <v>485</v>
      </c>
      <c r="CT15" s="71">
        <v>406</v>
      </c>
      <c r="CU15" s="71">
        <v>214</v>
      </c>
      <c r="CV15" s="72">
        <v>2553</v>
      </c>
      <c r="CW15" s="73">
        <v>3382</v>
      </c>
      <c r="CX15" s="123">
        <v>968</v>
      </c>
      <c r="CY15" s="82">
        <v>757</v>
      </c>
      <c r="CZ15" s="83">
        <v>1725</v>
      </c>
      <c r="DA15" s="241"/>
      <c r="DB15" s="82">
        <v>1829</v>
      </c>
      <c r="DC15" s="82">
        <v>1029</v>
      </c>
      <c r="DD15" s="82">
        <v>895</v>
      </c>
      <c r="DE15" s="82">
        <v>942</v>
      </c>
      <c r="DF15" s="82">
        <v>539</v>
      </c>
      <c r="DG15" s="84">
        <v>5234</v>
      </c>
      <c r="DH15" s="85">
        <v>6959</v>
      </c>
      <c r="DI15" s="70">
        <v>23</v>
      </c>
      <c r="DJ15" s="71">
        <v>18</v>
      </c>
      <c r="DK15" s="72">
        <v>41</v>
      </c>
      <c r="DL15" s="244"/>
      <c r="DM15" s="71">
        <v>51</v>
      </c>
      <c r="DN15" s="71">
        <v>23</v>
      </c>
      <c r="DO15" s="71">
        <v>12</v>
      </c>
      <c r="DP15" s="71">
        <v>17</v>
      </c>
      <c r="DQ15" s="71">
        <v>13</v>
      </c>
      <c r="DR15" s="72">
        <v>116</v>
      </c>
      <c r="DS15" s="73">
        <v>157</v>
      </c>
      <c r="DT15" s="70">
        <v>74</v>
      </c>
      <c r="DU15" s="71">
        <v>53</v>
      </c>
      <c r="DV15" s="72">
        <v>127</v>
      </c>
      <c r="DW15" s="244"/>
      <c r="DX15" s="71">
        <v>99</v>
      </c>
      <c r="DY15" s="71">
        <v>55</v>
      </c>
      <c r="DZ15" s="71">
        <v>55</v>
      </c>
      <c r="EA15" s="71">
        <v>38</v>
      </c>
      <c r="EB15" s="71">
        <v>39</v>
      </c>
      <c r="EC15" s="72">
        <v>286</v>
      </c>
      <c r="ED15" s="73">
        <v>413</v>
      </c>
      <c r="EE15" s="70">
        <v>115</v>
      </c>
      <c r="EF15" s="71">
        <v>102</v>
      </c>
      <c r="EG15" s="72">
        <v>217</v>
      </c>
      <c r="EH15" s="244"/>
      <c r="EI15" s="71">
        <v>188</v>
      </c>
      <c r="EJ15" s="71">
        <v>117</v>
      </c>
      <c r="EK15" s="71">
        <v>100</v>
      </c>
      <c r="EL15" s="71">
        <v>84</v>
      </c>
      <c r="EM15" s="71">
        <v>46</v>
      </c>
      <c r="EN15" s="72">
        <v>535</v>
      </c>
      <c r="EO15" s="73">
        <v>752</v>
      </c>
      <c r="EP15" s="70">
        <v>298</v>
      </c>
      <c r="EQ15" s="71">
        <v>209</v>
      </c>
      <c r="ER15" s="72">
        <v>507</v>
      </c>
      <c r="ES15" s="244"/>
      <c r="ET15" s="71">
        <v>404</v>
      </c>
      <c r="EU15" s="71">
        <v>203</v>
      </c>
      <c r="EV15" s="71">
        <v>137</v>
      </c>
      <c r="EW15" s="71">
        <v>156</v>
      </c>
      <c r="EX15" s="71">
        <v>84</v>
      </c>
      <c r="EY15" s="72">
        <v>984</v>
      </c>
      <c r="EZ15" s="73">
        <v>1491</v>
      </c>
      <c r="FA15" s="70">
        <v>294</v>
      </c>
      <c r="FB15" s="71">
        <v>221</v>
      </c>
      <c r="FC15" s="72">
        <v>515</v>
      </c>
      <c r="FD15" s="244"/>
      <c r="FE15" s="71">
        <v>593</v>
      </c>
      <c r="FF15" s="71">
        <v>293</v>
      </c>
      <c r="FG15" s="71">
        <v>239</v>
      </c>
      <c r="FH15" s="71">
        <v>248</v>
      </c>
      <c r="FI15" s="71">
        <v>158</v>
      </c>
      <c r="FJ15" s="72">
        <v>1531</v>
      </c>
      <c r="FK15" s="73">
        <v>2046</v>
      </c>
      <c r="FL15" s="70">
        <v>164</v>
      </c>
      <c r="FM15" s="71">
        <v>154</v>
      </c>
      <c r="FN15" s="72">
        <v>318</v>
      </c>
      <c r="FO15" s="244"/>
      <c r="FP15" s="71">
        <v>494</v>
      </c>
      <c r="FQ15" s="71">
        <v>338</v>
      </c>
      <c r="FR15" s="71">
        <v>352</v>
      </c>
      <c r="FS15" s="71">
        <v>399</v>
      </c>
      <c r="FT15" s="71">
        <v>199</v>
      </c>
      <c r="FU15" s="72">
        <v>1782</v>
      </c>
      <c r="FV15" s="73">
        <v>2100</v>
      </c>
      <c r="FW15" s="70">
        <v>9</v>
      </c>
      <c r="FX15" s="71">
        <v>11</v>
      </c>
      <c r="FY15" s="72">
        <v>20</v>
      </c>
      <c r="FZ15" s="244"/>
      <c r="GA15" s="71">
        <v>27</v>
      </c>
      <c r="GB15" s="71">
        <v>18</v>
      </c>
      <c r="GC15" s="71">
        <v>11</v>
      </c>
      <c r="GD15" s="71">
        <v>13</v>
      </c>
      <c r="GE15" s="71">
        <v>12</v>
      </c>
      <c r="GF15" s="72">
        <v>81</v>
      </c>
      <c r="GG15" s="73">
        <v>101</v>
      </c>
      <c r="GH15" s="70">
        <v>977</v>
      </c>
      <c r="GI15" s="71">
        <v>768</v>
      </c>
      <c r="GJ15" s="72">
        <v>1745</v>
      </c>
      <c r="GK15" s="244"/>
      <c r="GL15" s="71">
        <v>1856</v>
      </c>
      <c r="GM15" s="71">
        <v>1047</v>
      </c>
      <c r="GN15" s="71">
        <v>906</v>
      </c>
      <c r="GO15" s="71">
        <v>955</v>
      </c>
      <c r="GP15" s="71">
        <v>551</v>
      </c>
      <c r="GQ15" s="72">
        <v>5315</v>
      </c>
      <c r="GR15" s="73">
        <v>7060</v>
      </c>
      <c r="GS15" s="123">
        <v>1439</v>
      </c>
      <c r="GT15" s="82">
        <v>1095</v>
      </c>
      <c r="GU15" s="83">
        <v>2534</v>
      </c>
      <c r="GV15" s="241"/>
      <c r="GW15" s="82">
        <v>2701</v>
      </c>
      <c r="GX15" s="82">
        <v>1562</v>
      </c>
      <c r="GY15" s="82">
        <v>1367</v>
      </c>
      <c r="GZ15" s="82">
        <v>1340</v>
      </c>
      <c r="HA15" s="82">
        <v>739</v>
      </c>
      <c r="HB15" s="84">
        <v>7709</v>
      </c>
      <c r="HC15" s="85">
        <v>10243</v>
      </c>
      <c r="HD15" s="70">
        <v>41</v>
      </c>
      <c r="HE15" s="71">
        <v>32</v>
      </c>
      <c r="HF15" s="72">
        <v>73</v>
      </c>
      <c r="HG15" s="244"/>
      <c r="HH15" s="71">
        <v>103</v>
      </c>
      <c r="HI15" s="71">
        <v>49</v>
      </c>
      <c r="HJ15" s="71">
        <v>32</v>
      </c>
      <c r="HK15" s="71">
        <v>33</v>
      </c>
      <c r="HL15" s="71">
        <v>24</v>
      </c>
      <c r="HM15" s="72">
        <v>241</v>
      </c>
      <c r="HN15" s="73">
        <v>314</v>
      </c>
      <c r="HO15" s="70">
        <v>131</v>
      </c>
      <c r="HP15" s="71">
        <v>94</v>
      </c>
      <c r="HQ15" s="72">
        <v>225</v>
      </c>
      <c r="HR15" s="244"/>
      <c r="HS15" s="71">
        <v>202</v>
      </c>
      <c r="HT15" s="71">
        <v>109</v>
      </c>
      <c r="HU15" s="71">
        <v>111</v>
      </c>
      <c r="HV15" s="71">
        <v>76</v>
      </c>
      <c r="HW15" s="71">
        <v>70</v>
      </c>
      <c r="HX15" s="72">
        <v>568</v>
      </c>
      <c r="HY15" s="73">
        <v>793</v>
      </c>
      <c r="HZ15" s="70">
        <v>184</v>
      </c>
      <c r="IA15" s="71">
        <v>162</v>
      </c>
      <c r="IB15" s="72">
        <v>346</v>
      </c>
      <c r="IC15" s="244"/>
      <c r="ID15" s="71">
        <v>344</v>
      </c>
      <c r="IE15" s="71">
        <v>214</v>
      </c>
      <c r="IF15" s="71">
        <v>182</v>
      </c>
      <c r="IG15" s="71">
        <v>157</v>
      </c>
      <c r="IH15" s="71">
        <v>84</v>
      </c>
      <c r="II15" s="72">
        <v>981</v>
      </c>
      <c r="IJ15" s="73">
        <v>1327</v>
      </c>
      <c r="IK15" s="70">
        <v>423</v>
      </c>
      <c r="IL15" s="71">
        <v>284</v>
      </c>
      <c r="IM15" s="72">
        <v>707</v>
      </c>
      <c r="IN15" s="244"/>
      <c r="IO15" s="71">
        <v>615</v>
      </c>
      <c r="IP15" s="71">
        <v>329</v>
      </c>
      <c r="IQ15" s="71">
        <v>244</v>
      </c>
      <c r="IR15" s="71">
        <v>246</v>
      </c>
      <c r="IS15" s="71">
        <v>130</v>
      </c>
      <c r="IT15" s="72">
        <v>1564</v>
      </c>
      <c r="IU15" s="73">
        <v>2271</v>
      </c>
      <c r="IV15" s="70">
        <v>420</v>
      </c>
      <c r="IW15" s="71">
        <v>320</v>
      </c>
      <c r="IX15" s="72">
        <v>740</v>
      </c>
      <c r="IY15" s="244"/>
      <c r="IZ15" s="71">
        <v>791</v>
      </c>
      <c r="JA15" s="71">
        <v>418</v>
      </c>
      <c r="JB15" s="71">
        <v>346</v>
      </c>
      <c r="JC15" s="71">
        <v>353</v>
      </c>
      <c r="JD15" s="71">
        <v>195</v>
      </c>
      <c r="JE15" s="72">
        <v>2103</v>
      </c>
      <c r="JF15" s="73">
        <v>2843</v>
      </c>
      <c r="JG15" s="70">
        <v>240</v>
      </c>
      <c r="JH15" s="71">
        <v>203</v>
      </c>
      <c r="JI15" s="72">
        <v>443</v>
      </c>
      <c r="JJ15" s="244"/>
      <c r="JK15" s="71">
        <v>646</v>
      </c>
      <c r="JL15" s="71">
        <v>443</v>
      </c>
      <c r="JM15" s="71">
        <v>452</v>
      </c>
      <c r="JN15" s="71">
        <v>475</v>
      </c>
      <c r="JO15" s="71">
        <v>236</v>
      </c>
      <c r="JP15" s="72">
        <v>2252</v>
      </c>
      <c r="JQ15" s="73">
        <v>2695</v>
      </c>
      <c r="JR15" s="70">
        <v>18</v>
      </c>
      <c r="JS15" s="71">
        <v>22</v>
      </c>
      <c r="JT15" s="72">
        <v>40</v>
      </c>
      <c r="JU15" s="244"/>
      <c r="JV15" s="71">
        <v>52</v>
      </c>
      <c r="JW15" s="71">
        <v>36</v>
      </c>
      <c r="JX15" s="71">
        <v>24</v>
      </c>
      <c r="JY15" s="71">
        <v>21</v>
      </c>
      <c r="JZ15" s="71">
        <v>26</v>
      </c>
      <c r="KA15" s="72">
        <v>159</v>
      </c>
      <c r="KB15" s="73">
        <v>199</v>
      </c>
      <c r="KC15" s="70">
        <v>1457</v>
      </c>
      <c r="KD15" s="71">
        <v>1117</v>
      </c>
      <c r="KE15" s="72">
        <v>2574</v>
      </c>
      <c r="KF15" s="244"/>
      <c r="KG15" s="71">
        <v>2753</v>
      </c>
      <c r="KH15" s="71">
        <v>1598</v>
      </c>
      <c r="KI15" s="71">
        <v>1391</v>
      </c>
      <c r="KJ15" s="71">
        <v>1361</v>
      </c>
      <c r="KK15" s="71">
        <v>765</v>
      </c>
      <c r="KL15" s="72">
        <v>7868</v>
      </c>
      <c r="KM15" s="73">
        <v>10442</v>
      </c>
    </row>
    <row r="16" spans="2:299" ht="19.8" customHeight="1" x14ac:dyDescent="0.2">
      <c r="B16" s="126" t="s">
        <v>12</v>
      </c>
      <c r="C16" s="316">
        <v>695</v>
      </c>
      <c r="D16" s="82">
        <v>566</v>
      </c>
      <c r="E16" s="83">
        <v>1261</v>
      </c>
      <c r="F16" s="241"/>
      <c r="G16" s="82">
        <v>677</v>
      </c>
      <c r="H16" s="82">
        <v>614</v>
      </c>
      <c r="I16" s="82">
        <v>475</v>
      </c>
      <c r="J16" s="82">
        <v>425</v>
      </c>
      <c r="K16" s="82">
        <v>219</v>
      </c>
      <c r="L16" s="84">
        <v>2410</v>
      </c>
      <c r="M16" s="85">
        <v>3671</v>
      </c>
      <c r="N16" s="86">
        <v>24</v>
      </c>
      <c r="O16" s="71">
        <v>32</v>
      </c>
      <c r="P16" s="72">
        <v>56</v>
      </c>
      <c r="Q16" s="244"/>
      <c r="R16" s="71">
        <v>13</v>
      </c>
      <c r="S16" s="71">
        <v>32</v>
      </c>
      <c r="T16" s="71">
        <v>24</v>
      </c>
      <c r="U16" s="71">
        <v>20</v>
      </c>
      <c r="V16" s="71">
        <v>16</v>
      </c>
      <c r="W16" s="72">
        <v>105</v>
      </c>
      <c r="X16" s="73">
        <v>161</v>
      </c>
      <c r="Y16" s="70">
        <v>60</v>
      </c>
      <c r="Z16" s="71">
        <v>62</v>
      </c>
      <c r="AA16" s="72">
        <v>122</v>
      </c>
      <c r="AB16" s="244"/>
      <c r="AC16" s="71">
        <v>55</v>
      </c>
      <c r="AD16" s="71">
        <v>42</v>
      </c>
      <c r="AE16" s="71">
        <v>46</v>
      </c>
      <c r="AF16" s="71">
        <v>37</v>
      </c>
      <c r="AG16" s="71">
        <v>26</v>
      </c>
      <c r="AH16" s="72">
        <v>206</v>
      </c>
      <c r="AI16" s="73">
        <v>328</v>
      </c>
      <c r="AJ16" s="86">
        <v>84</v>
      </c>
      <c r="AK16" s="71">
        <v>94</v>
      </c>
      <c r="AL16" s="72">
        <v>178</v>
      </c>
      <c r="AM16" s="244"/>
      <c r="AN16" s="71">
        <v>81</v>
      </c>
      <c r="AO16" s="71">
        <v>95</v>
      </c>
      <c r="AP16" s="71">
        <v>71</v>
      </c>
      <c r="AQ16" s="71">
        <v>58</v>
      </c>
      <c r="AR16" s="71">
        <v>41</v>
      </c>
      <c r="AS16" s="72">
        <v>346</v>
      </c>
      <c r="AT16" s="73">
        <v>524</v>
      </c>
      <c r="AU16" s="70">
        <v>183</v>
      </c>
      <c r="AV16" s="71">
        <v>136</v>
      </c>
      <c r="AW16" s="72">
        <v>319</v>
      </c>
      <c r="AX16" s="244"/>
      <c r="AY16" s="71">
        <v>175</v>
      </c>
      <c r="AZ16" s="71">
        <v>156</v>
      </c>
      <c r="BA16" s="71">
        <v>99</v>
      </c>
      <c r="BB16" s="71">
        <v>94</v>
      </c>
      <c r="BC16" s="71">
        <v>57</v>
      </c>
      <c r="BD16" s="72">
        <v>581</v>
      </c>
      <c r="BE16" s="73">
        <v>900</v>
      </c>
      <c r="BF16" s="86">
        <v>213</v>
      </c>
      <c r="BG16" s="71">
        <v>135</v>
      </c>
      <c r="BH16" s="72">
        <v>348</v>
      </c>
      <c r="BI16" s="244"/>
      <c r="BJ16" s="71">
        <v>207</v>
      </c>
      <c r="BK16" s="71">
        <v>164</v>
      </c>
      <c r="BL16" s="71">
        <v>132</v>
      </c>
      <c r="BM16" s="71">
        <v>121</v>
      </c>
      <c r="BN16" s="71">
        <v>48</v>
      </c>
      <c r="BO16" s="72">
        <v>672</v>
      </c>
      <c r="BP16" s="73">
        <v>1020</v>
      </c>
      <c r="BQ16" s="70">
        <v>131</v>
      </c>
      <c r="BR16" s="71">
        <v>107</v>
      </c>
      <c r="BS16" s="72">
        <v>238</v>
      </c>
      <c r="BT16" s="244"/>
      <c r="BU16" s="71">
        <v>146</v>
      </c>
      <c r="BV16" s="71">
        <v>125</v>
      </c>
      <c r="BW16" s="71">
        <v>103</v>
      </c>
      <c r="BX16" s="71">
        <v>95</v>
      </c>
      <c r="BY16" s="71">
        <v>31</v>
      </c>
      <c r="BZ16" s="72">
        <v>500</v>
      </c>
      <c r="CA16" s="73">
        <v>738</v>
      </c>
      <c r="CB16" s="70">
        <v>13</v>
      </c>
      <c r="CC16" s="71">
        <v>23</v>
      </c>
      <c r="CD16" s="72">
        <v>36</v>
      </c>
      <c r="CE16" s="244"/>
      <c r="CF16" s="71">
        <v>9</v>
      </c>
      <c r="CG16" s="71">
        <v>20</v>
      </c>
      <c r="CH16" s="71">
        <v>16</v>
      </c>
      <c r="CI16" s="71">
        <v>14</v>
      </c>
      <c r="CJ16" s="71">
        <v>11</v>
      </c>
      <c r="CK16" s="72">
        <v>70</v>
      </c>
      <c r="CL16" s="73">
        <v>106</v>
      </c>
      <c r="CM16" s="70">
        <v>708</v>
      </c>
      <c r="CN16" s="71">
        <v>589</v>
      </c>
      <c r="CO16" s="72">
        <v>1297</v>
      </c>
      <c r="CP16" s="244"/>
      <c r="CQ16" s="71">
        <v>686</v>
      </c>
      <c r="CR16" s="71">
        <v>634</v>
      </c>
      <c r="CS16" s="71">
        <v>491</v>
      </c>
      <c r="CT16" s="71">
        <v>439</v>
      </c>
      <c r="CU16" s="71">
        <v>230</v>
      </c>
      <c r="CV16" s="72">
        <v>2480</v>
      </c>
      <c r="CW16" s="73">
        <v>3777</v>
      </c>
      <c r="CX16" s="123">
        <v>1325</v>
      </c>
      <c r="CY16" s="82">
        <v>1285</v>
      </c>
      <c r="CZ16" s="83">
        <v>2610</v>
      </c>
      <c r="DA16" s="241"/>
      <c r="DB16" s="82">
        <v>1383</v>
      </c>
      <c r="DC16" s="82">
        <v>1028</v>
      </c>
      <c r="DD16" s="82">
        <v>933</v>
      </c>
      <c r="DE16" s="82">
        <v>1003</v>
      </c>
      <c r="DF16" s="82">
        <v>670</v>
      </c>
      <c r="DG16" s="84">
        <v>5017</v>
      </c>
      <c r="DH16" s="85">
        <v>7627</v>
      </c>
      <c r="DI16" s="86">
        <v>26</v>
      </c>
      <c r="DJ16" s="71">
        <v>37</v>
      </c>
      <c r="DK16" s="72">
        <v>63</v>
      </c>
      <c r="DL16" s="244"/>
      <c r="DM16" s="71">
        <v>17</v>
      </c>
      <c r="DN16" s="71">
        <v>17</v>
      </c>
      <c r="DO16" s="71">
        <v>21</v>
      </c>
      <c r="DP16" s="71">
        <v>13</v>
      </c>
      <c r="DQ16" s="71">
        <v>15</v>
      </c>
      <c r="DR16" s="72">
        <v>83</v>
      </c>
      <c r="DS16" s="73">
        <v>146</v>
      </c>
      <c r="DT16" s="70">
        <v>81</v>
      </c>
      <c r="DU16" s="71">
        <v>102</v>
      </c>
      <c r="DV16" s="72">
        <v>183</v>
      </c>
      <c r="DW16" s="244"/>
      <c r="DX16" s="71">
        <v>56</v>
      </c>
      <c r="DY16" s="71">
        <v>51</v>
      </c>
      <c r="DZ16" s="71">
        <v>37</v>
      </c>
      <c r="EA16" s="71">
        <v>45</v>
      </c>
      <c r="EB16" s="71">
        <v>48</v>
      </c>
      <c r="EC16" s="72">
        <v>237</v>
      </c>
      <c r="ED16" s="73">
        <v>420</v>
      </c>
      <c r="EE16" s="86">
        <v>194</v>
      </c>
      <c r="EF16" s="71">
        <v>186</v>
      </c>
      <c r="EG16" s="72">
        <v>380</v>
      </c>
      <c r="EH16" s="244"/>
      <c r="EI16" s="71">
        <v>124</v>
      </c>
      <c r="EJ16" s="71">
        <v>106</v>
      </c>
      <c r="EK16" s="71">
        <v>84</v>
      </c>
      <c r="EL16" s="71">
        <v>86</v>
      </c>
      <c r="EM16" s="71">
        <v>62</v>
      </c>
      <c r="EN16" s="72">
        <v>462</v>
      </c>
      <c r="EO16" s="73">
        <v>842</v>
      </c>
      <c r="EP16" s="70">
        <v>375</v>
      </c>
      <c r="EQ16" s="71">
        <v>329</v>
      </c>
      <c r="ER16" s="72">
        <v>704</v>
      </c>
      <c r="ES16" s="244"/>
      <c r="ET16" s="71">
        <v>331</v>
      </c>
      <c r="EU16" s="71">
        <v>201</v>
      </c>
      <c r="EV16" s="71">
        <v>154</v>
      </c>
      <c r="EW16" s="71">
        <v>162</v>
      </c>
      <c r="EX16" s="71">
        <v>118</v>
      </c>
      <c r="EY16" s="72">
        <v>966</v>
      </c>
      <c r="EZ16" s="73">
        <v>1670</v>
      </c>
      <c r="FA16" s="86">
        <v>399</v>
      </c>
      <c r="FB16" s="71">
        <v>370</v>
      </c>
      <c r="FC16" s="72">
        <v>769</v>
      </c>
      <c r="FD16" s="244"/>
      <c r="FE16" s="71">
        <v>439</v>
      </c>
      <c r="FF16" s="71">
        <v>320</v>
      </c>
      <c r="FG16" s="71">
        <v>275</v>
      </c>
      <c r="FH16" s="71">
        <v>280</v>
      </c>
      <c r="FI16" s="71">
        <v>151</v>
      </c>
      <c r="FJ16" s="72">
        <v>1465</v>
      </c>
      <c r="FK16" s="73">
        <v>2234</v>
      </c>
      <c r="FL16" s="70">
        <v>250</v>
      </c>
      <c r="FM16" s="71">
        <v>261</v>
      </c>
      <c r="FN16" s="72">
        <v>511</v>
      </c>
      <c r="FO16" s="244"/>
      <c r="FP16" s="71">
        <v>416</v>
      </c>
      <c r="FQ16" s="71">
        <v>333</v>
      </c>
      <c r="FR16" s="71">
        <v>362</v>
      </c>
      <c r="FS16" s="71">
        <v>417</v>
      </c>
      <c r="FT16" s="71">
        <v>276</v>
      </c>
      <c r="FU16" s="72">
        <v>1804</v>
      </c>
      <c r="FV16" s="73">
        <v>2315</v>
      </c>
      <c r="FW16" s="70">
        <v>17</v>
      </c>
      <c r="FX16" s="71">
        <v>22</v>
      </c>
      <c r="FY16" s="72">
        <v>39</v>
      </c>
      <c r="FZ16" s="244"/>
      <c r="GA16" s="71">
        <v>16</v>
      </c>
      <c r="GB16" s="71">
        <v>10</v>
      </c>
      <c r="GC16" s="71">
        <v>10</v>
      </c>
      <c r="GD16" s="71">
        <v>22</v>
      </c>
      <c r="GE16" s="71">
        <v>7</v>
      </c>
      <c r="GF16" s="72">
        <v>65</v>
      </c>
      <c r="GG16" s="73">
        <v>104</v>
      </c>
      <c r="GH16" s="70">
        <v>1342</v>
      </c>
      <c r="GI16" s="71">
        <v>1307</v>
      </c>
      <c r="GJ16" s="72">
        <v>2649</v>
      </c>
      <c r="GK16" s="244"/>
      <c r="GL16" s="71">
        <v>1399</v>
      </c>
      <c r="GM16" s="71">
        <v>1038</v>
      </c>
      <c r="GN16" s="71">
        <v>943</v>
      </c>
      <c r="GO16" s="71">
        <v>1025</v>
      </c>
      <c r="GP16" s="71">
        <v>677</v>
      </c>
      <c r="GQ16" s="72">
        <v>5082</v>
      </c>
      <c r="GR16" s="73">
        <v>7731</v>
      </c>
      <c r="GS16" s="123">
        <v>2020</v>
      </c>
      <c r="GT16" s="82">
        <v>1851</v>
      </c>
      <c r="GU16" s="83">
        <v>3871</v>
      </c>
      <c r="GV16" s="241"/>
      <c r="GW16" s="82">
        <v>2060</v>
      </c>
      <c r="GX16" s="82">
        <v>1642</v>
      </c>
      <c r="GY16" s="82">
        <v>1408</v>
      </c>
      <c r="GZ16" s="82">
        <v>1428</v>
      </c>
      <c r="HA16" s="82">
        <v>889</v>
      </c>
      <c r="HB16" s="84">
        <v>7427</v>
      </c>
      <c r="HC16" s="85">
        <v>11298</v>
      </c>
      <c r="HD16" s="86">
        <v>50</v>
      </c>
      <c r="HE16" s="71">
        <v>69</v>
      </c>
      <c r="HF16" s="72">
        <v>119</v>
      </c>
      <c r="HG16" s="244"/>
      <c r="HH16" s="71">
        <v>30</v>
      </c>
      <c r="HI16" s="71">
        <v>49</v>
      </c>
      <c r="HJ16" s="71">
        <v>45</v>
      </c>
      <c r="HK16" s="71">
        <v>33</v>
      </c>
      <c r="HL16" s="71">
        <v>31</v>
      </c>
      <c r="HM16" s="72">
        <v>188</v>
      </c>
      <c r="HN16" s="73">
        <v>307</v>
      </c>
      <c r="HO16" s="70">
        <v>141</v>
      </c>
      <c r="HP16" s="71">
        <v>164</v>
      </c>
      <c r="HQ16" s="72">
        <v>305</v>
      </c>
      <c r="HR16" s="244"/>
      <c r="HS16" s="71">
        <v>111</v>
      </c>
      <c r="HT16" s="71">
        <v>93</v>
      </c>
      <c r="HU16" s="71">
        <v>83</v>
      </c>
      <c r="HV16" s="71">
        <v>82</v>
      </c>
      <c r="HW16" s="71">
        <v>74</v>
      </c>
      <c r="HX16" s="72">
        <v>443</v>
      </c>
      <c r="HY16" s="73">
        <v>748</v>
      </c>
      <c r="HZ16" s="86">
        <v>278</v>
      </c>
      <c r="IA16" s="71">
        <v>280</v>
      </c>
      <c r="IB16" s="72">
        <v>558</v>
      </c>
      <c r="IC16" s="244"/>
      <c r="ID16" s="71">
        <v>205</v>
      </c>
      <c r="IE16" s="71">
        <v>201</v>
      </c>
      <c r="IF16" s="71">
        <v>155</v>
      </c>
      <c r="IG16" s="71">
        <v>144</v>
      </c>
      <c r="IH16" s="71">
        <v>103</v>
      </c>
      <c r="II16" s="72">
        <v>808</v>
      </c>
      <c r="IJ16" s="73">
        <v>1366</v>
      </c>
      <c r="IK16" s="70">
        <v>558</v>
      </c>
      <c r="IL16" s="71">
        <v>465</v>
      </c>
      <c r="IM16" s="72">
        <v>1023</v>
      </c>
      <c r="IN16" s="244"/>
      <c r="IO16" s="71">
        <v>506</v>
      </c>
      <c r="IP16" s="71">
        <v>357</v>
      </c>
      <c r="IQ16" s="71">
        <v>253</v>
      </c>
      <c r="IR16" s="71">
        <v>256</v>
      </c>
      <c r="IS16" s="71">
        <v>175</v>
      </c>
      <c r="IT16" s="72">
        <v>1547</v>
      </c>
      <c r="IU16" s="73">
        <v>2570</v>
      </c>
      <c r="IV16" s="86">
        <v>612</v>
      </c>
      <c r="IW16" s="71">
        <v>505</v>
      </c>
      <c r="IX16" s="72">
        <v>1117</v>
      </c>
      <c r="IY16" s="244"/>
      <c r="IZ16" s="71">
        <v>646</v>
      </c>
      <c r="JA16" s="71">
        <v>484</v>
      </c>
      <c r="JB16" s="71">
        <v>407</v>
      </c>
      <c r="JC16" s="71">
        <v>401</v>
      </c>
      <c r="JD16" s="71">
        <v>199</v>
      </c>
      <c r="JE16" s="72">
        <v>2137</v>
      </c>
      <c r="JF16" s="73">
        <v>3254</v>
      </c>
      <c r="JG16" s="70">
        <v>381</v>
      </c>
      <c r="JH16" s="71">
        <v>368</v>
      </c>
      <c r="JI16" s="72">
        <v>749</v>
      </c>
      <c r="JJ16" s="244"/>
      <c r="JK16" s="71">
        <v>562</v>
      </c>
      <c r="JL16" s="71">
        <v>458</v>
      </c>
      <c r="JM16" s="71">
        <v>465</v>
      </c>
      <c r="JN16" s="71">
        <v>512</v>
      </c>
      <c r="JO16" s="71">
        <v>307</v>
      </c>
      <c r="JP16" s="72">
        <v>2304</v>
      </c>
      <c r="JQ16" s="73">
        <v>3053</v>
      </c>
      <c r="JR16" s="70">
        <v>30</v>
      </c>
      <c r="JS16" s="71">
        <v>45</v>
      </c>
      <c r="JT16" s="72">
        <v>75</v>
      </c>
      <c r="JU16" s="244"/>
      <c r="JV16" s="71">
        <v>25</v>
      </c>
      <c r="JW16" s="71">
        <v>30</v>
      </c>
      <c r="JX16" s="71">
        <v>26</v>
      </c>
      <c r="JY16" s="71">
        <v>36</v>
      </c>
      <c r="JZ16" s="71">
        <v>18</v>
      </c>
      <c r="KA16" s="72">
        <v>135</v>
      </c>
      <c r="KB16" s="73">
        <v>210</v>
      </c>
      <c r="KC16" s="70">
        <v>2050</v>
      </c>
      <c r="KD16" s="71">
        <v>1896</v>
      </c>
      <c r="KE16" s="72">
        <v>3946</v>
      </c>
      <c r="KF16" s="244"/>
      <c r="KG16" s="71">
        <v>2085</v>
      </c>
      <c r="KH16" s="71">
        <v>1672</v>
      </c>
      <c r="KI16" s="71">
        <v>1434</v>
      </c>
      <c r="KJ16" s="71">
        <v>1464</v>
      </c>
      <c r="KK16" s="71">
        <v>907</v>
      </c>
      <c r="KL16" s="72">
        <v>7562</v>
      </c>
      <c r="KM16" s="73">
        <v>11508</v>
      </c>
    </row>
    <row r="17" spans="2:299" ht="19.8" customHeight="1" x14ac:dyDescent="0.2">
      <c r="B17" s="126" t="s">
        <v>13</v>
      </c>
      <c r="C17" s="316">
        <v>143</v>
      </c>
      <c r="D17" s="82">
        <v>187</v>
      </c>
      <c r="E17" s="83">
        <v>330</v>
      </c>
      <c r="F17" s="241"/>
      <c r="G17" s="82">
        <v>293</v>
      </c>
      <c r="H17" s="82">
        <v>252</v>
      </c>
      <c r="I17" s="82">
        <v>185</v>
      </c>
      <c r="J17" s="82">
        <v>157</v>
      </c>
      <c r="K17" s="82">
        <v>96</v>
      </c>
      <c r="L17" s="84">
        <v>983</v>
      </c>
      <c r="M17" s="85">
        <v>1313</v>
      </c>
      <c r="N17" s="70">
        <v>4</v>
      </c>
      <c r="O17" s="71">
        <v>1</v>
      </c>
      <c r="P17" s="72">
        <v>5</v>
      </c>
      <c r="Q17" s="244"/>
      <c r="R17" s="71">
        <v>16</v>
      </c>
      <c r="S17" s="71">
        <v>7</v>
      </c>
      <c r="T17" s="71">
        <v>5</v>
      </c>
      <c r="U17" s="71">
        <v>7</v>
      </c>
      <c r="V17" s="71">
        <v>3</v>
      </c>
      <c r="W17" s="72">
        <v>38</v>
      </c>
      <c r="X17" s="73">
        <v>43</v>
      </c>
      <c r="Y17" s="70">
        <v>13</v>
      </c>
      <c r="Z17" s="71">
        <v>13</v>
      </c>
      <c r="AA17" s="72">
        <v>26</v>
      </c>
      <c r="AB17" s="244"/>
      <c r="AC17" s="71">
        <v>23</v>
      </c>
      <c r="AD17" s="71">
        <v>20</v>
      </c>
      <c r="AE17" s="71">
        <v>12</v>
      </c>
      <c r="AF17" s="71">
        <v>11</v>
      </c>
      <c r="AG17" s="71">
        <v>14</v>
      </c>
      <c r="AH17" s="72">
        <v>80</v>
      </c>
      <c r="AI17" s="73">
        <v>106</v>
      </c>
      <c r="AJ17" s="70">
        <v>15</v>
      </c>
      <c r="AK17" s="71">
        <v>17</v>
      </c>
      <c r="AL17" s="72">
        <v>32</v>
      </c>
      <c r="AM17" s="244"/>
      <c r="AN17" s="71">
        <v>30</v>
      </c>
      <c r="AO17" s="71">
        <v>34</v>
      </c>
      <c r="AP17" s="71">
        <v>25</v>
      </c>
      <c r="AQ17" s="71">
        <v>21</v>
      </c>
      <c r="AR17" s="71">
        <v>13</v>
      </c>
      <c r="AS17" s="72">
        <v>123</v>
      </c>
      <c r="AT17" s="73">
        <v>155</v>
      </c>
      <c r="AU17" s="70">
        <v>28</v>
      </c>
      <c r="AV17" s="71">
        <v>63</v>
      </c>
      <c r="AW17" s="72">
        <v>91</v>
      </c>
      <c r="AX17" s="244"/>
      <c r="AY17" s="71">
        <v>69</v>
      </c>
      <c r="AZ17" s="71">
        <v>39</v>
      </c>
      <c r="BA17" s="71">
        <v>39</v>
      </c>
      <c r="BB17" s="71">
        <v>33</v>
      </c>
      <c r="BC17" s="71">
        <v>26</v>
      </c>
      <c r="BD17" s="72">
        <v>206</v>
      </c>
      <c r="BE17" s="73">
        <v>297</v>
      </c>
      <c r="BF17" s="70">
        <v>50</v>
      </c>
      <c r="BG17" s="71">
        <v>56</v>
      </c>
      <c r="BH17" s="72">
        <v>106</v>
      </c>
      <c r="BI17" s="244"/>
      <c r="BJ17" s="71">
        <v>88</v>
      </c>
      <c r="BK17" s="71">
        <v>80</v>
      </c>
      <c r="BL17" s="71">
        <v>53</v>
      </c>
      <c r="BM17" s="71">
        <v>50</v>
      </c>
      <c r="BN17" s="71">
        <v>19</v>
      </c>
      <c r="BO17" s="72">
        <v>290</v>
      </c>
      <c r="BP17" s="73">
        <v>396</v>
      </c>
      <c r="BQ17" s="70">
        <v>33</v>
      </c>
      <c r="BR17" s="71">
        <v>37</v>
      </c>
      <c r="BS17" s="72">
        <v>70</v>
      </c>
      <c r="BT17" s="244"/>
      <c r="BU17" s="71">
        <v>67</v>
      </c>
      <c r="BV17" s="71">
        <v>72</v>
      </c>
      <c r="BW17" s="71">
        <v>51</v>
      </c>
      <c r="BX17" s="71">
        <v>35</v>
      </c>
      <c r="BY17" s="71">
        <v>21</v>
      </c>
      <c r="BZ17" s="72">
        <v>246</v>
      </c>
      <c r="CA17" s="73">
        <v>316</v>
      </c>
      <c r="CB17" s="70">
        <v>4</v>
      </c>
      <c r="CC17" s="71">
        <v>3</v>
      </c>
      <c r="CD17" s="72">
        <v>7</v>
      </c>
      <c r="CE17" s="244"/>
      <c r="CF17" s="71">
        <v>7</v>
      </c>
      <c r="CG17" s="71">
        <v>7</v>
      </c>
      <c r="CH17" s="71">
        <v>11</v>
      </c>
      <c r="CI17" s="71">
        <v>2</v>
      </c>
      <c r="CJ17" s="71">
        <v>7</v>
      </c>
      <c r="CK17" s="72">
        <v>34</v>
      </c>
      <c r="CL17" s="73">
        <v>41</v>
      </c>
      <c r="CM17" s="70">
        <v>147</v>
      </c>
      <c r="CN17" s="71">
        <v>190</v>
      </c>
      <c r="CO17" s="72">
        <v>337</v>
      </c>
      <c r="CP17" s="244"/>
      <c r="CQ17" s="71">
        <v>300</v>
      </c>
      <c r="CR17" s="71">
        <v>259</v>
      </c>
      <c r="CS17" s="71">
        <v>196</v>
      </c>
      <c r="CT17" s="71">
        <v>159</v>
      </c>
      <c r="CU17" s="71">
        <v>103</v>
      </c>
      <c r="CV17" s="72">
        <v>1017</v>
      </c>
      <c r="CW17" s="73">
        <v>1354</v>
      </c>
      <c r="CX17" s="123">
        <v>366</v>
      </c>
      <c r="CY17" s="82">
        <v>409</v>
      </c>
      <c r="CZ17" s="83">
        <v>775</v>
      </c>
      <c r="DA17" s="241"/>
      <c r="DB17" s="82">
        <v>592</v>
      </c>
      <c r="DC17" s="82">
        <v>481</v>
      </c>
      <c r="DD17" s="82">
        <v>344</v>
      </c>
      <c r="DE17" s="82">
        <v>378</v>
      </c>
      <c r="DF17" s="82">
        <v>305</v>
      </c>
      <c r="DG17" s="84">
        <v>2100</v>
      </c>
      <c r="DH17" s="85">
        <v>2875</v>
      </c>
      <c r="DI17" s="70">
        <v>3</v>
      </c>
      <c r="DJ17" s="71">
        <v>4</v>
      </c>
      <c r="DK17" s="72">
        <v>7</v>
      </c>
      <c r="DL17" s="244"/>
      <c r="DM17" s="71">
        <v>6</v>
      </c>
      <c r="DN17" s="71">
        <v>9</v>
      </c>
      <c r="DO17" s="71">
        <v>2</v>
      </c>
      <c r="DP17" s="71">
        <v>6</v>
      </c>
      <c r="DQ17" s="71">
        <v>4</v>
      </c>
      <c r="DR17" s="72">
        <v>27</v>
      </c>
      <c r="DS17" s="73">
        <v>34</v>
      </c>
      <c r="DT17" s="70">
        <v>13</v>
      </c>
      <c r="DU17" s="71">
        <v>32</v>
      </c>
      <c r="DV17" s="72">
        <v>45</v>
      </c>
      <c r="DW17" s="244"/>
      <c r="DX17" s="71">
        <v>27</v>
      </c>
      <c r="DY17" s="71">
        <v>24</v>
      </c>
      <c r="DZ17" s="71">
        <v>15</v>
      </c>
      <c r="EA17" s="71">
        <v>13</v>
      </c>
      <c r="EB17" s="71">
        <v>15</v>
      </c>
      <c r="EC17" s="72">
        <v>94</v>
      </c>
      <c r="ED17" s="73">
        <v>139</v>
      </c>
      <c r="EE17" s="70">
        <v>41</v>
      </c>
      <c r="EF17" s="71">
        <v>43</v>
      </c>
      <c r="EG17" s="72">
        <v>84</v>
      </c>
      <c r="EH17" s="244"/>
      <c r="EI17" s="71">
        <v>73</v>
      </c>
      <c r="EJ17" s="71">
        <v>50</v>
      </c>
      <c r="EK17" s="71">
        <v>29</v>
      </c>
      <c r="EL17" s="71">
        <v>22</v>
      </c>
      <c r="EM17" s="71">
        <v>29</v>
      </c>
      <c r="EN17" s="72">
        <v>203</v>
      </c>
      <c r="EO17" s="73">
        <v>287</v>
      </c>
      <c r="EP17" s="70">
        <v>110</v>
      </c>
      <c r="EQ17" s="71">
        <v>98</v>
      </c>
      <c r="ER17" s="72">
        <v>208</v>
      </c>
      <c r="ES17" s="244"/>
      <c r="ET17" s="71">
        <v>135</v>
      </c>
      <c r="EU17" s="71">
        <v>80</v>
      </c>
      <c r="EV17" s="71">
        <v>50</v>
      </c>
      <c r="EW17" s="71">
        <v>52</v>
      </c>
      <c r="EX17" s="71">
        <v>52</v>
      </c>
      <c r="EY17" s="72">
        <v>369</v>
      </c>
      <c r="EZ17" s="73">
        <v>577</v>
      </c>
      <c r="FA17" s="70">
        <v>116</v>
      </c>
      <c r="FB17" s="71">
        <v>129</v>
      </c>
      <c r="FC17" s="72">
        <v>245</v>
      </c>
      <c r="FD17" s="244"/>
      <c r="FE17" s="71">
        <v>197</v>
      </c>
      <c r="FF17" s="71">
        <v>137</v>
      </c>
      <c r="FG17" s="71">
        <v>97</v>
      </c>
      <c r="FH17" s="71">
        <v>102</v>
      </c>
      <c r="FI17" s="71">
        <v>69</v>
      </c>
      <c r="FJ17" s="72">
        <v>602</v>
      </c>
      <c r="FK17" s="73">
        <v>847</v>
      </c>
      <c r="FL17" s="70">
        <v>83</v>
      </c>
      <c r="FM17" s="71">
        <v>103</v>
      </c>
      <c r="FN17" s="72">
        <v>186</v>
      </c>
      <c r="FO17" s="244"/>
      <c r="FP17" s="71">
        <v>154</v>
      </c>
      <c r="FQ17" s="71">
        <v>181</v>
      </c>
      <c r="FR17" s="71">
        <v>151</v>
      </c>
      <c r="FS17" s="71">
        <v>183</v>
      </c>
      <c r="FT17" s="71">
        <v>136</v>
      </c>
      <c r="FU17" s="72">
        <v>805</v>
      </c>
      <c r="FV17" s="73">
        <v>991</v>
      </c>
      <c r="FW17" s="70">
        <v>2</v>
      </c>
      <c r="FX17" s="71">
        <v>1</v>
      </c>
      <c r="FY17" s="72">
        <v>3</v>
      </c>
      <c r="FZ17" s="244"/>
      <c r="GA17" s="71">
        <v>7</v>
      </c>
      <c r="GB17" s="71">
        <v>6</v>
      </c>
      <c r="GC17" s="71">
        <v>7</v>
      </c>
      <c r="GD17" s="71">
        <v>4</v>
      </c>
      <c r="GE17" s="71">
        <v>4</v>
      </c>
      <c r="GF17" s="72">
        <v>28</v>
      </c>
      <c r="GG17" s="73">
        <v>31</v>
      </c>
      <c r="GH17" s="70">
        <v>368</v>
      </c>
      <c r="GI17" s="71">
        <v>410</v>
      </c>
      <c r="GJ17" s="72">
        <v>778</v>
      </c>
      <c r="GK17" s="244"/>
      <c r="GL17" s="71">
        <v>599</v>
      </c>
      <c r="GM17" s="71">
        <v>487</v>
      </c>
      <c r="GN17" s="71">
        <v>351</v>
      </c>
      <c r="GO17" s="71">
        <v>382</v>
      </c>
      <c r="GP17" s="71">
        <v>309</v>
      </c>
      <c r="GQ17" s="72">
        <v>2128</v>
      </c>
      <c r="GR17" s="73">
        <v>2906</v>
      </c>
      <c r="GS17" s="123">
        <v>509</v>
      </c>
      <c r="GT17" s="82">
        <v>596</v>
      </c>
      <c r="GU17" s="83">
        <v>1105</v>
      </c>
      <c r="GV17" s="241"/>
      <c r="GW17" s="82">
        <v>885</v>
      </c>
      <c r="GX17" s="82">
        <v>733</v>
      </c>
      <c r="GY17" s="82">
        <v>529</v>
      </c>
      <c r="GZ17" s="82">
        <v>535</v>
      </c>
      <c r="HA17" s="82">
        <v>401</v>
      </c>
      <c r="HB17" s="84">
        <v>3083</v>
      </c>
      <c r="HC17" s="85">
        <v>4188</v>
      </c>
      <c r="HD17" s="70">
        <v>7</v>
      </c>
      <c r="HE17" s="71">
        <v>5</v>
      </c>
      <c r="HF17" s="72">
        <v>12</v>
      </c>
      <c r="HG17" s="244"/>
      <c r="HH17" s="71">
        <v>22</v>
      </c>
      <c r="HI17" s="71">
        <v>16</v>
      </c>
      <c r="HJ17" s="71">
        <v>7</v>
      </c>
      <c r="HK17" s="71">
        <v>13</v>
      </c>
      <c r="HL17" s="71">
        <v>7</v>
      </c>
      <c r="HM17" s="72">
        <v>65</v>
      </c>
      <c r="HN17" s="73">
        <v>77</v>
      </c>
      <c r="HO17" s="70">
        <v>26</v>
      </c>
      <c r="HP17" s="71">
        <v>45</v>
      </c>
      <c r="HQ17" s="72">
        <v>71</v>
      </c>
      <c r="HR17" s="244"/>
      <c r="HS17" s="71">
        <v>50</v>
      </c>
      <c r="HT17" s="71">
        <v>44</v>
      </c>
      <c r="HU17" s="71">
        <v>27</v>
      </c>
      <c r="HV17" s="71">
        <v>24</v>
      </c>
      <c r="HW17" s="71">
        <v>29</v>
      </c>
      <c r="HX17" s="72">
        <v>174</v>
      </c>
      <c r="HY17" s="73">
        <v>245</v>
      </c>
      <c r="HZ17" s="70">
        <v>56</v>
      </c>
      <c r="IA17" s="71">
        <v>60</v>
      </c>
      <c r="IB17" s="72">
        <v>116</v>
      </c>
      <c r="IC17" s="244"/>
      <c r="ID17" s="71">
        <v>103</v>
      </c>
      <c r="IE17" s="71">
        <v>84</v>
      </c>
      <c r="IF17" s="71">
        <v>54</v>
      </c>
      <c r="IG17" s="71">
        <v>43</v>
      </c>
      <c r="IH17" s="71">
        <v>42</v>
      </c>
      <c r="II17" s="72">
        <v>326</v>
      </c>
      <c r="IJ17" s="73">
        <v>442</v>
      </c>
      <c r="IK17" s="70">
        <v>138</v>
      </c>
      <c r="IL17" s="71">
        <v>161</v>
      </c>
      <c r="IM17" s="72">
        <v>299</v>
      </c>
      <c r="IN17" s="244"/>
      <c r="IO17" s="71">
        <v>204</v>
      </c>
      <c r="IP17" s="71">
        <v>119</v>
      </c>
      <c r="IQ17" s="71">
        <v>89</v>
      </c>
      <c r="IR17" s="71">
        <v>85</v>
      </c>
      <c r="IS17" s="71">
        <v>78</v>
      </c>
      <c r="IT17" s="72">
        <v>575</v>
      </c>
      <c r="IU17" s="73">
        <v>874</v>
      </c>
      <c r="IV17" s="70">
        <v>166</v>
      </c>
      <c r="IW17" s="71">
        <v>185</v>
      </c>
      <c r="IX17" s="72">
        <v>351</v>
      </c>
      <c r="IY17" s="244"/>
      <c r="IZ17" s="71">
        <v>285</v>
      </c>
      <c r="JA17" s="71">
        <v>217</v>
      </c>
      <c r="JB17" s="71">
        <v>150</v>
      </c>
      <c r="JC17" s="71">
        <v>152</v>
      </c>
      <c r="JD17" s="71">
        <v>88</v>
      </c>
      <c r="JE17" s="72">
        <v>892</v>
      </c>
      <c r="JF17" s="73">
        <v>1243</v>
      </c>
      <c r="JG17" s="70">
        <v>116</v>
      </c>
      <c r="JH17" s="71">
        <v>140</v>
      </c>
      <c r="JI17" s="72">
        <v>256</v>
      </c>
      <c r="JJ17" s="244"/>
      <c r="JK17" s="71">
        <v>221</v>
      </c>
      <c r="JL17" s="71">
        <v>253</v>
      </c>
      <c r="JM17" s="71">
        <v>202</v>
      </c>
      <c r="JN17" s="71">
        <v>218</v>
      </c>
      <c r="JO17" s="71">
        <v>157</v>
      </c>
      <c r="JP17" s="72">
        <v>1051</v>
      </c>
      <c r="JQ17" s="73">
        <v>1307</v>
      </c>
      <c r="JR17" s="70">
        <v>6</v>
      </c>
      <c r="JS17" s="71">
        <v>4</v>
      </c>
      <c r="JT17" s="72">
        <v>10</v>
      </c>
      <c r="JU17" s="244"/>
      <c r="JV17" s="71">
        <v>14</v>
      </c>
      <c r="JW17" s="71">
        <v>13</v>
      </c>
      <c r="JX17" s="71">
        <v>18</v>
      </c>
      <c r="JY17" s="71">
        <v>6</v>
      </c>
      <c r="JZ17" s="71">
        <v>11</v>
      </c>
      <c r="KA17" s="72">
        <v>62</v>
      </c>
      <c r="KB17" s="73">
        <v>72</v>
      </c>
      <c r="KC17" s="70">
        <v>515</v>
      </c>
      <c r="KD17" s="71">
        <v>600</v>
      </c>
      <c r="KE17" s="72">
        <v>1115</v>
      </c>
      <c r="KF17" s="244"/>
      <c r="KG17" s="71">
        <v>899</v>
      </c>
      <c r="KH17" s="71">
        <v>746</v>
      </c>
      <c r="KI17" s="71">
        <v>547</v>
      </c>
      <c r="KJ17" s="71">
        <v>541</v>
      </c>
      <c r="KK17" s="71">
        <v>412</v>
      </c>
      <c r="KL17" s="72">
        <v>3145</v>
      </c>
      <c r="KM17" s="73">
        <v>4260</v>
      </c>
    </row>
    <row r="18" spans="2:299" ht="19.8" customHeight="1" x14ac:dyDescent="0.2">
      <c r="B18" s="126" t="s">
        <v>15</v>
      </c>
      <c r="C18" s="316">
        <v>108</v>
      </c>
      <c r="D18" s="82">
        <v>139</v>
      </c>
      <c r="E18" s="83">
        <v>247</v>
      </c>
      <c r="F18" s="241"/>
      <c r="G18" s="82">
        <v>244</v>
      </c>
      <c r="H18" s="82">
        <v>219</v>
      </c>
      <c r="I18" s="82">
        <v>151</v>
      </c>
      <c r="J18" s="82">
        <v>132</v>
      </c>
      <c r="K18" s="82">
        <v>71</v>
      </c>
      <c r="L18" s="84">
        <v>817</v>
      </c>
      <c r="M18" s="85">
        <v>1064</v>
      </c>
      <c r="N18" s="70">
        <v>4</v>
      </c>
      <c r="O18" s="71">
        <v>5</v>
      </c>
      <c r="P18" s="72">
        <v>9</v>
      </c>
      <c r="Q18" s="244"/>
      <c r="R18" s="71">
        <v>11</v>
      </c>
      <c r="S18" s="71">
        <v>8</v>
      </c>
      <c r="T18" s="71">
        <v>12</v>
      </c>
      <c r="U18" s="71">
        <v>8</v>
      </c>
      <c r="V18" s="71">
        <v>7</v>
      </c>
      <c r="W18" s="72">
        <v>46</v>
      </c>
      <c r="X18" s="73">
        <v>55</v>
      </c>
      <c r="Y18" s="70">
        <v>12</v>
      </c>
      <c r="Z18" s="71">
        <v>11</v>
      </c>
      <c r="AA18" s="72">
        <v>23</v>
      </c>
      <c r="AB18" s="244"/>
      <c r="AC18" s="71">
        <v>26</v>
      </c>
      <c r="AD18" s="71">
        <v>26</v>
      </c>
      <c r="AE18" s="71">
        <v>20</v>
      </c>
      <c r="AF18" s="71">
        <v>17</v>
      </c>
      <c r="AG18" s="71">
        <v>7</v>
      </c>
      <c r="AH18" s="72">
        <v>96</v>
      </c>
      <c r="AI18" s="73">
        <v>119</v>
      </c>
      <c r="AJ18" s="70">
        <v>21</v>
      </c>
      <c r="AK18" s="71">
        <v>24</v>
      </c>
      <c r="AL18" s="72">
        <v>45</v>
      </c>
      <c r="AM18" s="244"/>
      <c r="AN18" s="71">
        <v>51</v>
      </c>
      <c r="AO18" s="71">
        <v>44</v>
      </c>
      <c r="AP18" s="71">
        <v>16</v>
      </c>
      <c r="AQ18" s="71">
        <v>17</v>
      </c>
      <c r="AR18" s="71">
        <v>14</v>
      </c>
      <c r="AS18" s="72">
        <v>142</v>
      </c>
      <c r="AT18" s="73">
        <v>187</v>
      </c>
      <c r="AU18" s="70">
        <v>28</v>
      </c>
      <c r="AV18" s="71">
        <v>36</v>
      </c>
      <c r="AW18" s="72">
        <v>64</v>
      </c>
      <c r="AX18" s="244"/>
      <c r="AY18" s="71">
        <v>56</v>
      </c>
      <c r="AZ18" s="71">
        <v>53</v>
      </c>
      <c r="BA18" s="71">
        <v>37</v>
      </c>
      <c r="BB18" s="71">
        <v>30</v>
      </c>
      <c r="BC18" s="71">
        <v>19</v>
      </c>
      <c r="BD18" s="72">
        <v>195</v>
      </c>
      <c r="BE18" s="73">
        <v>259</v>
      </c>
      <c r="BF18" s="70">
        <v>26</v>
      </c>
      <c r="BG18" s="71">
        <v>38</v>
      </c>
      <c r="BH18" s="72">
        <v>64</v>
      </c>
      <c r="BI18" s="244"/>
      <c r="BJ18" s="71">
        <v>65</v>
      </c>
      <c r="BK18" s="71">
        <v>49</v>
      </c>
      <c r="BL18" s="71">
        <v>33</v>
      </c>
      <c r="BM18" s="71">
        <v>28</v>
      </c>
      <c r="BN18" s="71">
        <v>18</v>
      </c>
      <c r="BO18" s="72">
        <v>193</v>
      </c>
      <c r="BP18" s="73">
        <v>257</v>
      </c>
      <c r="BQ18" s="70">
        <v>17</v>
      </c>
      <c r="BR18" s="71">
        <v>25</v>
      </c>
      <c r="BS18" s="72">
        <v>42</v>
      </c>
      <c r="BT18" s="244"/>
      <c r="BU18" s="71">
        <v>35</v>
      </c>
      <c r="BV18" s="71">
        <v>39</v>
      </c>
      <c r="BW18" s="71">
        <v>33</v>
      </c>
      <c r="BX18" s="71">
        <v>32</v>
      </c>
      <c r="BY18" s="71">
        <v>6</v>
      </c>
      <c r="BZ18" s="72">
        <v>145</v>
      </c>
      <c r="CA18" s="73">
        <v>187</v>
      </c>
      <c r="CB18" s="70">
        <v>2</v>
      </c>
      <c r="CC18" s="71">
        <v>6</v>
      </c>
      <c r="CD18" s="72">
        <v>8</v>
      </c>
      <c r="CE18" s="244"/>
      <c r="CF18" s="71">
        <v>9</v>
      </c>
      <c r="CG18" s="71">
        <v>5</v>
      </c>
      <c r="CH18" s="71">
        <v>4</v>
      </c>
      <c r="CI18" s="71">
        <v>4</v>
      </c>
      <c r="CJ18" s="71">
        <v>5</v>
      </c>
      <c r="CK18" s="72">
        <v>27</v>
      </c>
      <c r="CL18" s="73">
        <v>35</v>
      </c>
      <c r="CM18" s="70">
        <v>110</v>
      </c>
      <c r="CN18" s="71">
        <v>145</v>
      </c>
      <c r="CO18" s="72">
        <v>255</v>
      </c>
      <c r="CP18" s="244"/>
      <c r="CQ18" s="71">
        <v>253</v>
      </c>
      <c r="CR18" s="71">
        <v>224</v>
      </c>
      <c r="CS18" s="71">
        <v>155</v>
      </c>
      <c r="CT18" s="71">
        <v>136</v>
      </c>
      <c r="CU18" s="71">
        <v>76</v>
      </c>
      <c r="CV18" s="72">
        <v>844</v>
      </c>
      <c r="CW18" s="73">
        <v>1099</v>
      </c>
      <c r="CX18" s="123">
        <v>233</v>
      </c>
      <c r="CY18" s="82">
        <v>358</v>
      </c>
      <c r="CZ18" s="83">
        <v>591</v>
      </c>
      <c r="DA18" s="241"/>
      <c r="DB18" s="82">
        <v>420</v>
      </c>
      <c r="DC18" s="82">
        <v>434</v>
      </c>
      <c r="DD18" s="82">
        <v>326</v>
      </c>
      <c r="DE18" s="82">
        <v>323</v>
      </c>
      <c r="DF18" s="82">
        <v>183</v>
      </c>
      <c r="DG18" s="84">
        <v>1686</v>
      </c>
      <c r="DH18" s="85">
        <v>2277</v>
      </c>
      <c r="DI18" s="70">
        <v>7</v>
      </c>
      <c r="DJ18" s="71">
        <v>6</v>
      </c>
      <c r="DK18" s="72">
        <v>13</v>
      </c>
      <c r="DL18" s="244"/>
      <c r="DM18" s="71">
        <v>8</v>
      </c>
      <c r="DN18" s="71">
        <v>10</v>
      </c>
      <c r="DO18" s="71">
        <v>7</v>
      </c>
      <c r="DP18" s="71">
        <v>6</v>
      </c>
      <c r="DQ18" s="71">
        <v>4</v>
      </c>
      <c r="DR18" s="72">
        <v>35</v>
      </c>
      <c r="DS18" s="73">
        <v>48</v>
      </c>
      <c r="DT18" s="70">
        <v>9</v>
      </c>
      <c r="DU18" s="71">
        <v>24</v>
      </c>
      <c r="DV18" s="72">
        <v>33</v>
      </c>
      <c r="DW18" s="244"/>
      <c r="DX18" s="71">
        <v>31</v>
      </c>
      <c r="DY18" s="71">
        <v>37</v>
      </c>
      <c r="DZ18" s="71">
        <v>20</v>
      </c>
      <c r="EA18" s="71">
        <v>8</v>
      </c>
      <c r="EB18" s="71">
        <v>8</v>
      </c>
      <c r="EC18" s="72">
        <v>104</v>
      </c>
      <c r="ED18" s="73">
        <v>137</v>
      </c>
      <c r="EE18" s="70">
        <v>51</v>
      </c>
      <c r="EF18" s="71">
        <v>60</v>
      </c>
      <c r="EG18" s="72">
        <v>111</v>
      </c>
      <c r="EH18" s="244"/>
      <c r="EI18" s="71">
        <v>50</v>
      </c>
      <c r="EJ18" s="71">
        <v>41</v>
      </c>
      <c r="EK18" s="71">
        <v>32</v>
      </c>
      <c r="EL18" s="71">
        <v>20</v>
      </c>
      <c r="EM18" s="71">
        <v>22</v>
      </c>
      <c r="EN18" s="72">
        <v>165</v>
      </c>
      <c r="EO18" s="73">
        <v>276</v>
      </c>
      <c r="EP18" s="70">
        <v>75</v>
      </c>
      <c r="EQ18" s="71">
        <v>108</v>
      </c>
      <c r="ER18" s="72">
        <v>183</v>
      </c>
      <c r="ES18" s="244"/>
      <c r="ET18" s="71">
        <v>100</v>
      </c>
      <c r="EU18" s="71">
        <v>84</v>
      </c>
      <c r="EV18" s="71">
        <v>56</v>
      </c>
      <c r="EW18" s="71">
        <v>49</v>
      </c>
      <c r="EX18" s="71">
        <v>36</v>
      </c>
      <c r="EY18" s="72">
        <v>325</v>
      </c>
      <c r="EZ18" s="73">
        <v>508</v>
      </c>
      <c r="FA18" s="70">
        <v>56</v>
      </c>
      <c r="FB18" s="71">
        <v>93</v>
      </c>
      <c r="FC18" s="72">
        <v>149</v>
      </c>
      <c r="FD18" s="244"/>
      <c r="FE18" s="71">
        <v>131</v>
      </c>
      <c r="FF18" s="71">
        <v>124</v>
      </c>
      <c r="FG18" s="71">
        <v>86</v>
      </c>
      <c r="FH18" s="71">
        <v>88</v>
      </c>
      <c r="FI18" s="71">
        <v>43</v>
      </c>
      <c r="FJ18" s="72">
        <v>472</v>
      </c>
      <c r="FK18" s="73">
        <v>621</v>
      </c>
      <c r="FL18" s="70">
        <v>35</v>
      </c>
      <c r="FM18" s="71">
        <v>67</v>
      </c>
      <c r="FN18" s="72">
        <v>102</v>
      </c>
      <c r="FO18" s="244"/>
      <c r="FP18" s="71">
        <v>100</v>
      </c>
      <c r="FQ18" s="71">
        <v>138</v>
      </c>
      <c r="FR18" s="71">
        <v>125</v>
      </c>
      <c r="FS18" s="71">
        <v>152</v>
      </c>
      <c r="FT18" s="71">
        <v>70</v>
      </c>
      <c r="FU18" s="72">
        <v>585</v>
      </c>
      <c r="FV18" s="73">
        <v>687</v>
      </c>
      <c r="FW18" s="70">
        <v>2</v>
      </c>
      <c r="FX18" s="71">
        <v>6</v>
      </c>
      <c r="FY18" s="72">
        <v>8</v>
      </c>
      <c r="FZ18" s="244"/>
      <c r="GA18" s="71">
        <v>4</v>
      </c>
      <c r="GB18" s="71">
        <v>10</v>
      </c>
      <c r="GC18" s="71">
        <v>0</v>
      </c>
      <c r="GD18" s="71">
        <v>1</v>
      </c>
      <c r="GE18" s="71">
        <v>6</v>
      </c>
      <c r="GF18" s="72">
        <v>21</v>
      </c>
      <c r="GG18" s="73">
        <v>29</v>
      </c>
      <c r="GH18" s="70">
        <v>235</v>
      </c>
      <c r="GI18" s="71">
        <v>364</v>
      </c>
      <c r="GJ18" s="72">
        <v>599</v>
      </c>
      <c r="GK18" s="244"/>
      <c r="GL18" s="71">
        <v>424</v>
      </c>
      <c r="GM18" s="71">
        <v>444</v>
      </c>
      <c r="GN18" s="71">
        <v>326</v>
      </c>
      <c r="GO18" s="71">
        <v>324</v>
      </c>
      <c r="GP18" s="71">
        <v>189</v>
      </c>
      <c r="GQ18" s="72">
        <v>1707</v>
      </c>
      <c r="GR18" s="73">
        <v>2306</v>
      </c>
      <c r="GS18" s="123">
        <v>341</v>
      </c>
      <c r="GT18" s="82">
        <v>497</v>
      </c>
      <c r="GU18" s="83">
        <v>838</v>
      </c>
      <c r="GV18" s="241"/>
      <c r="GW18" s="82">
        <v>664</v>
      </c>
      <c r="GX18" s="82">
        <v>653</v>
      </c>
      <c r="GY18" s="82">
        <v>477</v>
      </c>
      <c r="GZ18" s="82">
        <v>455</v>
      </c>
      <c r="HA18" s="82">
        <v>254</v>
      </c>
      <c r="HB18" s="84">
        <v>2503</v>
      </c>
      <c r="HC18" s="85">
        <v>3341</v>
      </c>
      <c r="HD18" s="70">
        <v>11</v>
      </c>
      <c r="HE18" s="71">
        <v>11</v>
      </c>
      <c r="HF18" s="72">
        <v>22</v>
      </c>
      <c r="HG18" s="244"/>
      <c r="HH18" s="71">
        <v>19</v>
      </c>
      <c r="HI18" s="71">
        <v>18</v>
      </c>
      <c r="HJ18" s="71">
        <v>19</v>
      </c>
      <c r="HK18" s="71">
        <v>14</v>
      </c>
      <c r="HL18" s="71">
        <v>11</v>
      </c>
      <c r="HM18" s="72">
        <v>81</v>
      </c>
      <c r="HN18" s="73">
        <v>103</v>
      </c>
      <c r="HO18" s="70">
        <v>21</v>
      </c>
      <c r="HP18" s="71">
        <v>35</v>
      </c>
      <c r="HQ18" s="72">
        <v>56</v>
      </c>
      <c r="HR18" s="244"/>
      <c r="HS18" s="71">
        <v>57</v>
      </c>
      <c r="HT18" s="71">
        <v>63</v>
      </c>
      <c r="HU18" s="71">
        <v>40</v>
      </c>
      <c r="HV18" s="71">
        <v>25</v>
      </c>
      <c r="HW18" s="71">
        <v>15</v>
      </c>
      <c r="HX18" s="72">
        <v>200</v>
      </c>
      <c r="HY18" s="73">
        <v>256</v>
      </c>
      <c r="HZ18" s="70">
        <v>72</v>
      </c>
      <c r="IA18" s="71">
        <v>84</v>
      </c>
      <c r="IB18" s="72">
        <v>156</v>
      </c>
      <c r="IC18" s="244"/>
      <c r="ID18" s="71">
        <v>101</v>
      </c>
      <c r="IE18" s="71">
        <v>85</v>
      </c>
      <c r="IF18" s="71">
        <v>48</v>
      </c>
      <c r="IG18" s="71">
        <v>37</v>
      </c>
      <c r="IH18" s="71">
        <v>36</v>
      </c>
      <c r="II18" s="72">
        <v>307</v>
      </c>
      <c r="IJ18" s="73">
        <v>463</v>
      </c>
      <c r="IK18" s="70">
        <v>103</v>
      </c>
      <c r="IL18" s="71">
        <v>144</v>
      </c>
      <c r="IM18" s="72">
        <v>247</v>
      </c>
      <c r="IN18" s="244"/>
      <c r="IO18" s="71">
        <v>156</v>
      </c>
      <c r="IP18" s="71">
        <v>137</v>
      </c>
      <c r="IQ18" s="71">
        <v>93</v>
      </c>
      <c r="IR18" s="71">
        <v>79</v>
      </c>
      <c r="IS18" s="71">
        <v>55</v>
      </c>
      <c r="IT18" s="72">
        <v>520</v>
      </c>
      <c r="IU18" s="73">
        <v>767</v>
      </c>
      <c r="IV18" s="70">
        <v>82</v>
      </c>
      <c r="IW18" s="71">
        <v>131</v>
      </c>
      <c r="IX18" s="72">
        <v>213</v>
      </c>
      <c r="IY18" s="244"/>
      <c r="IZ18" s="71">
        <v>196</v>
      </c>
      <c r="JA18" s="71">
        <v>173</v>
      </c>
      <c r="JB18" s="71">
        <v>119</v>
      </c>
      <c r="JC18" s="71">
        <v>116</v>
      </c>
      <c r="JD18" s="71">
        <v>61</v>
      </c>
      <c r="JE18" s="72">
        <v>665</v>
      </c>
      <c r="JF18" s="73">
        <v>878</v>
      </c>
      <c r="JG18" s="70">
        <v>52</v>
      </c>
      <c r="JH18" s="71">
        <v>92</v>
      </c>
      <c r="JI18" s="72">
        <v>144</v>
      </c>
      <c r="JJ18" s="244"/>
      <c r="JK18" s="71">
        <v>135</v>
      </c>
      <c r="JL18" s="71">
        <v>177</v>
      </c>
      <c r="JM18" s="71">
        <v>158</v>
      </c>
      <c r="JN18" s="71">
        <v>184</v>
      </c>
      <c r="JO18" s="71">
        <v>76</v>
      </c>
      <c r="JP18" s="72">
        <v>730</v>
      </c>
      <c r="JQ18" s="73">
        <v>874</v>
      </c>
      <c r="JR18" s="70">
        <v>4</v>
      </c>
      <c r="JS18" s="71">
        <v>12</v>
      </c>
      <c r="JT18" s="72">
        <v>16</v>
      </c>
      <c r="JU18" s="244"/>
      <c r="JV18" s="71">
        <v>13</v>
      </c>
      <c r="JW18" s="71">
        <v>15</v>
      </c>
      <c r="JX18" s="71">
        <v>4</v>
      </c>
      <c r="JY18" s="71">
        <v>5</v>
      </c>
      <c r="JZ18" s="71">
        <v>11</v>
      </c>
      <c r="KA18" s="72">
        <v>48</v>
      </c>
      <c r="KB18" s="73">
        <v>64</v>
      </c>
      <c r="KC18" s="70">
        <v>345</v>
      </c>
      <c r="KD18" s="71">
        <v>509</v>
      </c>
      <c r="KE18" s="72">
        <v>854</v>
      </c>
      <c r="KF18" s="244"/>
      <c r="KG18" s="71">
        <v>677</v>
      </c>
      <c r="KH18" s="71">
        <v>668</v>
      </c>
      <c r="KI18" s="71">
        <v>481</v>
      </c>
      <c r="KJ18" s="71">
        <v>460</v>
      </c>
      <c r="KK18" s="71">
        <v>265</v>
      </c>
      <c r="KL18" s="72">
        <v>2551</v>
      </c>
      <c r="KM18" s="73">
        <v>3405</v>
      </c>
    </row>
    <row r="19" spans="2:299" ht="19.8" customHeight="1" x14ac:dyDescent="0.2">
      <c r="B19" s="126" t="s">
        <v>16</v>
      </c>
      <c r="C19" s="316">
        <v>213</v>
      </c>
      <c r="D19" s="82">
        <v>253</v>
      </c>
      <c r="E19" s="83">
        <v>466</v>
      </c>
      <c r="F19" s="241"/>
      <c r="G19" s="82">
        <v>474</v>
      </c>
      <c r="H19" s="82">
        <v>623</v>
      </c>
      <c r="I19" s="82">
        <v>383</v>
      </c>
      <c r="J19" s="82">
        <v>333</v>
      </c>
      <c r="K19" s="82">
        <v>187</v>
      </c>
      <c r="L19" s="84">
        <v>2000</v>
      </c>
      <c r="M19" s="85">
        <v>2466</v>
      </c>
      <c r="N19" s="70">
        <v>11</v>
      </c>
      <c r="O19" s="71">
        <v>17</v>
      </c>
      <c r="P19" s="72">
        <v>28</v>
      </c>
      <c r="Q19" s="244"/>
      <c r="R19" s="71">
        <v>22</v>
      </c>
      <c r="S19" s="71">
        <v>28</v>
      </c>
      <c r="T19" s="71">
        <v>17</v>
      </c>
      <c r="U19" s="71">
        <v>28</v>
      </c>
      <c r="V19" s="71">
        <v>21</v>
      </c>
      <c r="W19" s="72">
        <v>116</v>
      </c>
      <c r="X19" s="73">
        <v>144</v>
      </c>
      <c r="Y19" s="70">
        <v>30</v>
      </c>
      <c r="Z19" s="71">
        <v>44</v>
      </c>
      <c r="AA19" s="72">
        <v>74</v>
      </c>
      <c r="AB19" s="244"/>
      <c r="AC19" s="71">
        <v>61</v>
      </c>
      <c r="AD19" s="71">
        <v>90</v>
      </c>
      <c r="AE19" s="71">
        <v>55</v>
      </c>
      <c r="AF19" s="71">
        <v>46</v>
      </c>
      <c r="AG19" s="71">
        <v>29</v>
      </c>
      <c r="AH19" s="72">
        <v>281</v>
      </c>
      <c r="AI19" s="73">
        <v>355</v>
      </c>
      <c r="AJ19" s="70">
        <v>44</v>
      </c>
      <c r="AK19" s="71">
        <v>44</v>
      </c>
      <c r="AL19" s="72">
        <v>88</v>
      </c>
      <c r="AM19" s="244"/>
      <c r="AN19" s="71">
        <v>89</v>
      </c>
      <c r="AO19" s="71">
        <v>101</v>
      </c>
      <c r="AP19" s="71">
        <v>60</v>
      </c>
      <c r="AQ19" s="71">
        <v>53</v>
      </c>
      <c r="AR19" s="71">
        <v>31</v>
      </c>
      <c r="AS19" s="72">
        <v>334</v>
      </c>
      <c r="AT19" s="73">
        <v>422</v>
      </c>
      <c r="AU19" s="70">
        <v>50</v>
      </c>
      <c r="AV19" s="71">
        <v>55</v>
      </c>
      <c r="AW19" s="72">
        <v>105</v>
      </c>
      <c r="AX19" s="244"/>
      <c r="AY19" s="71">
        <v>116</v>
      </c>
      <c r="AZ19" s="71">
        <v>165</v>
      </c>
      <c r="BA19" s="71">
        <v>88</v>
      </c>
      <c r="BB19" s="71">
        <v>79</v>
      </c>
      <c r="BC19" s="71">
        <v>51</v>
      </c>
      <c r="BD19" s="72">
        <v>499</v>
      </c>
      <c r="BE19" s="73">
        <v>604</v>
      </c>
      <c r="BF19" s="70">
        <v>52</v>
      </c>
      <c r="BG19" s="71">
        <v>56</v>
      </c>
      <c r="BH19" s="72">
        <v>108</v>
      </c>
      <c r="BI19" s="244"/>
      <c r="BJ19" s="71">
        <v>113</v>
      </c>
      <c r="BK19" s="71">
        <v>135</v>
      </c>
      <c r="BL19" s="71">
        <v>92</v>
      </c>
      <c r="BM19" s="71">
        <v>61</v>
      </c>
      <c r="BN19" s="71">
        <v>30</v>
      </c>
      <c r="BO19" s="72">
        <v>431</v>
      </c>
      <c r="BP19" s="73">
        <v>539</v>
      </c>
      <c r="BQ19" s="70">
        <v>26</v>
      </c>
      <c r="BR19" s="71">
        <v>37</v>
      </c>
      <c r="BS19" s="72">
        <v>63</v>
      </c>
      <c r="BT19" s="244"/>
      <c r="BU19" s="71">
        <v>73</v>
      </c>
      <c r="BV19" s="71">
        <v>104</v>
      </c>
      <c r="BW19" s="71">
        <v>71</v>
      </c>
      <c r="BX19" s="71">
        <v>66</v>
      </c>
      <c r="BY19" s="71">
        <v>25</v>
      </c>
      <c r="BZ19" s="72">
        <v>339</v>
      </c>
      <c r="CA19" s="73">
        <v>402</v>
      </c>
      <c r="CB19" s="70">
        <v>17</v>
      </c>
      <c r="CC19" s="71">
        <v>11</v>
      </c>
      <c r="CD19" s="72">
        <v>28</v>
      </c>
      <c r="CE19" s="244"/>
      <c r="CF19" s="71">
        <v>12</v>
      </c>
      <c r="CG19" s="71">
        <v>25</v>
      </c>
      <c r="CH19" s="71">
        <v>20</v>
      </c>
      <c r="CI19" s="71">
        <v>11</v>
      </c>
      <c r="CJ19" s="71">
        <v>14</v>
      </c>
      <c r="CK19" s="72">
        <v>82</v>
      </c>
      <c r="CL19" s="73">
        <v>110</v>
      </c>
      <c r="CM19" s="70">
        <v>230</v>
      </c>
      <c r="CN19" s="71">
        <v>264</v>
      </c>
      <c r="CO19" s="72">
        <v>494</v>
      </c>
      <c r="CP19" s="244"/>
      <c r="CQ19" s="71">
        <v>486</v>
      </c>
      <c r="CR19" s="71">
        <v>648</v>
      </c>
      <c r="CS19" s="71">
        <v>403</v>
      </c>
      <c r="CT19" s="71">
        <v>344</v>
      </c>
      <c r="CU19" s="71">
        <v>201</v>
      </c>
      <c r="CV19" s="72">
        <v>2082</v>
      </c>
      <c r="CW19" s="73">
        <v>2576</v>
      </c>
      <c r="CX19" s="123">
        <v>396</v>
      </c>
      <c r="CY19" s="82">
        <v>541</v>
      </c>
      <c r="CZ19" s="83">
        <v>937</v>
      </c>
      <c r="DA19" s="241"/>
      <c r="DB19" s="82">
        <v>854</v>
      </c>
      <c r="DC19" s="82">
        <v>1013</v>
      </c>
      <c r="DD19" s="82">
        <v>808</v>
      </c>
      <c r="DE19" s="82">
        <v>784</v>
      </c>
      <c r="DF19" s="82">
        <v>504</v>
      </c>
      <c r="DG19" s="84">
        <v>3963</v>
      </c>
      <c r="DH19" s="85">
        <v>4900</v>
      </c>
      <c r="DI19" s="70">
        <v>18</v>
      </c>
      <c r="DJ19" s="71">
        <v>22</v>
      </c>
      <c r="DK19" s="72">
        <v>40</v>
      </c>
      <c r="DL19" s="244"/>
      <c r="DM19" s="71">
        <v>16</v>
      </c>
      <c r="DN19" s="71">
        <v>33</v>
      </c>
      <c r="DO19" s="71">
        <v>20</v>
      </c>
      <c r="DP19" s="71">
        <v>18</v>
      </c>
      <c r="DQ19" s="71">
        <v>10</v>
      </c>
      <c r="DR19" s="72">
        <v>97</v>
      </c>
      <c r="DS19" s="73">
        <v>137</v>
      </c>
      <c r="DT19" s="70">
        <v>34</v>
      </c>
      <c r="DU19" s="71">
        <v>59</v>
      </c>
      <c r="DV19" s="72">
        <v>93</v>
      </c>
      <c r="DW19" s="244"/>
      <c r="DX19" s="71">
        <v>65</v>
      </c>
      <c r="DY19" s="71">
        <v>81</v>
      </c>
      <c r="DZ19" s="71">
        <v>49</v>
      </c>
      <c r="EA19" s="71">
        <v>44</v>
      </c>
      <c r="EB19" s="71">
        <v>38</v>
      </c>
      <c r="EC19" s="72">
        <v>277</v>
      </c>
      <c r="ED19" s="73">
        <v>370</v>
      </c>
      <c r="EE19" s="70">
        <v>80</v>
      </c>
      <c r="EF19" s="71">
        <v>88</v>
      </c>
      <c r="EG19" s="72">
        <v>168</v>
      </c>
      <c r="EH19" s="244"/>
      <c r="EI19" s="71">
        <v>111</v>
      </c>
      <c r="EJ19" s="71">
        <v>145</v>
      </c>
      <c r="EK19" s="71">
        <v>85</v>
      </c>
      <c r="EL19" s="71">
        <v>67</v>
      </c>
      <c r="EM19" s="71">
        <v>50</v>
      </c>
      <c r="EN19" s="72">
        <v>458</v>
      </c>
      <c r="EO19" s="73">
        <v>626</v>
      </c>
      <c r="EP19" s="70">
        <v>111</v>
      </c>
      <c r="EQ19" s="71">
        <v>145</v>
      </c>
      <c r="ER19" s="72">
        <v>256</v>
      </c>
      <c r="ES19" s="244"/>
      <c r="ET19" s="71">
        <v>188</v>
      </c>
      <c r="EU19" s="71">
        <v>214</v>
      </c>
      <c r="EV19" s="71">
        <v>157</v>
      </c>
      <c r="EW19" s="71">
        <v>131</v>
      </c>
      <c r="EX19" s="71">
        <v>83</v>
      </c>
      <c r="EY19" s="72">
        <v>773</v>
      </c>
      <c r="EZ19" s="73">
        <v>1029</v>
      </c>
      <c r="FA19" s="70">
        <v>96</v>
      </c>
      <c r="FB19" s="71">
        <v>131</v>
      </c>
      <c r="FC19" s="72">
        <v>227</v>
      </c>
      <c r="FD19" s="244"/>
      <c r="FE19" s="71">
        <v>270</v>
      </c>
      <c r="FF19" s="71">
        <v>263</v>
      </c>
      <c r="FG19" s="71">
        <v>206</v>
      </c>
      <c r="FH19" s="71">
        <v>188</v>
      </c>
      <c r="FI19" s="71">
        <v>117</v>
      </c>
      <c r="FJ19" s="72">
        <v>1044</v>
      </c>
      <c r="FK19" s="73">
        <v>1271</v>
      </c>
      <c r="FL19" s="70">
        <v>57</v>
      </c>
      <c r="FM19" s="71">
        <v>96</v>
      </c>
      <c r="FN19" s="72">
        <v>153</v>
      </c>
      <c r="FO19" s="244"/>
      <c r="FP19" s="71">
        <v>204</v>
      </c>
      <c r="FQ19" s="71">
        <v>277</v>
      </c>
      <c r="FR19" s="71">
        <v>291</v>
      </c>
      <c r="FS19" s="71">
        <v>336</v>
      </c>
      <c r="FT19" s="71">
        <v>206</v>
      </c>
      <c r="FU19" s="72">
        <v>1314</v>
      </c>
      <c r="FV19" s="73">
        <v>1467</v>
      </c>
      <c r="FW19" s="70">
        <v>11</v>
      </c>
      <c r="FX19" s="71">
        <v>14</v>
      </c>
      <c r="FY19" s="72">
        <v>25</v>
      </c>
      <c r="FZ19" s="244"/>
      <c r="GA19" s="71">
        <v>8</v>
      </c>
      <c r="GB19" s="71">
        <v>20</v>
      </c>
      <c r="GC19" s="71">
        <v>9</v>
      </c>
      <c r="GD19" s="71">
        <v>14</v>
      </c>
      <c r="GE19" s="71">
        <v>11</v>
      </c>
      <c r="GF19" s="72">
        <v>62</v>
      </c>
      <c r="GG19" s="73">
        <v>87</v>
      </c>
      <c r="GH19" s="70">
        <v>407</v>
      </c>
      <c r="GI19" s="71">
        <v>555</v>
      </c>
      <c r="GJ19" s="72">
        <v>962</v>
      </c>
      <c r="GK19" s="244"/>
      <c r="GL19" s="71">
        <v>862</v>
      </c>
      <c r="GM19" s="71">
        <v>1033</v>
      </c>
      <c r="GN19" s="71">
        <v>817</v>
      </c>
      <c r="GO19" s="71">
        <v>798</v>
      </c>
      <c r="GP19" s="71">
        <v>515</v>
      </c>
      <c r="GQ19" s="72">
        <v>4025</v>
      </c>
      <c r="GR19" s="73">
        <v>4987</v>
      </c>
      <c r="GS19" s="123">
        <v>609</v>
      </c>
      <c r="GT19" s="82">
        <v>794</v>
      </c>
      <c r="GU19" s="83">
        <v>1403</v>
      </c>
      <c r="GV19" s="241"/>
      <c r="GW19" s="82">
        <v>1328</v>
      </c>
      <c r="GX19" s="82">
        <v>1636</v>
      </c>
      <c r="GY19" s="82">
        <v>1191</v>
      </c>
      <c r="GZ19" s="82">
        <v>1117</v>
      </c>
      <c r="HA19" s="82">
        <v>691</v>
      </c>
      <c r="HB19" s="84">
        <v>5963</v>
      </c>
      <c r="HC19" s="85">
        <v>7366</v>
      </c>
      <c r="HD19" s="70">
        <v>29</v>
      </c>
      <c r="HE19" s="71">
        <v>39</v>
      </c>
      <c r="HF19" s="72">
        <v>68</v>
      </c>
      <c r="HG19" s="244"/>
      <c r="HH19" s="71">
        <v>38</v>
      </c>
      <c r="HI19" s="71">
        <v>61</v>
      </c>
      <c r="HJ19" s="71">
        <v>37</v>
      </c>
      <c r="HK19" s="71">
        <v>46</v>
      </c>
      <c r="HL19" s="71">
        <v>31</v>
      </c>
      <c r="HM19" s="72">
        <v>213</v>
      </c>
      <c r="HN19" s="73">
        <v>281</v>
      </c>
      <c r="HO19" s="70">
        <v>64</v>
      </c>
      <c r="HP19" s="71">
        <v>103</v>
      </c>
      <c r="HQ19" s="72">
        <v>167</v>
      </c>
      <c r="HR19" s="244"/>
      <c r="HS19" s="71">
        <v>126</v>
      </c>
      <c r="HT19" s="71">
        <v>171</v>
      </c>
      <c r="HU19" s="71">
        <v>104</v>
      </c>
      <c r="HV19" s="71">
        <v>90</v>
      </c>
      <c r="HW19" s="71">
        <v>67</v>
      </c>
      <c r="HX19" s="72">
        <v>558</v>
      </c>
      <c r="HY19" s="73">
        <v>725</v>
      </c>
      <c r="HZ19" s="70">
        <v>124</v>
      </c>
      <c r="IA19" s="71">
        <v>132</v>
      </c>
      <c r="IB19" s="72">
        <v>256</v>
      </c>
      <c r="IC19" s="244"/>
      <c r="ID19" s="71">
        <v>200</v>
      </c>
      <c r="IE19" s="71">
        <v>246</v>
      </c>
      <c r="IF19" s="71">
        <v>145</v>
      </c>
      <c r="IG19" s="71">
        <v>120</v>
      </c>
      <c r="IH19" s="71">
        <v>81</v>
      </c>
      <c r="II19" s="72">
        <v>792</v>
      </c>
      <c r="IJ19" s="73">
        <v>1048</v>
      </c>
      <c r="IK19" s="70">
        <v>161</v>
      </c>
      <c r="IL19" s="71">
        <v>200</v>
      </c>
      <c r="IM19" s="72">
        <v>361</v>
      </c>
      <c r="IN19" s="244"/>
      <c r="IO19" s="71">
        <v>304</v>
      </c>
      <c r="IP19" s="71">
        <v>379</v>
      </c>
      <c r="IQ19" s="71">
        <v>245</v>
      </c>
      <c r="IR19" s="71">
        <v>210</v>
      </c>
      <c r="IS19" s="71">
        <v>134</v>
      </c>
      <c r="IT19" s="72">
        <v>1272</v>
      </c>
      <c r="IU19" s="73">
        <v>1633</v>
      </c>
      <c r="IV19" s="70">
        <v>148</v>
      </c>
      <c r="IW19" s="71">
        <v>187</v>
      </c>
      <c r="IX19" s="72">
        <v>335</v>
      </c>
      <c r="IY19" s="244"/>
      <c r="IZ19" s="71">
        <v>383</v>
      </c>
      <c r="JA19" s="71">
        <v>398</v>
      </c>
      <c r="JB19" s="71">
        <v>298</v>
      </c>
      <c r="JC19" s="71">
        <v>249</v>
      </c>
      <c r="JD19" s="71">
        <v>147</v>
      </c>
      <c r="JE19" s="72">
        <v>1475</v>
      </c>
      <c r="JF19" s="73">
        <v>1810</v>
      </c>
      <c r="JG19" s="70">
        <v>83</v>
      </c>
      <c r="JH19" s="71">
        <v>133</v>
      </c>
      <c r="JI19" s="72">
        <v>216</v>
      </c>
      <c r="JJ19" s="244"/>
      <c r="JK19" s="71">
        <v>277</v>
      </c>
      <c r="JL19" s="71">
        <v>381</v>
      </c>
      <c r="JM19" s="71">
        <v>362</v>
      </c>
      <c r="JN19" s="71">
        <v>402</v>
      </c>
      <c r="JO19" s="71">
        <v>231</v>
      </c>
      <c r="JP19" s="72">
        <v>1653</v>
      </c>
      <c r="JQ19" s="73">
        <v>1869</v>
      </c>
      <c r="JR19" s="70">
        <v>28</v>
      </c>
      <c r="JS19" s="71">
        <v>25</v>
      </c>
      <c r="JT19" s="72">
        <v>53</v>
      </c>
      <c r="JU19" s="244"/>
      <c r="JV19" s="71">
        <v>20</v>
      </c>
      <c r="JW19" s="71">
        <v>45</v>
      </c>
      <c r="JX19" s="71">
        <v>29</v>
      </c>
      <c r="JY19" s="71">
        <v>25</v>
      </c>
      <c r="JZ19" s="71">
        <v>25</v>
      </c>
      <c r="KA19" s="72">
        <v>144</v>
      </c>
      <c r="KB19" s="73">
        <v>197</v>
      </c>
      <c r="KC19" s="70">
        <v>637</v>
      </c>
      <c r="KD19" s="71">
        <v>819</v>
      </c>
      <c r="KE19" s="72">
        <v>1456</v>
      </c>
      <c r="KF19" s="244"/>
      <c r="KG19" s="71">
        <v>1348</v>
      </c>
      <c r="KH19" s="71">
        <v>1681</v>
      </c>
      <c r="KI19" s="71">
        <v>1220</v>
      </c>
      <c r="KJ19" s="71">
        <v>1142</v>
      </c>
      <c r="KK19" s="71">
        <v>716</v>
      </c>
      <c r="KL19" s="72">
        <v>6107</v>
      </c>
      <c r="KM19" s="73">
        <v>7563</v>
      </c>
    </row>
    <row r="20" spans="2:299" ht="19.8" customHeight="1" x14ac:dyDescent="0.2">
      <c r="B20" s="126" t="s">
        <v>17</v>
      </c>
      <c r="C20" s="316">
        <v>278</v>
      </c>
      <c r="D20" s="82">
        <v>363</v>
      </c>
      <c r="E20" s="83">
        <v>641</v>
      </c>
      <c r="F20" s="241"/>
      <c r="G20" s="82">
        <v>549</v>
      </c>
      <c r="H20" s="82">
        <v>726</v>
      </c>
      <c r="I20" s="82">
        <v>518</v>
      </c>
      <c r="J20" s="82">
        <v>414</v>
      </c>
      <c r="K20" s="82">
        <v>268</v>
      </c>
      <c r="L20" s="84">
        <v>2475</v>
      </c>
      <c r="M20" s="85">
        <v>3116</v>
      </c>
      <c r="N20" s="70">
        <v>12</v>
      </c>
      <c r="O20" s="71">
        <v>27</v>
      </c>
      <c r="P20" s="72">
        <v>39</v>
      </c>
      <c r="Q20" s="244"/>
      <c r="R20" s="71">
        <v>26</v>
      </c>
      <c r="S20" s="71">
        <v>50</v>
      </c>
      <c r="T20" s="71">
        <v>30</v>
      </c>
      <c r="U20" s="71">
        <v>19</v>
      </c>
      <c r="V20" s="71">
        <v>25</v>
      </c>
      <c r="W20" s="72">
        <v>150</v>
      </c>
      <c r="X20" s="73">
        <v>189</v>
      </c>
      <c r="Y20" s="70">
        <v>34</v>
      </c>
      <c r="Z20" s="71">
        <v>53</v>
      </c>
      <c r="AA20" s="72">
        <v>87</v>
      </c>
      <c r="AB20" s="244"/>
      <c r="AC20" s="71">
        <v>52</v>
      </c>
      <c r="AD20" s="71">
        <v>102</v>
      </c>
      <c r="AE20" s="71">
        <v>65</v>
      </c>
      <c r="AF20" s="71">
        <v>59</v>
      </c>
      <c r="AG20" s="71">
        <v>35</v>
      </c>
      <c r="AH20" s="72">
        <v>313</v>
      </c>
      <c r="AI20" s="73">
        <v>400</v>
      </c>
      <c r="AJ20" s="70">
        <v>58</v>
      </c>
      <c r="AK20" s="71">
        <v>68</v>
      </c>
      <c r="AL20" s="72">
        <v>126</v>
      </c>
      <c r="AM20" s="244"/>
      <c r="AN20" s="71">
        <v>88</v>
      </c>
      <c r="AO20" s="71">
        <v>137</v>
      </c>
      <c r="AP20" s="71">
        <v>94</v>
      </c>
      <c r="AQ20" s="71">
        <v>77</v>
      </c>
      <c r="AR20" s="71">
        <v>52</v>
      </c>
      <c r="AS20" s="72">
        <v>448</v>
      </c>
      <c r="AT20" s="73">
        <v>574</v>
      </c>
      <c r="AU20" s="70">
        <v>59</v>
      </c>
      <c r="AV20" s="71">
        <v>90</v>
      </c>
      <c r="AW20" s="72">
        <v>149</v>
      </c>
      <c r="AX20" s="244"/>
      <c r="AY20" s="71">
        <v>167</v>
      </c>
      <c r="AZ20" s="71">
        <v>164</v>
      </c>
      <c r="BA20" s="71">
        <v>140</v>
      </c>
      <c r="BB20" s="71">
        <v>107</v>
      </c>
      <c r="BC20" s="71">
        <v>57</v>
      </c>
      <c r="BD20" s="72">
        <v>635</v>
      </c>
      <c r="BE20" s="73">
        <v>784</v>
      </c>
      <c r="BF20" s="70">
        <v>69</v>
      </c>
      <c r="BG20" s="71">
        <v>77</v>
      </c>
      <c r="BH20" s="72">
        <v>146</v>
      </c>
      <c r="BI20" s="244"/>
      <c r="BJ20" s="71">
        <v>130</v>
      </c>
      <c r="BK20" s="71">
        <v>180</v>
      </c>
      <c r="BL20" s="71">
        <v>108</v>
      </c>
      <c r="BM20" s="71">
        <v>88</v>
      </c>
      <c r="BN20" s="71">
        <v>69</v>
      </c>
      <c r="BO20" s="72">
        <v>575</v>
      </c>
      <c r="BP20" s="73">
        <v>721</v>
      </c>
      <c r="BQ20" s="70">
        <v>46</v>
      </c>
      <c r="BR20" s="71">
        <v>48</v>
      </c>
      <c r="BS20" s="72">
        <v>94</v>
      </c>
      <c r="BT20" s="244"/>
      <c r="BU20" s="71">
        <v>86</v>
      </c>
      <c r="BV20" s="71">
        <v>93</v>
      </c>
      <c r="BW20" s="71">
        <v>81</v>
      </c>
      <c r="BX20" s="71">
        <v>64</v>
      </c>
      <c r="BY20" s="71">
        <v>30</v>
      </c>
      <c r="BZ20" s="72">
        <v>354</v>
      </c>
      <c r="CA20" s="73">
        <v>448</v>
      </c>
      <c r="CB20" s="70">
        <v>12</v>
      </c>
      <c r="CC20" s="71">
        <v>20</v>
      </c>
      <c r="CD20" s="72">
        <v>32</v>
      </c>
      <c r="CE20" s="244"/>
      <c r="CF20" s="71">
        <v>23</v>
      </c>
      <c r="CG20" s="71">
        <v>45</v>
      </c>
      <c r="CH20" s="71">
        <v>27</v>
      </c>
      <c r="CI20" s="71">
        <v>15</v>
      </c>
      <c r="CJ20" s="71">
        <v>14</v>
      </c>
      <c r="CK20" s="72">
        <v>124</v>
      </c>
      <c r="CL20" s="73">
        <v>156</v>
      </c>
      <c r="CM20" s="70">
        <v>290</v>
      </c>
      <c r="CN20" s="71">
        <v>383</v>
      </c>
      <c r="CO20" s="72">
        <v>673</v>
      </c>
      <c r="CP20" s="244"/>
      <c r="CQ20" s="71">
        <v>572</v>
      </c>
      <c r="CR20" s="71">
        <v>771</v>
      </c>
      <c r="CS20" s="71">
        <v>545</v>
      </c>
      <c r="CT20" s="71">
        <v>429</v>
      </c>
      <c r="CU20" s="71">
        <v>282</v>
      </c>
      <c r="CV20" s="72">
        <v>2599</v>
      </c>
      <c r="CW20" s="73">
        <v>3272</v>
      </c>
      <c r="CX20" s="123">
        <v>614</v>
      </c>
      <c r="CY20" s="82">
        <v>778</v>
      </c>
      <c r="CZ20" s="83">
        <v>1392</v>
      </c>
      <c r="DA20" s="241"/>
      <c r="DB20" s="82">
        <v>936</v>
      </c>
      <c r="DC20" s="82">
        <v>1218</v>
      </c>
      <c r="DD20" s="82">
        <v>862</v>
      </c>
      <c r="DE20" s="82">
        <v>813</v>
      </c>
      <c r="DF20" s="82">
        <v>590</v>
      </c>
      <c r="DG20" s="84">
        <v>4419</v>
      </c>
      <c r="DH20" s="85">
        <v>5811</v>
      </c>
      <c r="DI20" s="70">
        <v>19</v>
      </c>
      <c r="DJ20" s="71">
        <v>30</v>
      </c>
      <c r="DK20" s="72">
        <v>49</v>
      </c>
      <c r="DL20" s="244"/>
      <c r="DM20" s="71">
        <v>14</v>
      </c>
      <c r="DN20" s="71">
        <v>37</v>
      </c>
      <c r="DO20" s="71">
        <v>26</v>
      </c>
      <c r="DP20" s="71">
        <v>19</v>
      </c>
      <c r="DQ20" s="71">
        <v>24</v>
      </c>
      <c r="DR20" s="72">
        <v>120</v>
      </c>
      <c r="DS20" s="73">
        <v>169</v>
      </c>
      <c r="DT20" s="70">
        <v>57</v>
      </c>
      <c r="DU20" s="71">
        <v>69</v>
      </c>
      <c r="DV20" s="72">
        <v>126</v>
      </c>
      <c r="DW20" s="244"/>
      <c r="DX20" s="71">
        <v>69</v>
      </c>
      <c r="DY20" s="71">
        <v>85</v>
      </c>
      <c r="DZ20" s="71">
        <v>60</v>
      </c>
      <c r="EA20" s="71">
        <v>48</v>
      </c>
      <c r="EB20" s="71">
        <v>37</v>
      </c>
      <c r="EC20" s="72">
        <v>299</v>
      </c>
      <c r="ED20" s="73">
        <v>425</v>
      </c>
      <c r="EE20" s="70">
        <v>100</v>
      </c>
      <c r="EF20" s="71">
        <v>120</v>
      </c>
      <c r="EG20" s="72">
        <v>220</v>
      </c>
      <c r="EH20" s="244"/>
      <c r="EI20" s="71">
        <v>122</v>
      </c>
      <c r="EJ20" s="71">
        <v>176</v>
      </c>
      <c r="EK20" s="71">
        <v>101</v>
      </c>
      <c r="EL20" s="71">
        <v>96</v>
      </c>
      <c r="EM20" s="71">
        <v>69</v>
      </c>
      <c r="EN20" s="72">
        <v>564</v>
      </c>
      <c r="EO20" s="73">
        <v>784</v>
      </c>
      <c r="EP20" s="70">
        <v>191</v>
      </c>
      <c r="EQ20" s="71">
        <v>209</v>
      </c>
      <c r="ER20" s="72">
        <v>400</v>
      </c>
      <c r="ES20" s="244"/>
      <c r="ET20" s="71">
        <v>242</v>
      </c>
      <c r="EU20" s="71">
        <v>289</v>
      </c>
      <c r="EV20" s="71">
        <v>174</v>
      </c>
      <c r="EW20" s="71">
        <v>180</v>
      </c>
      <c r="EX20" s="71">
        <v>109</v>
      </c>
      <c r="EY20" s="72">
        <v>994</v>
      </c>
      <c r="EZ20" s="73">
        <v>1394</v>
      </c>
      <c r="FA20" s="70">
        <v>160</v>
      </c>
      <c r="FB20" s="71">
        <v>235</v>
      </c>
      <c r="FC20" s="72">
        <v>395</v>
      </c>
      <c r="FD20" s="244"/>
      <c r="FE20" s="71">
        <v>277</v>
      </c>
      <c r="FF20" s="71">
        <v>302</v>
      </c>
      <c r="FG20" s="71">
        <v>255</v>
      </c>
      <c r="FH20" s="71">
        <v>184</v>
      </c>
      <c r="FI20" s="71">
        <v>165</v>
      </c>
      <c r="FJ20" s="72">
        <v>1183</v>
      </c>
      <c r="FK20" s="73">
        <v>1578</v>
      </c>
      <c r="FL20" s="70">
        <v>87</v>
      </c>
      <c r="FM20" s="71">
        <v>115</v>
      </c>
      <c r="FN20" s="72">
        <v>202</v>
      </c>
      <c r="FO20" s="244"/>
      <c r="FP20" s="71">
        <v>212</v>
      </c>
      <c r="FQ20" s="71">
        <v>329</v>
      </c>
      <c r="FR20" s="71">
        <v>246</v>
      </c>
      <c r="FS20" s="71">
        <v>286</v>
      </c>
      <c r="FT20" s="71">
        <v>186</v>
      </c>
      <c r="FU20" s="72">
        <v>1259</v>
      </c>
      <c r="FV20" s="73">
        <v>1461</v>
      </c>
      <c r="FW20" s="70">
        <v>4</v>
      </c>
      <c r="FX20" s="71">
        <v>17</v>
      </c>
      <c r="FY20" s="72">
        <v>21</v>
      </c>
      <c r="FZ20" s="244"/>
      <c r="GA20" s="71">
        <v>8</v>
      </c>
      <c r="GB20" s="71">
        <v>30</v>
      </c>
      <c r="GC20" s="71">
        <v>18</v>
      </c>
      <c r="GD20" s="71">
        <v>18</v>
      </c>
      <c r="GE20" s="71">
        <v>15</v>
      </c>
      <c r="GF20" s="72">
        <v>89</v>
      </c>
      <c r="GG20" s="73">
        <v>110</v>
      </c>
      <c r="GH20" s="70">
        <v>618</v>
      </c>
      <c r="GI20" s="71">
        <v>795</v>
      </c>
      <c r="GJ20" s="72">
        <v>1413</v>
      </c>
      <c r="GK20" s="244"/>
      <c r="GL20" s="71">
        <v>944</v>
      </c>
      <c r="GM20" s="71">
        <v>1248</v>
      </c>
      <c r="GN20" s="71">
        <v>880</v>
      </c>
      <c r="GO20" s="71">
        <v>831</v>
      </c>
      <c r="GP20" s="71">
        <v>605</v>
      </c>
      <c r="GQ20" s="72">
        <v>4508</v>
      </c>
      <c r="GR20" s="73">
        <v>5921</v>
      </c>
      <c r="GS20" s="123">
        <v>892</v>
      </c>
      <c r="GT20" s="82">
        <v>1141</v>
      </c>
      <c r="GU20" s="83">
        <v>2033</v>
      </c>
      <c r="GV20" s="241"/>
      <c r="GW20" s="82">
        <v>1485</v>
      </c>
      <c r="GX20" s="82">
        <v>1944</v>
      </c>
      <c r="GY20" s="82">
        <v>1380</v>
      </c>
      <c r="GZ20" s="82">
        <v>1227</v>
      </c>
      <c r="HA20" s="82">
        <v>858</v>
      </c>
      <c r="HB20" s="84">
        <v>6894</v>
      </c>
      <c r="HC20" s="85">
        <v>8927</v>
      </c>
      <c r="HD20" s="70">
        <v>31</v>
      </c>
      <c r="HE20" s="71">
        <v>57</v>
      </c>
      <c r="HF20" s="72">
        <v>88</v>
      </c>
      <c r="HG20" s="244"/>
      <c r="HH20" s="71">
        <v>40</v>
      </c>
      <c r="HI20" s="71">
        <v>87</v>
      </c>
      <c r="HJ20" s="71">
        <v>56</v>
      </c>
      <c r="HK20" s="71">
        <v>38</v>
      </c>
      <c r="HL20" s="71">
        <v>49</v>
      </c>
      <c r="HM20" s="72">
        <v>270</v>
      </c>
      <c r="HN20" s="73">
        <v>358</v>
      </c>
      <c r="HO20" s="70">
        <v>91</v>
      </c>
      <c r="HP20" s="71">
        <v>122</v>
      </c>
      <c r="HQ20" s="72">
        <v>213</v>
      </c>
      <c r="HR20" s="244"/>
      <c r="HS20" s="71">
        <v>121</v>
      </c>
      <c r="HT20" s="71">
        <v>187</v>
      </c>
      <c r="HU20" s="71">
        <v>125</v>
      </c>
      <c r="HV20" s="71">
        <v>107</v>
      </c>
      <c r="HW20" s="71">
        <v>72</v>
      </c>
      <c r="HX20" s="72">
        <v>612</v>
      </c>
      <c r="HY20" s="73">
        <v>825</v>
      </c>
      <c r="HZ20" s="70">
        <v>158</v>
      </c>
      <c r="IA20" s="71">
        <v>188</v>
      </c>
      <c r="IB20" s="72">
        <v>346</v>
      </c>
      <c r="IC20" s="244"/>
      <c r="ID20" s="71">
        <v>210</v>
      </c>
      <c r="IE20" s="71">
        <v>313</v>
      </c>
      <c r="IF20" s="71">
        <v>195</v>
      </c>
      <c r="IG20" s="71">
        <v>173</v>
      </c>
      <c r="IH20" s="71">
        <v>121</v>
      </c>
      <c r="II20" s="72">
        <v>1012</v>
      </c>
      <c r="IJ20" s="73">
        <v>1358</v>
      </c>
      <c r="IK20" s="70">
        <v>250</v>
      </c>
      <c r="IL20" s="71">
        <v>299</v>
      </c>
      <c r="IM20" s="72">
        <v>549</v>
      </c>
      <c r="IN20" s="244"/>
      <c r="IO20" s="71">
        <v>409</v>
      </c>
      <c r="IP20" s="71">
        <v>453</v>
      </c>
      <c r="IQ20" s="71">
        <v>314</v>
      </c>
      <c r="IR20" s="71">
        <v>287</v>
      </c>
      <c r="IS20" s="71">
        <v>166</v>
      </c>
      <c r="IT20" s="72">
        <v>1629</v>
      </c>
      <c r="IU20" s="73">
        <v>2178</v>
      </c>
      <c r="IV20" s="70">
        <v>229</v>
      </c>
      <c r="IW20" s="71">
        <v>312</v>
      </c>
      <c r="IX20" s="72">
        <v>541</v>
      </c>
      <c r="IY20" s="244"/>
      <c r="IZ20" s="71">
        <v>407</v>
      </c>
      <c r="JA20" s="71">
        <v>482</v>
      </c>
      <c r="JB20" s="71">
        <v>363</v>
      </c>
      <c r="JC20" s="71">
        <v>272</v>
      </c>
      <c r="JD20" s="71">
        <v>234</v>
      </c>
      <c r="JE20" s="72">
        <v>1758</v>
      </c>
      <c r="JF20" s="73">
        <v>2299</v>
      </c>
      <c r="JG20" s="70">
        <v>133</v>
      </c>
      <c r="JH20" s="71">
        <v>163</v>
      </c>
      <c r="JI20" s="72">
        <v>296</v>
      </c>
      <c r="JJ20" s="244"/>
      <c r="JK20" s="71">
        <v>298</v>
      </c>
      <c r="JL20" s="71">
        <v>422</v>
      </c>
      <c r="JM20" s="71">
        <v>327</v>
      </c>
      <c r="JN20" s="71">
        <v>350</v>
      </c>
      <c r="JO20" s="71">
        <v>216</v>
      </c>
      <c r="JP20" s="72">
        <v>1613</v>
      </c>
      <c r="JQ20" s="73">
        <v>1909</v>
      </c>
      <c r="JR20" s="70">
        <v>16</v>
      </c>
      <c r="JS20" s="71">
        <v>37</v>
      </c>
      <c r="JT20" s="72">
        <v>53</v>
      </c>
      <c r="JU20" s="244"/>
      <c r="JV20" s="71">
        <v>31</v>
      </c>
      <c r="JW20" s="71">
        <v>75</v>
      </c>
      <c r="JX20" s="71">
        <v>45</v>
      </c>
      <c r="JY20" s="71">
        <v>33</v>
      </c>
      <c r="JZ20" s="71">
        <v>29</v>
      </c>
      <c r="KA20" s="72">
        <v>213</v>
      </c>
      <c r="KB20" s="73">
        <v>266</v>
      </c>
      <c r="KC20" s="70">
        <v>908</v>
      </c>
      <c r="KD20" s="71">
        <v>1178</v>
      </c>
      <c r="KE20" s="72">
        <v>2086</v>
      </c>
      <c r="KF20" s="244"/>
      <c r="KG20" s="71">
        <v>1516</v>
      </c>
      <c r="KH20" s="71">
        <v>2019</v>
      </c>
      <c r="KI20" s="71">
        <v>1425</v>
      </c>
      <c r="KJ20" s="71">
        <v>1260</v>
      </c>
      <c r="KK20" s="71">
        <v>887</v>
      </c>
      <c r="KL20" s="72">
        <v>7107</v>
      </c>
      <c r="KM20" s="73">
        <v>9193</v>
      </c>
    </row>
    <row r="21" spans="2:299" ht="19.8" customHeight="1" x14ac:dyDescent="0.2">
      <c r="B21" s="126" t="s">
        <v>18</v>
      </c>
      <c r="C21" s="316">
        <v>422</v>
      </c>
      <c r="D21" s="82">
        <v>417</v>
      </c>
      <c r="E21" s="83">
        <v>839</v>
      </c>
      <c r="F21" s="241"/>
      <c r="G21" s="82">
        <v>891</v>
      </c>
      <c r="H21" s="82">
        <v>707</v>
      </c>
      <c r="I21" s="82">
        <v>533</v>
      </c>
      <c r="J21" s="82">
        <v>453</v>
      </c>
      <c r="K21" s="82">
        <v>266</v>
      </c>
      <c r="L21" s="84">
        <v>2850</v>
      </c>
      <c r="M21" s="85">
        <v>3689</v>
      </c>
      <c r="N21" s="70">
        <v>20</v>
      </c>
      <c r="O21" s="71">
        <v>32</v>
      </c>
      <c r="P21" s="72">
        <v>52</v>
      </c>
      <c r="Q21" s="244"/>
      <c r="R21" s="71">
        <v>58</v>
      </c>
      <c r="S21" s="71">
        <v>43</v>
      </c>
      <c r="T21" s="71">
        <v>28</v>
      </c>
      <c r="U21" s="71">
        <v>40</v>
      </c>
      <c r="V21" s="71">
        <v>17</v>
      </c>
      <c r="W21" s="72">
        <v>186</v>
      </c>
      <c r="X21" s="73">
        <v>238</v>
      </c>
      <c r="Y21" s="70">
        <v>45</v>
      </c>
      <c r="Z21" s="71">
        <v>53</v>
      </c>
      <c r="AA21" s="72">
        <v>98</v>
      </c>
      <c r="AB21" s="244"/>
      <c r="AC21" s="71">
        <v>101</v>
      </c>
      <c r="AD21" s="71">
        <v>81</v>
      </c>
      <c r="AE21" s="71">
        <v>81</v>
      </c>
      <c r="AF21" s="71">
        <v>60</v>
      </c>
      <c r="AG21" s="71">
        <v>37</v>
      </c>
      <c r="AH21" s="72">
        <v>360</v>
      </c>
      <c r="AI21" s="73">
        <v>458</v>
      </c>
      <c r="AJ21" s="70">
        <v>74</v>
      </c>
      <c r="AK21" s="71">
        <v>60</v>
      </c>
      <c r="AL21" s="72">
        <v>134</v>
      </c>
      <c r="AM21" s="244"/>
      <c r="AN21" s="71">
        <v>135</v>
      </c>
      <c r="AO21" s="71">
        <v>110</v>
      </c>
      <c r="AP21" s="71">
        <v>92</v>
      </c>
      <c r="AQ21" s="71">
        <v>71</v>
      </c>
      <c r="AR21" s="71">
        <v>59</v>
      </c>
      <c r="AS21" s="72">
        <v>467</v>
      </c>
      <c r="AT21" s="73">
        <v>601</v>
      </c>
      <c r="AU21" s="70">
        <v>121</v>
      </c>
      <c r="AV21" s="71">
        <v>99</v>
      </c>
      <c r="AW21" s="72">
        <v>220</v>
      </c>
      <c r="AX21" s="244"/>
      <c r="AY21" s="71">
        <v>244</v>
      </c>
      <c r="AZ21" s="71">
        <v>184</v>
      </c>
      <c r="BA21" s="71">
        <v>121</v>
      </c>
      <c r="BB21" s="71">
        <v>109</v>
      </c>
      <c r="BC21" s="71">
        <v>71</v>
      </c>
      <c r="BD21" s="72">
        <v>729</v>
      </c>
      <c r="BE21" s="73">
        <v>949</v>
      </c>
      <c r="BF21" s="70">
        <v>105</v>
      </c>
      <c r="BG21" s="71">
        <v>110</v>
      </c>
      <c r="BH21" s="72">
        <v>215</v>
      </c>
      <c r="BI21" s="244"/>
      <c r="BJ21" s="71">
        <v>229</v>
      </c>
      <c r="BK21" s="71">
        <v>179</v>
      </c>
      <c r="BL21" s="71">
        <v>130</v>
      </c>
      <c r="BM21" s="71">
        <v>104</v>
      </c>
      <c r="BN21" s="71">
        <v>43</v>
      </c>
      <c r="BO21" s="72">
        <v>685</v>
      </c>
      <c r="BP21" s="73">
        <v>900</v>
      </c>
      <c r="BQ21" s="70">
        <v>57</v>
      </c>
      <c r="BR21" s="71">
        <v>63</v>
      </c>
      <c r="BS21" s="72">
        <v>120</v>
      </c>
      <c r="BT21" s="244"/>
      <c r="BU21" s="71">
        <v>124</v>
      </c>
      <c r="BV21" s="71">
        <v>110</v>
      </c>
      <c r="BW21" s="71">
        <v>81</v>
      </c>
      <c r="BX21" s="71">
        <v>69</v>
      </c>
      <c r="BY21" s="71">
        <v>39</v>
      </c>
      <c r="BZ21" s="72">
        <v>423</v>
      </c>
      <c r="CA21" s="73">
        <v>543</v>
      </c>
      <c r="CB21" s="70">
        <v>10</v>
      </c>
      <c r="CC21" s="71">
        <v>21</v>
      </c>
      <c r="CD21" s="72">
        <v>31</v>
      </c>
      <c r="CE21" s="244"/>
      <c r="CF21" s="71">
        <v>30</v>
      </c>
      <c r="CG21" s="71">
        <v>40</v>
      </c>
      <c r="CH21" s="71">
        <v>34</v>
      </c>
      <c r="CI21" s="71">
        <v>19</v>
      </c>
      <c r="CJ21" s="71">
        <v>23</v>
      </c>
      <c r="CK21" s="72">
        <v>146</v>
      </c>
      <c r="CL21" s="73">
        <v>177</v>
      </c>
      <c r="CM21" s="70">
        <v>432</v>
      </c>
      <c r="CN21" s="71">
        <v>438</v>
      </c>
      <c r="CO21" s="72">
        <v>870</v>
      </c>
      <c r="CP21" s="244"/>
      <c r="CQ21" s="71">
        <v>921</v>
      </c>
      <c r="CR21" s="71">
        <v>747</v>
      </c>
      <c r="CS21" s="71">
        <v>567</v>
      </c>
      <c r="CT21" s="71">
        <v>472</v>
      </c>
      <c r="CU21" s="71">
        <v>289</v>
      </c>
      <c r="CV21" s="72">
        <v>2996</v>
      </c>
      <c r="CW21" s="73">
        <v>3866</v>
      </c>
      <c r="CX21" s="123">
        <v>808</v>
      </c>
      <c r="CY21" s="82">
        <v>1042</v>
      </c>
      <c r="CZ21" s="83">
        <v>1850</v>
      </c>
      <c r="DA21" s="241"/>
      <c r="DB21" s="82">
        <v>1405</v>
      </c>
      <c r="DC21" s="82">
        <v>1249</v>
      </c>
      <c r="DD21" s="82">
        <v>906</v>
      </c>
      <c r="DE21" s="82">
        <v>886</v>
      </c>
      <c r="DF21" s="82">
        <v>646</v>
      </c>
      <c r="DG21" s="84">
        <v>5092</v>
      </c>
      <c r="DH21" s="85">
        <v>6942</v>
      </c>
      <c r="DI21" s="70">
        <v>21</v>
      </c>
      <c r="DJ21" s="71">
        <v>27</v>
      </c>
      <c r="DK21" s="72">
        <v>48</v>
      </c>
      <c r="DL21" s="244"/>
      <c r="DM21" s="71">
        <v>40</v>
      </c>
      <c r="DN21" s="71">
        <v>28</v>
      </c>
      <c r="DO21" s="71">
        <v>18</v>
      </c>
      <c r="DP21" s="71">
        <v>18</v>
      </c>
      <c r="DQ21" s="71">
        <v>16</v>
      </c>
      <c r="DR21" s="72">
        <v>120</v>
      </c>
      <c r="DS21" s="73">
        <v>168</v>
      </c>
      <c r="DT21" s="70">
        <v>70</v>
      </c>
      <c r="DU21" s="71">
        <v>93</v>
      </c>
      <c r="DV21" s="72">
        <v>163</v>
      </c>
      <c r="DW21" s="244"/>
      <c r="DX21" s="71">
        <v>96</v>
      </c>
      <c r="DY21" s="71">
        <v>82</v>
      </c>
      <c r="DZ21" s="71">
        <v>51</v>
      </c>
      <c r="EA21" s="71">
        <v>43</v>
      </c>
      <c r="EB21" s="71">
        <v>38</v>
      </c>
      <c r="EC21" s="72">
        <v>310</v>
      </c>
      <c r="ED21" s="73">
        <v>473</v>
      </c>
      <c r="EE21" s="70">
        <v>154</v>
      </c>
      <c r="EF21" s="71">
        <v>185</v>
      </c>
      <c r="EG21" s="72">
        <v>339</v>
      </c>
      <c r="EH21" s="244"/>
      <c r="EI21" s="71">
        <v>201</v>
      </c>
      <c r="EJ21" s="71">
        <v>153</v>
      </c>
      <c r="EK21" s="71">
        <v>113</v>
      </c>
      <c r="EL21" s="71">
        <v>88</v>
      </c>
      <c r="EM21" s="71">
        <v>75</v>
      </c>
      <c r="EN21" s="72">
        <v>630</v>
      </c>
      <c r="EO21" s="73">
        <v>969</v>
      </c>
      <c r="EP21" s="70">
        <v>247</v>
      </c>
      <c r="EQ21" s="71">
        <v>317</v>
      </c>
      <c r="ER21" s="72">
        <v>564</v>
      </c>
      <c r="ES21" s="244"/>
      <c r="ET21" s="71">
        <v>377</v>
      </c>
      <c r="EU21" s="71">
        <v>303</v>
      </c>
      <c r="EV21" s="71">
        <v>171</v>
      </c>
      <c r="EW21" s="71">
        <v>172</v>
      </c>
      <c r="EX21" s="71">
        <v>141</v>
      </c>
      <c r="EY21" s="72">
        <v>1164</v>
      </c>
      <c r="EZ21" s="73">
        <v>1728</v>
      </c>
      <c r="FA21" s="70">
        <v>217</v>
      </c>
      <c r="FB21" s="71">
        <v>275</v>
      </c>
      <c r="FC21" s="72">
        <v>492</v>
      </c>
      <c r="FD21" s="244"/>
      <c r="FE21" s="71">
        <v>411</v>
      </c>
      <c r="FF21" s="71">
        <v>361</v>
      </c>
      <c r="FG21" s="71">
        <v>241</v>
      </c>
      <c r="FH21" s="71">
        <v>240</v>
      </c>
      <c r="FI21" s="71">
        <v>182</v>
      </c>
      <c r="FJ21" s="72">
        <v>1435</v>
      </c>
      <c r="FK21" s="73">
        <v>1927</v>
      </c>
      <c r="FL21" s="70">
        <v>99</v>
      </c>
      <c r="FM21" s="71">
        <v>145</v>
      </c>
      <c r="FN21" s="72">
        <v>244</v>
      </c>
      <c r="FO21" s="244"/>
      <c r="FP21" s="71">
        <v>280</v>
      </c>
      <c r="FQ21" s="71">
        <v>322</v>
      </c>
      <c r="FR21" s="71">
        <v>312</v>
      </c>
      <c r="FS21" s="71">
        <v>325</v>
      </c>
      <c r="FT21" s="71">
        <v>194</v>
      </c>
      <c r="FU21" s="72">
        <v>1433</v>
      </c>
      <c r="FV21" s="73">
        <v>1677</v>
      </c>
      <c r="FW21" s="70">
        <v>13</v>
      </c>
      <c r="FX21" s="71">
        <v>15</v>
      </c>
      <c r="FY21" s="72">
        <v>28</v>
      </c>
      <c r="FZ21" s="244"/>
      <c r="GA21" s="71">
        <v>26</v>
      </c>
      <c r="GB21" s="71">
        <v>31</v>
      </c>
      <c r="GC21" s="71">
        <v>23</v>
      </c>
      <c r="GD21" s="71">
        <v>15</v>
      </c>
      <c r="GE21" s="71">
        <v>13</v>
      </c>
      <c r="GF21" s="72">
        <v>108</v>
      </c>
      <c r="GG21" s="73">
        <v>136</v>
      </c>
      <c r="GH21" s="70">
        <v>821</v>
      </c>
      <c r="GI21" s="71">
        <v>1057</v>
      </c>
      <c r="GJ21" s="72">
        <v>1878</v>
      </c>
      <c r="GK21" s="244"/>
      <c r="GL21" s="71">
        <v>1431</v>
      </c>
      <c r="GM21" s="71">
        <v>1280</v>
      </c>
      <c r="GN21" s="71">
        <v>929</v>
      </c>
      <c r="GO21" s="71">
        <v>901</v>
      </c>
      <c r="GP21" s="71">
        <v>659</v>
      </c>
      <c r="GQ21" s="72">
        <v>5200</v>
      </c>
      <c r="GR21" s="73">
        <v>7078</v>
      </c>
      <c r="GS21" s="123">
        <v>1230</v>
      </c>
      <c r="GT21" s="82">
        <v>1459</v>
      </c>
      <c r="GU21" s="83">
        <v>2689</v>
      </c>
      <c r="GV21" s="241"/>
      <c r="GW21" s="82">
        <v>2296</v>
      </c>
      <c r="GX21" s="82">
        <v>1956</v>
      </c>
      <c r="GY21" s="82">
        <v>1439</v>
      </c>
      <c r="GZ21" s="82">
        <v>1339</v>
      </c>
      <c r="HA21" s="82">
        <v>912</v>
      </c>
      <c r="HB21" s="84">
        <v>7942</v>
      </c>
      <c r="HC21" s="85">
        <v>10631</v>
      </c>
      <c r="HD21" s="70">
        <v>41</v>
      </c>
      <c r="HE21" s="71">
        <v>59</v>
      </c>
      <c r="HF21" s="72">
        <v>100</v>
      </c>
      <c r="HG21" s="244"/>
      <c r="HH21" s="71">
        <v>98</v>
      </c>
      <c r="HI21" s="71">
        <v>71</v>
      </c>
      <c r="HJ21" s="71">
        <v>46</v>
      </c>
      <c r="HK21" s="71">
        <v>58</v>
      </c>
      <c r="HL21" s="71">
        <v>33</v>
      </c>
      <c r="HM21" s="72">
        <v>306</v>
      </c>
      <c r="HN21" s="73">
        <v>406</v>
      </c>
      <c r="HO21" s="70">
        <v>115</v>
      </c>
      <c r="HP21" s="71">
        <v>146</v>
      </c>
      <c r="HQ21" s="72">
        <v>261</v>
      </c>
      <c r="HR21" s="244"/>
      <c r="HS21" s="71">
        <v>197</v>
      </c>
      <c r="HT21" s="71">
        <v>163</v>
      </c>
      <c r="HU21" s="71">
        <v>132</v>
      </c>
      <c r="HV21" s="71">
        <v>103</v>
      </c>
      <c r="HW21" s="71">
        <v>75</v>
      </c>
      <c r="HX21" s="72">
        <v>670</v>
      </c>
      <c r="HY21" s="73">
        <v>931</v>
      </c>
      <c r="HZ21" s="70">
        <v>228</v>
      </c>
      <c r="IA21" s="71">
        <v>245</v>
      </c>
      <c r="IB21" s="72">
        <v>473</v>
      </c>
      <c r="IC21" s="244"/>
      <c r="ID21" s="71">
        <v>336</v>
      </c>
      <c r="IE21" s="71">
        <v>263</v>
      </c>
      <c r="IF21" s="71">
        <v>205</v>
      </c>
      <c r="IG21" s="71">
        <v>159</v>
      </c>
      <c r="IH21" s="71">
        <v>134</v>
      </c>
      <c r="II21" s="72">
        <v>1097</v>
      </c>
      <c r="IJ21" s="73">
        <v>1570</v>
      </c>
      <c r="IK21" s="70">
        <v>368</v>
      </c>
      <c r="IL21" s="71">
        <v>416</v>
      </c>
      <c r="IM21" s="72">
        <v>784</v>
      </c>
      <c r="IN21" s="244"/>
      <c r="IO21" s="71">
        <v>621</v>
      </c>
      <c r="IP21" s="71">
        <v>487</v>
      </c>
      <c r="IQ21" s="71">
        <v>292</v>
      </c>
      <c r="IR21" s="71">
        <v>281</v>
      </c>
      <c r="IS21" s="71">
        <v>212</v>
      </c>
      <c r="IT21" s="72">
        <v>1893</v>
      </c>
      <c r="IU21" s="73">
        <v>2677</v>
      </c>
      <c r="IV21" s="70">
        <v>322</v>
      </c>
      <c r="IW21" s="71">
        <v>385</v>
      </c>
      <c r="IX21" s="72">
        <v>707</v>
      </c>
      <c r="IY21" s="244"/>
      <c r="IZ21" s="71">
        <v>640</v>
      </c>
      <c r="JA21" s="71">
        <v>540</v>
      </c>
      <c r="JB21" s="71">
        <v>371</v>
      </c>
      <c r="JC21" s="71">
        <v>344</v>
      </c>
      <c r="JD21" s="71">
        <v>225</v>
      </c>
      <c r="JE21" s="72">
        <v>2120</v>
      </c>
      <c r="JF21" s="73">
        <v>2827</v>
      </c>
      <c r="JG21" s="70">
        <v>156</v>
      </c>
      <c r="JH21" s="71">
        <v>208</v>
      </c>
      <c r="JI21" s="72">
        <v>364</v>
      </c>
      <c r="JJ21" s="244"/>
      <c r="JK21" s="71">
        <v>404</v>
      </c>
      <c r="JL21" s="71">
        <v>432</v>
      </c>
      <c r="JM21" s="71">
        <v>393</v>
      </c>
      <c r="JN21" s="71">
        <v>394</v>
      </c>
      <c r="JO21" s="71">
        <v>233</v>
      </c>
      <c r="JP21" s="72">
        <v>1856</v>
      </c>
      <c r="JQ21" s="73">
        <v>2220</v>
      </c>
      <c r="JR21" s="70">
        <v>23</v>
      </c>
      <c r="JS21" s="71">
        <v>36</v>
      </c>
      <c r="JT21" s="72">
        <v>59</v>
      </c>
      <c r="JU21" s="244"/>
      <c r="JV21" s="71">
        <v>56</v>
      </c>
      <c r="JW21" s="71">
        <v>71</v>
      </c>
      <c r="JX21" s="71">
        <v>57</v>
      </c>
      <c r="JY21" s="71">
        <v>34</v>
      </c>
      <c r="JZ21" s="71">
        <v>36</v>
      </c>
      <c r="KA21" s="72">
        <v>254</v>
      </c>
      <c r="KB21" s="73">
        <v>313</v>
      </c>
      <c r="KC21" s="70">
        <v>1253</v>
      </c>
      <c r="KD21" s="71">
        <v>1495</v>
      </c>
      <c r="KE21" s="72">
        <v>2748</v>
      </c>
      <c r="KF21" s="244"/>
      <c r="KG21" s="71">
        <v>2352</v>
      </c>
      <c r="KH21" s="71">
        <v>2027</v>
      </c>
      <c r="KI21" s="71">
        <v>1496</v>
      </c>
      <c r="KJ21" s="71">
        <v>1373</v>
      </c>
      <c r="KK21" s="71">
        <v>948</v>
      </c>
      <c r="KL21" s="72">
        <v>8196</v>
      </c>
      <c r="KM21" s="73">
        <v>10944</v>
      </c>
    </row>
    <row r="22" spans="2:299" ht="19.8" customHeight="1" x14ac:dyDescent="0.2">
      <c r="B22" s="126" t="s">
        <v>19</v>
      </c>
      <c r="C22" s="316">
        <v>174</v>
      </c>
      <c r="D22" s="82">
        <v>160</v>
      </c>
      <c r="E22" s="83">
        <v>334</v>
      </c>
      <c r="F22" s="241"/>
      <c r="G22" s="82">
        <v>373</v>
      </c>
      <c r="H22" s="82">
        <v>317</v>
      </c>
      <c r="I22" s="82">
        <v>197</v>
      </c>
      <c r="J22" s="82">
        <v>142</v>
      </c>
      <c r="K22" s="82">
        <v>102</v>
      </c>
      <c r="L22" s="84">
        <v>1131</v>
      </c>
      <c r="M22" s="85">
        <v>1465</v>
      </c>
      <c r="N22" s="86">
        <v>11</v>
      </c>
      <c r="O22" s="71">
        <v>7</v>
      </c>
      <c r="P22" s="72">
        <v>18</v>
      </c>
      <c r="Q22" s="244"/>
      <c r="R22" s="71">
        <v>25</v>
      </c>
      <c r="S22" s="71">
        <v>18</v>
      </c>
      <c r="T22" s="71">
        <v>8</v>
      </c>
      <c r="U22" s="71">
        <v>10</v>
      </c>
      <c r="V22" s="71">
        <v>8</v>
      </c>
      <c r="W22" s="72">
        <v>69</v>
      </c>
      <c r="X22" s="73">
        <v>87</v>
      </c>
      <c r="Y22" s="70">
        <v>12</v>
      </c>
      <c r="Z22" s="71">
        <v>15</v>
      </c>
      <c r="AA22" s="72">
        <v>27</v>
      </c>
      <c r="AB22" s="244"/>
      <c r="AC22" s="71">
        <v>43</v>
      </c>
      <c r="AD22" s="71">
        <v>53</v>
      </c>
      <c r="AE22" s="71">
        <v>26</v>
      </c>
      <c r="AF22" s="71">
        <v>14</v>
      </c>
      <c r="AG22" s="71">
        <v>13</v>
      </c>
      <c r="AH22" s="72">
        <v>149</v>
      </c>
      <c r="AI22" s="73">
        <v>176</v>
      </c>
      <c r="AJ22" s="86">
        <v>37</v>
      </c>
      <c r="AK22" s="71">
        <v>23</v>
      </c>
      <c r="AL22" s="72">
        <v>60</v>
      </c>
      <c r="AM22" s="244"/>
      <c r="AN22" s="71">
        <v>58</v>
      </c>
      <c r="AO22" s="71">
        <v>43</v>
      </c>
      <c r="AP22" s="71">
        <v>38</v>
      </c>
      <c r="AQ22" s="71">
        <v>27</v>
      </c>
      <c r="AR22" s="71">
        <v>15</v>
      </c>
      <c r="AS22" s="72">
        <v>181</v>
      </c>
      <c r="AT22" s="73">
        <v>241</v>
      </c>
      <c r="AU22" s="70">
        <v>50</v>
      </c>
      <c r="AV22" s="71">
        <v>38</v>
      </c>
      <c r="AW22" s="72">
        <v>88</v>
      </c>
      <c r="AX22" s="244"/>
      <c r="AY22" s="71">
        <v>83</v>
      </c>
      <c r="AZ22" s="71">
        <v>67</v>
      </c>
      <c r="BA22" s="71">
        <v>53</v>
      </c>
      <c r="BB22" s="71">
        <v>44</v>
      </c>
      <c r="BC22" s="71">
        <v>26</v>
      </c>
      <c r="BD22" s="72">
        <v>273</v>
      </c>
      <c r="BE22" s="73">
        <v>361</v>
      </c>
      <c r="BF22" s="86">
        <v>42</v>
      </c>
      <c r="BG22" s="71">
        <v>45</v>
      </c>
      <c r="BH22" s="72">
        <v>87</v>
      </c>
      <c r="BI22" s="244"/>
      <c r="BJ22" s="71">
        <v>106</v>
      </c>
      <c r="BK22" s="71">
        <v>75</v>
      </c>
      <c r="BL22" s="71">
        <v>42</v>
      </c>
      <c r="BM22" s="71">
        <v>27</v>
      </c>
      <c r="BN22" s="71">
        <v>23</v>
      </c>
      <c r="BO22" s="72">
        <v>273</v>
      </c>
      <c r="BP22" s="73">
        <v>360</v>
      </c>
      <c r="BQ22" s="70">
        <v>22</v>
      </c>
      <c r="BR22" s="71">
        <v>32</v>
      </c>
      <c r="BS22" s="72">
        <v>54</v>
      </c>
      <c r="BT22" s="244"/>
      <c r="BU22" s="71">
        <v>58</v>
      </c>
      <c r="BV22" s="71">
        <v>61</v>
      </c>
      <c r="BW22" s="71">
        <v>30</v>
      </c>
      <c r="BX22" s="71">
        <v>20</v>
      </c>
      <c r="BY22" s="71">
        <v>17</v>
      </c>
      <c r="BZ22" s="72">
        <v>186</v>
      </c>
      <c r="CA22" s="73">
        <v>240</v>
      </c>
      <c r="CB22" s="70">
        <v>2</v>
      </c>
      <c r="CC22" s="71">
        <v>12</v>
      </c>
      <c r="CD22" s="72">
        <v>14</v>
      </c>
      <c r="CE22" s="244"/>
      <c r="CF22" s="71">
        <v>13</v>
      </c>
      <c r="CG22" s="71">
        <v>12</v>
      </c>
      <c r="CH22" s="71">
        <v>14</v>
      </c>
      <c r="CI22" s="71">
        <v>9</v>
      </c>
      <c r="CJ22" s="71">
        <v>5</v>
      </c>
      <c r="CK22" s="72">
        <v>53</v>
      </c>
      <c r="CL22" s="73">
        <v>67</v>
      </c>
      <c r="CM22" s="70">
        <v>176</v>
      </c>
      <c r="CN22" s="71">
        <v>172</v>
      </c>
      <c r="CO22" s="72">
        <v>348</v>
      </c>
      <c r="CP22" s="244"/>
      <c r="CQ22" s="71">
        <v>386</v>
      </c>
      <c r="CR22" s="71">
        <v>329</v>
      </c>
      <c r="CS22" s="71">
        <v>211</v>
      </c>
      <c r="CT22" s="71">
        <v>151</v>
      </c>
      <c r="CU22" s="71">
        <v>107</v>
      </c>
      <c r="CV22" s="72">
        <v>1184</v>
      </c>
      <c r="CW22" s="73">
        <v>1532</v>
      </c>
      <c r="CX22" s="123">
        <v>326</v>
      </c>
      <c r="CY22" s="82">
        <v>395</v>
      </c>
      <c r="CZ22" s="83">
        <v>721</v>
      </c>
      <c r="DA22" s="241"/>
      <c r="DB22" s="82">
        <v>631</v>
      </c>
      <c r="DC22" s="82">
        <v>491</v>
      </c>
      <c r="DD22" s="82">
        <v>416</v>
      </c>
      <c r="DE22" s="82">
        <v>358</v>
      </c>
      <c r="DF22" s="82">
        <v>250</v>
      </c>
      <c r="DG22" s="84">
        <v>2146</v>
      </c>
      <c r="DH22" s="85">
        <v>2867</v>
      </c>
      <c r="DI22" s="86">
        <v>14</v>
      </c>
      <c r="DJ22" s="71">
        <v>10</v>
      </c>
      <c r="DK22" s="72">
        <v>24</v>
      </c>
      <c r="DL22" s="244"/>
      <c r="DM22" s="71">
        <v>14</v>
      </c>
      <c r="DN22" s="71">
        <v>15</v>
      </c>
      <c r="DO22" s="71">
        <v>10</v>
      </c>
      <c r="DP22" s="71">
        <v>0</v>
      </c>
      <c r="DQ22" s="71">
        <v>4</v>
      </c>
      <c r="DR22" s="72">
        <v>43</v>
      </c>
      <c r="DS22" s="73">
        <v>67</v>
      </c>
      <c r="DT22" s="70">
        <v>28</v>
      </c>
      <c r="DU22" s="71">
        <v>35</v>
      </c>
      <c r="DV22" s="72">
        <v>63</v>
      </c>
      <c r="DW22" s="244"/>
      <c r="DX22" s="71">
        <v>45</v>
      </c>
      <c r="DY22" s="71">
        <v>25</v>
      </c>
      <c r="DZ22" s="71">
        <v>15</v>
      </c>
      <c r="EA22" s="71">
        <v>17</v>
      </c>
      <c r="EB22" s="71">
        <v>15</v>
      </c>
      <c r="EC22" s="72">
        <v>117</v>
      </c>
      <c r="ED22" s="73">
        <v>180</v>
      </c>
      <c r="EE22" s="86">
        <v>49</v>
      </c>
      <c r="EF22" s="71">
        <v>60</v>
      </c>
      <c r="EG22" s="72">
        <v>109</v>
      </c>
      <c r="EH22" s="244"/>
      <c r="EI22" s="71">
        <v>95</v>
      </c>
      <c r="EJ22" s="71">
        <v>60</v>
      </c>
      <c r="EK22" s="71">
        <v>41</v>
      </c>
      <c r="EL22" s="71">
        <v>39</v>
      </c>
      <c r="EM22" s="71">
        <v>36</v>
      </c>
      <c r="EN22" s="72">
        <v>271</v>
      </c>
      <c r="EO22" s="73">
        <v>380</v>
      </c>
      <c r="EP22" s="70">
        <v>109</v>
      </c>
      <c r="EQ22" s="71">
        <v>95</v>
      </c>
      <c r="ER22" s="72">
        <v>204</v>
      </c>
      <c r="ES22" s="244"/>
      <c r="ET22" s="71">
        <v>153</v>
      </c>
      <c r="EU22" s="71">
        <v>116</v>
      </c>
      <c r="EV22" s="71">
        <v>74</v>
      </c>
      <c r="EW22" s="71">
        <v>63</v>
      </c>
      <c r="EX22" s="71">
        <v>43</v>
      </c>
      <c r="EY22" s="72">
        <v>449</v>
      </c>
      <c r="EZ22" s="73">
        <v>653</v>
      </c>
      <c r="FA22" s="86">
        <v>86</v>
      </c>
      <c r="FB22" s="71">
        <v>120</v>
      </c>
      <c r="FC22" s="72">
        <v>206</v>
      </c>
      <c r="FD22" s="244"/>
      <c r="FE22" s="71">
        <v>171</v>
      </c>
      <c r="FF22" s="71">
        <v>130</v>
      </c>
      <c r="FG22" s="71">
        <v>114</v>
      </c>
      <c r="FH22" s="71">
        <v>79</v>
      </c>
      <c r="FI22" s="71">
        <v>49</v>
      </c>
      <c r="FJ22" s="72">
        <v>543</v>
      </c>
      <c r="FK22" s="73">
        <v>749</v>
      </c>
      <c r="FL22" s="70">
        <v>40</v>
      </c>
      <c r="FM22" s="71">
        <v>75</v>
      </c>
      <c r="FN22" s="72">
        <v>115</v>
      </c>
      <c r="FO22" s="244"/>
      <c r="FP22" s="71">
        <v>153</v>
      </c>
      <c r="FQ22" s="71">
        <v>145</v>
      </c>
      <c r="FR22" s="71">
        <v>162</v>
      </c>
      <c r="FS22" s="71">
        <v>160</v>
      </c>
      <c r="FT22" s="71">
        <v>103</v>
      </c>
      <c r="FU22" s="72">
        <v>723</v>
      </c>
      <c r="FV22" s="73">
        <v>838</v>
      </c>
      <c r="FW22" s="70">
        <v>3</v>
      </c>
      <c r="FX22" s="71">
        <v>5</v>
      </c>
      <c r="FY22" s="72">
        <v>8</v>
      </c>
      <c r="FZ22" s="244"/>
      <c r="GA22" s="71">
        <v>8</v>
      </c>
      <c r="GB22" s="71">
        <v>10</v>
      </c>
      <c r="GC22" s="71">
        <v>4</v>
      </c>
      <c r="GD22" s="71">
        <v>4</v>
      </c>
      <c r="GE22" s="71">
        <v>4</v>
      </c>
      <c r="GF22" s="72">
        <v>30</v>
      </c>
      <c r="GG22" s="73">
        <v>38</v>
      </c>
      <c r="GH22" s="70">
        <v>329</v>
      </c>
      <c r="GI22" s="71">
        <v>400</v>
      </c>
      <c r="GJ22" s="72">
        <v>729</v>
      </c>
      <c r="GK22" s="244"/>
      <c r="GL22" s="71">
        <v>639</v>
      </c>
      <c r="GM22" s="71">
        <v>501</v>
      </c>
      <c r="GN22" s="71">
        <v>420</v>
      </c>
      <c r="GO22" s="71">
        <v>362</v>
      </c>
      <c r="GP22" s="71">
        <v>254</v>
      </c>
      <c r="GQ22" s="72">
        <v>2176</v>
      </c>
      <c r="GR22" s="73">
        <v>2905</v>
      </c>
      <c r="GS22" s="123">
        <v>500</v>
      </c>
      <c r="GT22" s="82">
        <v>555</v>
      </c>
      <c r="GU22" s="83">
        <v>1055</v>
      </c>
      <c r="GV22" s="241"/>
      <c r="GW22" s="82">
        <v>1004</v>
      </c>
      <c r="GX22" s="82">
        <v>808</v>
      </c>
      <c r="GY22" s="82">
        <v>613</v>
      </c>
      <c r="GZ22" s="82">
        <v>500</v>
      </c>
      <c r="HA22" s="82">
        <v>352</v>
      </c>
      <c r="HB22" s="84">
        <v>3277</v>
      </c>
      <c r="HC22" s="85">
        <v>4332</v>
      </c>
      <c r="HD22" s="86">
        <v>25</v>
      </c>
      <c r="HE22" s="71">
        <v>17</v>
      </c>
      <c r="HF22" s="72">
        <v>42</v>
      </c>
      <c r="HG22" s="244"/>
      <c r="HH22" s="71">
        <v>39</v>
      </c>
      <c r="HI22" s="71">
        <v>33</v>
      </c>
      <c r="HJ22" s="71">
        <v>18</v>
      </c>
      <c r="HK22" s="71">
        <v>10</v>
      </c>
      <c r="HL22" s="71">
        <v>12</v>
      </c>
      <c r="HM22" s="72">
        <v>112</v>
      </c>
      <c r="HN22" s="73">
        <v>154</v>
      </c>
      <c r="HO22" s="70">
        <v>40</v>
      </c>
      <c r="HP22" s="71">
        <v>50</v>
      </c>
      <c r="HQ22" s="72">
        <v>90</v>
      </c>
      <c r="HR22" s="244"/>
      <c r="HS22" s="71">
        <v>88</v>
      </c>
      <c r="HT22" s="71">
        <v>78</v>
      </c>
      <c r="HU22" s="71">
        <v>41</v>
      </c>
      <c r="HV22" s="71">
        <v>31</v>
      </c>
      <c r="HW22" s="71">
        <v>28</v>
      </c>
      <c r="HX22" s="72">
        <v>266</v>
      </c>
      <c r="HY22" s="73">
        <v>356</v>
      </c>
      <c r="HZ22" s="86">
        <v>86</v>
      </c>
      <c r="IA22" s="71">
        <v>83</v>
      </c>
      <c r="IB22" s="72">
        <v>169</v>
      </c>
      <c r="IC22" s="244"/>
      <c r="ID22" s="71">
        <v>153</v>
      </c>
      <c r="IE22" s="71">
        <v>103</v>
      </c>
      <c r="IF22" s="71">
        <v>79</v>
      </c>
      <c r="IG22" s="71">
        <v>66</v>
      </c>
      <c r="IH22" s="71">
        <v>51</v>
      </c>
      <c r="II22" s="72">
        <v>452</v>
      </c>
      <c r="IJ22" s="73">
        <v>621</v>
      </c>
      <c r="IK22" s="70">
        <v>159</v>
      </c>
      <c r="IL22" s="71">
        <v>133</v>
      </c>
      <c r="IM22" s="72">
        <v>292</v>
      </c>
      <c r="IN22" s="244"/>
      <c r="IO22" s="71">
        <v>236</v>
      </c>
      <c r="IP22" s="71">
        <v>183</v>
      </c>
      <c r="IQ22" s="71">
        <v>127</v>
      </c>
      <c r="IR22" s="71">
        <v>107</v>
      </c>
      <c r="IS22" s="71">
        <v>69</v>
      </c>
      <c r="IT22" s="72">
        <v>722</v>
      </c>
      <c r="IU22" s="73">
        <v>1014</v>
      </c>
      <c r="IV22" s="86">
        <v>128</v>
      </c>
      <c r="IW22" s="71">
        <v>165</v>
      </c>
      <c r="IX22" s="72">
        <v>293</v>
      </c>
      <c r="IY22" s="244"/>
      <c r="IZ22" s="71">
        <v>277</v>
      </c>
      <c r="JA22" s="71">
        <v>205</v>
      </c>
      <c r="JB22" s="71">
        <v>156</v>
      </c>
      <c r="JC22" s="71">
        <v>106</v>
      </c>
      <c r="JD22" s="71">
        <v>72</v>
      </c>
      <c r="JE22" s="72">
        <v>816</v>
      </c>
      <c r="JF22" s="73">
        <v>1109</v>
      </c>
      <c r="JG22" s="70">
        <v>62</v>
      </c>
      <c r="JH22" s="71">
        <v>107</v>
      </c>
      <c r="JI22" s="72">
        <v>169</v>
      </c>
      <c r="JJ22" s="244"/>
      <c r="JK22" s="71">
        <v>211</v>
      </c>
      <c r="JL22" s="71">
        <v>206</v>
      </c>
      <c r="JM22" s="71">
        <v>192</v>
      </c>
      <c r="JN22" s="71">
        <v>180</v>
      </c>
      <c r="JO22" s="71">
        <v>120</v>
      </c>
      <c r="JP22" s="72">
        <v>909</v>
      </c>
      <c r="JQ22" s="73">
        <v>1078</v>
      </c>
      <c r="JR22" s="70">
        <v>5</v>
      </c>
      <c r="JS22" s="71">
        <v>17</v>
      </c>
      <c r="JT22" s="72">
        <v>22</v>
      </c>
      <c r="JU22" s="244"/>
      <c r="JV22" s="71">
        <v>21</v>
      </c>
      <c r="JW22" s="71">
        <v>22</v>
      </c>
      <c r="JX22" s="71">
        <v>18</v>
      </c>
      <c r="JY22" s="71">
        <v>13</v>
      </c>
      <c r="JZ22" s="71">
        <v>9</v>
      </c>
      <c r="KA22" s="72">
        <v>83</v>
      </c>
      <c r="KB22" s="73">
        <v>105</v>
      </c>
      <c r="KC22" s="70">
        <v>505</v>
      </c>
      <c r="KD22" s="71">
        <v>572</v>
      </c>
      <c r="KE22" s="72">
        <v>1077</v>
      </c>
      <c r="KF22" s="244"/>
      <c r="KG22" s="71">
        <v>1025</v>
      </c>
      <c r="KH22" s="71">
        <v>830</v>
      </c>
      <c r="KI22" s="71">
        <v>631</v>
      </c>
      <c r="KJ22" s="71">
        <v>513</v>
      </c>
      <c r="KK22" s="71">
        <v>361</v>
      </c>
      <c r="KL22" s="72">
        <v>3360</v>
      </c>
      <c r="KM22" s="73">
        <v>4437</v>
      </c>
    </row>
    <row r="23" spans="2:299" ht="19.8" customHeight="1" x14ac:dyDescent="0.2">
      <c r="B23" s="126" t="s">
        <v>20</v>
      </c>
      <c r="C23" s="316">
        <v>245</v>
      </c>
      <c r="D23" s="82">
        <v>319</v>
      </c>
      <c r="E23" s="83">
        <v>564</v>
      </c>
      <c r="F23" s="241"/>
      <c r="G23" s="82">
        <v>567</v>
      </c>
      <c r="H23" s="82">
        <v>329</v>
      </c>
      <c r="I23" s="82">
        <v>256</v>
      </c>
      <c r="J23" s="82">
        <v>200</v>
      </c>
      <c r="K23" s="82">
        <v>98</v>
      </c>
      <c r="L23" s="84">
        <v>1450</v>
      </c>
      <c r="M23" s="85">
        <v>2014</v>
      </c>
      <c r="N23" s="70">
        <v>13</v>
      </c>
      <c r="O23" s="71">
        <v>8</v>
      </c>
      <c r="P23" s="72">
        <v>21</v>
      </c>
      <c r="Q23" s="244"/>
      <c r="R23" s="71">
        <v>26</v>
      </c>
      <c r="S23" s="71">
        <v>16</v>
      </c>
      <c r="T23" s="71">
        <v>15</v>
      </c>
      <c r="U23" s="71">
        <v>12</v>
      </c>
      <c r="V23" s="71">
        <v>7</v>
      </c>
      <c r="W23" s="72">
        <v>76</v>
      </c>
      <c r="X23" s="73">
        <v>97</v>
      </c>
      <c r="Y23" s="70">
        <v>28</v>
      </c>
      <c r="Z23" s="71">
        <v>32</v>
      </c>
      <c r="AA23" s="72">
        <v>60</v>
      </c>
      <c r="AB23" s="244"/>
      <c r="AC23" s="71">
        <v>72</v>
      </c>
      <c r="AD23" s="71">
        <v>43</v>
      </c>
      <c r="AE23" s="71">
        <v>31</v>
      </c>
      <c r="AF23" s="71">
        <v>28</v>
      </c>
      <c r="AG23" s="71">
        <v>20</v>
      </c>
      <c r="AH23" s="72">
        <v>194</v>
      </c>
      <c r="AI23" s="73">
        <v>254</v>
      </c>
      <c r="AJ23" s="70">
        <v>50</v>
      </c>
      <c r="AK23" s="71">
        <v>59</v>
      </c>
      <c r="AL23" s="72">
        <v>109</v>
      </c>
      <c r="AM23" s="244"/>
      <c r="AN23" s="71">
        <v>84</v>
      </c>
      <c r="AO23" s="71">
        <v>56</v>
      </c>
      <c r="AP23" s="71">
        <v>41</v>
      </c>
      <c r="AQ23" s="71">
        <v>41</v>
      </c>
      <c r="AR23" s="71">
        <v>22</v>
      </c>
      <c r="AS23" s="72">
        <v>244</v>
      </c>
      <c r="AT23" s="73">
        <v>353</v>
      </c>
      <c r="AU23" s="70">
        <v>58</v>
      </c>
      <c r="AV23" s="71">
        <v>103</v>
      </c>
      <c r="AW23" s="72">
        <v>161</v>
      </c>
      <c r="AX23" s="244"/>
      <c r="AY23" s="71">
        <v>167</v>
      </c>
      <c r="AZ23" s="71">
        <v>92</v>
      </c>
      <c r="BA23" s="71">
        <v>74</v>
      </c>
      <c r="BB23" s="71">
        <v>52</v>
      </c>
      <c r="BC23" s="71">
        <v>26</v>
      </c>
      <c r="BD23" s="72">
        <v>411</v>
      </c>
      <c r="BE23" s="73">
        <v>572</v>
      </c>
      <c r="BF23" s="70">
        <v>62</v>
      </c>
      <c r="BG23" s="71">
        <v>77</v>
      </c>
      <c r="BH23" s="72">
        <v>139</v>
      </c>
      <c r="BI23" s="244"/>
      <c r="BJ23" s="71">
        <v>150</v>
      </c>
      <c r="BK23" s="71">
        <v>82</v>
      </c>
      <c r="BL23" s="71">
        <v>55</v>
      </c>
      <c r="BM23" s="71">
        <v>42</v>
      </c>
      <c r="BN23" s="71">
        <v>16</v>
      </c>
      <c r="BO23" s="72">
        <v>345</v>
      </c>
      <c r="BP23" s="73">
        <v>484</v>
      </c>
      <c r="BQ23" s="70">
        <v>34</v>
      </c>
      <c r="BR23" s="71">
        <v>40</v>
      </c>
      <c r="BS23" s="72">
        <v>74</v>
      </c>
      <c r="BT23" s="244"/>
      <c r="BU23" s="71">
        <v>68</v>
      </c>
      <c r="BV23" s="71">
        <v>40</v>
      </c>
      <c r="BW23" s="71">
        <v>40</v>
      </c>
      <c r="BX23" s="71">
        <v>25</v>
      </c>
      <c r="BY23" s="71">
        <v>7</v>
      </c>
      <c r="BZ23" s="72">
        <v>180</v>
      </c>
      <c r="CA23" s="73">
        <v>254</v>
      </c>
      <c r="CB23" s="70">
        <v>5</v>
      </c>
      <c r="CC23" s="71">
        <v>16</v>
      </c>
      <c r="CD23" s="72">
        <v>21</v>
      </c>
      <c r="CE23" s="244"/>
      <c r="CF23" s="71">
        <v>28</v>
      </c>
      <c r="CG23" s="71">
        <v>10</v>
      </c>
      <c r="CH23" s="71">
        <v>14</v>
      </c>
      <c r="CI23" s="71">
        <v>13</v>
      </c>
      <c r="CJ23" s="71">
        <v>3</v>
      </c>
      <c r="CK23" s="72">
        <v>68</v>
      </c>
      <c r="CL23" s="73">
        <v>89</v>
      </c>
      <c r="CM23" s="70">
        <v>250</v>
      </c>
      <c r="CN23" s="71">
        <v>335</v>
      </c>
      <c r="CO23" s="72">
        <v>585</v>
      </c>
      <c r="CP23" s="244"/>
      <c r="CQ23" s="71">
        <v>595</v>
      </c>
      <c r="CR23" s="71">
        <v>339</v>
      </c>
      <c r="CS23" s="71">
        <v>270</v>
      </c>
      <c r="CT23" s="71">
        <v>213</v>
      </c>
      <c r="CU23" s="71">
        <v>101</v>
      </c>
      <c r="CV23" s="72">
        <v>1518</v>
      </c>
      <c r="CW23" s="73">
        <v>2103</v>
      </c>
      <c r="CX23" s="123">
        <v>470</v>
      </c>
      <c r="CY23" s="82">
        <v>582</v>
      </c>
      <c r="CZ23" s="83">
        <v>1052</v>
      </c>
      <c r="DA23" s="241"/>
      <c r="DB23" s="82">
        <v>819</v>
      </c>
      <c r="DC23" s="82">
        <v>506</v>
      </c>
      <c r="DD23" s="82">
        <v>461</v>
      </c>
      <c r="DE23" s="82">
        <v>417</v>
      </c>
      <c r="DF23" s="82">
        <v>253</v>
      </c>
      <c r="DG23" s="84">
        <v>2456</v>
      </c>
      <c r="DH23" s="85">
        <v>3508</v>
      </c>
      <c r="DI23" s="70">
        <v>9</v>
      </c>
      <c r="DJ23" s="71">
        <v>12</v>
      </c>
      <c r="DK23" s="72">
        <v>21</v>
      </c>
      <c r="DL23" s="244"/>
      <c r="DM23" s="71">
        <v>19</v>
      </c>
      <c r="DN23" s="71">
        <v>12</v>
      </c>
      <c r="DO23" s="71">
        <v>8</v>
      </c>
      <c r="DP23" s="71">
        <v>14</v>
      </c>
      <c r="DQ23" s="71">
        <v>3</v>
      </c>
      <c r="DR23" s="72">
        <v>56</v>
      </c>
      <c r="DS23" s="73">
        <v>77</v>
      </c>
      <c r="DT23" s="70">
        <v>44</v>
      </c>
      <c r="DU23" s="71">
        <v>41</v>
      </c>
      <c r="DV23" s="72">
        <v>85</v>
      </c>
      <c r="DW23" s="244"/>
      <c r="DX23" s="71">
        <v>64</v>
      </c>
      <c r="DY23" s="71">
        <v>28</v>
      </c>
      <c r="DZ23" s="71">
        <v>24</v>
      </c>
      <c r="EA23" s="71">
        <v>22</v>
      </c>
      <c r="EB23" s="71">
        <v>25</v>
      </c>
      <c r="EC23" s="72">
        <v>163</v>
      </c>
      <c r="ED23" s="73">
        <v>248</v>
      </c>
      <c r="EE23" s="70">
        <v>88</v>
      </c>
      <c r="EF23" s="71">
        <v>82</v>
      </c>
      <c r="EG23" s="72">
        <v>170</v>
      </c>
      <c r="EH23" s="244"/>
      <c r="EI23" s="71">
        <v>135</v>
      </c>
      <c r="EJ23" s="71">
        <v>62</v>
      </c>
      <c r="EK23" s="71">
        <v>35</v>
      </c>
      <c r="EL23" s="71">
        <v>37</v>
      </c>
      <c r="EM23" s="71">
        <v>38</v>
      </c>
      <c r="EN23" s="72">
        <v>307</v>
      </c>
      <c r="EO23" s="73">
        <v>477</v>
      </c>
      <c r="EP23" s="70">
        <v>140</v>
      </c>
      <c r="EQ23" s="71">
        <v>176</v>
      </c>
      <c r="ER23" s="72">
        <v>316</v>
      </c>
      <c r="ES23" s="244"/>
      <c r="ET23" s="71">
        <v>189</v>
      </c>
      <c r="EU23" s="71">
        <v>116</v>
      </c>
      <c r="EV23" s="71">
        <v>104</v>
      </c>
      <c r="EW23" s="71">
        <v>74</v>
      </c>
      <c r="EX23" s="71">
        <v>42</v>
      </c>
      <c r="EY23" s="72">
        <v>525</v>
      </c>
      <c r="EZ23" s="73">
        <v>841</v>
      </c>
      <c r="FA23" s="70">
        <v>139</v>
      </c>
      <c r="FB23" s="71">
        <v>155</v>
      </c>
      <c r="FC23" s="72">
        <v>294</v>
      </c>
      <c r="FD23" s="244"/>
      <c r="FE23" s="71">
        <v>215</v>
      </c>
      <c r="FF23" s="71">
        <v>138</v>
      </c>
      <c r="FG23" s="71">
        <v>133</v>
      </c>
      <c r="FH23" s="71">
        <v>110</v>
      </c>
      <c r="FI23" s="71">
        <v>66</v>
      </c>
      <c r="FJ23" s="72">
        <v>662</v>
      </c>
      <c r="FK23" s="73">
        <v>956</v>
      </c>
      <c r="FL23" s="70">
        <v>50</v>
      </c>
      <c r="FM23" s="71">
        <v>116</v>
      </c>
      <c r="FN23" s="72">
        <v>166</v>
      </c>
      <c r="FO23" s="244"/>
      <c r="FP23" s="71">
        <v>197</v>
      </c>
      <c r="FQ23" s="71">
        <v>150</v>
      </c>
      <c r="FR23" s="71">
        <v>157</v>
      </c>
      <c r="FS23" s="71">
        <v>160</v>
      </c>
      <c r="FT23" s="71">
        <v>79</v>
      </c>
      <c r="FU23" s="72">
        <v>743</v>
      </c>
      <c r="FV23" s="73">
        <v>909</v>
      </c>
      <c r="FW23" s="70">
        <v>6</v>
      </c>
      <c r="FX23" s="71">
        <v>14</v>
      </c>
      <c r="FY23" s="72">
        <v>20</v>
      </c>
      <c r="FZ23" s="244"/>
      <c r="GA23" s="71">
        <v>16</v>
      </c>
      <c r="GB23" s="71">
        <v>13</v>
      </c>
      <c r="GC23" s="71">
        <v>7</v>
      </c>
      <c r="GD23" s="71">
        <v>8</v>
      </c>
      <c r="GE23" s="71">
        <v>5</v>
      </c>
      <c r="GF23" s="72">
        <v>49</v>
      </c>
      <c r="GG23" s="73">
        <v>69</v>
      </c>
      <c r="GH23" s="70">
        <v>476</v>
      </c>
      <c r="GI23" s="71">
        <v>596</v>
      </c>
      <c r="GJ23" s="72">
        <v>1072</v>
      </c>
      <c r="GK23" s="244"/>
      <c r="GL23" s="71">
        <v>835</v>
      </c>
      <c r="GM23" s="71">
        <v>519</v>
      </c>
      <c r="GN23" s="71">
        <v>468</v>
      </c>
      <c r="GO23" s="71">
        <v>425</v>
      </c>
      <c r="GP23" s="71">
        <v>258</v>
      </c>
      <c r="GQ23" s="72">
        <v>2505</v>
      </c>
      <c r="GR23" s="73">
        <v>3577</v>
      </c>
      <c r="GS23" s="123">
        <v>715</v>
      </c>
      <c r="GT23" s="82">
        <v>901</v>
      </c>
      <c r="GU23" s="83">
        <v>1616</v>
      </c>
      <c r="GV23" s="241"/>
      <c r="GW23" s="82">
        <v>1386</v>
      </c>
      <c r="GX23" s="82">
        <v>835</v>
      </c>
      <c r="GY23" s="82">
        <v>717</v>
      </c>
      <c r="GZ23" s="82">
        <v>617</v>
      </c>
      <c r="HA23" s="82">
        <v>351</v>
      </c>
      <c r="HB23" s="84">
        <v>3906</v>
      </c>
      <c r="HC23" s="85">
        <v>5522</v>
      </c>
      <c r="HD23" s="70">
        <v>22</v>
      </c>
      <c r="HE23" s="71">
        <v>20</v>
      </c>
      <c r="HF23" s="72">
        <v>42</v>
      </c>
      <c r="HG23" s="244"/>
      <c r="HH23" s="71">
        <v>45</v>
      </c>
      <c r="HI23" s="71">
        <v>28</v>
      </c>
      <c r="HJ23" s="71">
        <v>23</v>
      </c>
      <c r="HK23" s="71">
        <v>26</v>
      </c>
      <c r="HL23" s="71">
        <v>10</v>
      </c>
      <c r="HM23" s="72">
        <v>132</v>
      </c>
      <c r="HN23" s="73">
        <v>174</v>
      </c>
      <c r="HO23" s="70">
        <v>72</v>
      </c>
      <c r="HP23" s="71">
        <v>73</v>
      </c>
      <c r="HQ23" s="72">
        <v>145</v>
      </c>
      <c r="HR23" s="244"/>
      <c r="HS23" s="71">
        <v>136</v>
      </c>
      <c r="HT23" s="71">
        <v>71</v>
      </c>
      <c r="HU23" s="71">
        <v>55</v>
      </c>
      <c r="HV23" s="71">
        <v>50</v>
      </c>
      <c r="HW23" s="71">
        <v>45</v>
      </c>
      <c r="HX23" s="72">
        <v>357</v>
      </c>
      <c r="HY23" s="73">
        <v>502</v>
      </c>
      <c r="HZ23" s="70">
        <v>138</v>
      </c>
      <c r="IA23" s="71">
        <v>141</v>
      </c>
      <c r="IB23" s="72">
        <v>279</v>
      </c>
      <c r="IC23" s="244"/>
      <c r="ID23" s="71">
        <v>219</v>
      </c>
      <c r="IE23" s="71">
        <v>118</v>
      </c>
      <c r="IF23" s="71">
        <v>76</v>
      </c>
      <c r="IG23" s="71">
        <v>78</v>
      </c>
      <c r="IH23" s="71">
        <v>60</v>
      </c>
      <c r="II23" s="72">
        <v>551</v>
      </c>
      <c r="IJ23" s="73">
        <v>830</v>
      </c>
      <c r="IK23" s="70">
        <v>198</v>
      </c>
      <c r="IL23" s="71">
        <v>279</v>
      </c>
      <c r="IM23" s="72">
        <v>477</v>
      </c>
      <c r="IN23" s="244"/>
      <c r="IO23" s="71">
        <v>356</v>
      </c>
      <c r="IP23" s="71">
        <v>208</v>
      </c>
      <c r="IQ23" s="71">
        <v>178</v>
      </c>
      <c r="IR23" s="71">
        <v>126</v>
      </c>
      <c r="IS23" s="71">
        <v>68</v>
      </c>
      <c r="IT23" s="72">
        <v>936</v>
      </c>
      <c r="IU23" s="73">
        <v>1413</v>
      </c>
      <c r="IV23" s="70">
        <v>201</v>
      </c>
      <c r="IW23" s="71">
        <v>232</v>
      </c>
      <c r="IX23" s="72">
        <v>433</v>
      </c>
      <c r="IY23" s="244"/>
      <c r="IZ23" s="71">
        <v>365</v>
      </c>
      <c r="JA23" s="71">
        <v>220</v>
      </c>
      <c r="JB23" s="71">
        <v>188</v>
      </c>
      <c r="JC23" s="71">
        <v>152</v>
      </c>
      <c r="JD23" s="71">
        <v>82</v>
      </c>
      <c r="JE23" s="72">
        <v>1007</v>
      </c>
      <c r="JF23" s="73">
        <v>1440</v>
      </c>
      <c r="JG23" s="70">
        <v>84</v>
      </c>
      <c r="JH23" s="71">
        <v>156</v>
      </c>
      <c r="JI23" s="72">
        <v>240</v>
      </c>
      <c r="JJ23" s="244"/>
      <c r="JK23" s="71">
        <v>265</v>
      </c>
      <c r="JL23" s="71">
        <v>190</v>
      </c>
      <c r="JM23" s="71">
        <v>197</v>
      </c>
      <c r="JN23" s="71">
        <v>185</v>
      </c>
      <c r="JO23" s="71">
        <v>86</v>
      </c>
      <c r="JP23" s="72">
        <v>923</v>
      </c>
      <c r="JQ23" s="73">
        <v>1163</v>
      </c>
      <c r="JR23" s="70">
        <v>11</v>
      </c>
      <c r="JS23" s="71">
        <v>30</v>
      </c>
      <c r="JT23" s="72">
        <v>41</v>
      </c>
      <c r="JU23" s="244"/>
      <c r="JV23" s="71">
        <v>44</v>
      </c>
      <c r="JW23" s="71">
        <v>23</v>
      </c>
      <c r="JX23" s="71">
        <v>21</v>
      </c>
      <c r="JY23" s="71">
        <v>21</v>
      </c>
      <c r="JZ23" s="71">
        <v>8</v>
      </c>
      <c r="KA23" s="72">
        <v>117</v>
      </c>
      <c r="KB23" s="73">
        <v>158</v>
      </c>
      <c r="KC23" s="70">
        <v>726</v>
      </c>
      <c r="KD23" s="71">
        <v>931</v>
      </c>
      <c r="KE23" s="72">
        <v>1657</v>
      </c>
      <c r="KF23" s="244"/>
      <c r="KG23" s="71">
        <v>1430</v>
      </c>
      <c r="KH23" s="71">
        <v>858</v>
      </c>
      <c r="KI23" s="71">
        <v>738</v>
      </c>
      <c r="KJ23" s="71">
        <v>638</v>
      </c>
      <c r="KK23" s="71">
        <v>359</v>
      </c>
      <c r="KL23" s="72">
        <v>4023</v>
      </c>
      <c r="KM23" s="73">
        <v>5680</v>
      </c>
    </row>
    <row r="24" spans="2:299" ht="19.8" customHeight="1" x14ac:dyDescent="0.2">
      <c r="B24" s="126" t="s">
        <v>21</v>
      </c>
      <c r="C24" s="316">
        <v>294</v>
      </c>
      <c r="D24" s="82">
        <v>241</v>
      </c>
      <c r="E24" s="83">
        <v>535</v>
      </c>
      <c r="F24" s="241"/>
      <c r="G24" s="82">
        <v>417</v>
      </c>
      <c r="H24" s="82">
        <v>421</v>
      </c>
      <c r="I24" s="82">
        <v>302</v>
      </c>
      <c r="J24" s="82">
        <v>225</v>
      </c>
      <c r="K24" s="82">
        <v>126</v>
      </c>
      <c r="L24" s="84">
        <v>1491</v>
      </c>
      <c r="M24" s="85">
        <v>2026</v>
      </c>
      <c r="N24" s="70">
        <v>14</v>
      </c>
      <c r="O24" s="71">
        <v>15</v>
      </c>
      <c r="P24" s="72">
        <v>29</v>
      </c>
      <c r="Q24" s="244"/>
      <c r="R24" s="71">
        <v>18</v>
      </c>
      <c r="S24" s="71">
        <v>17</v>
      </c>
      <c r="T24" s="71">
        <v>13</v>
      </c>
      <c r="U24" s="71">
        <v>20</v>
      </c>
      <c r="V24" s="71">
        <v>13</v>
      </c>
      <c r="W24" s="72">
        <v>81</v>
      </c>
      <c r="X24" s="73">
        <v>110</v>
      </c>
      <c r="Y24" s="70">
        <v>37</v>
      </c>
      <c r="Z24" s="71">
        <v>32</v>
      </c>
      <c r="AA24" s="72">
        <v>69</v>
      </c>
      <c r="AB24" s="244"/>
      <c r="AC24" s="71">
        <v>42</v>
      </c>
      <c r="AD24" s="71">
        <v>49</v>
      </c>
      <c r="AE24" s="71">
        <v>37</v>
      </c>
      <c r="AF24" s="71">
        <v>32</v>
      </c>
      <c r="AG24" s="71">
        <v>16</v>
      </c>
      <c r="AH24" s="72">
        <v>176</v>
      </c>
      <c r="AI24" s="73">
        <v>245</v>
      </c>
      <c r="AJ24" s="70">
        <v>50</v>
      </c>
      <c r="AK24" s="71">
        <v>46</v>
      </c>
      <c r="AL24" s="72">
        <v>96</v>
      </c>
      <c r="AM24" s="244"/>
      <c r="AN24" s="71">
        <v>68</v>
      </c>
      <c r="AO24" s="71">
        <v>82</v>
      </c>
      <c r="AP24" s="71">
        <v>57</v>
      </c>
      <c r="AQ24" s="71">
        <v>38</v>
      </c>
      <c r="AR24" s="71">
        <v>18</v>
      </c>
      <c r="AS24" s="72">
        <v>263</v>
      </c>
      <c r="AT24" s="73">
        <v>359</v>
      </c>
      <c r="AU24" s="70">
        <v>77</v>
      </c>
      <c r="AV24" s="71">
        <v>62</v>
      </c>
      <c r="AW24" s="72">
        <v>139</v>
      </c>
      <c r="AX24" s="244"/>
      <c r="AY24" s="71">
        <v>109</v>
      </c>
      <c r="AZ24" s="71">
        <v>121</v>
      </c>
      <c r="BA24" s="71">
        <v>75</v>
      </c>
      <c r="BB24" s="71">
        <v>41</v>
      </c>
      <c r="BC24" s="71">
        <v>36</v>
      </c>
      <c r="BD24" s="72">
        <v>382</v>
      </c>
      <c r="BE24" s="73">
        <v>521</v>
      </c>
      <c r="BF24" s="70">
        <v>77</v>
      </c>
      <c r="BG24" s="71">
        <v>61</v>
      </c>
      <c r="BH24" s="72">
        <v>138</v>
      </c>
      <c r="BI24" s="244"/>
      <c r="BJ24" s="71">
        <v>127</v>
      </c>
      <c r="BK24" s="71">
        <v>94</v>
      </c>
      <c r="BL24" s="71">
        <v>70</v>
      </c>
      <c r="BM24" s="71">
        <v>65</v>
      </c>
      <c r="BN24" s="71">
        <v>23</v>
      </c>
      <c r="BO24" s="72">
        <v>379</v>
      </c>
      <c r="BP24" s="73">
        <v>517</v>
      </c>
      <c r="BQ24" s="70">
        <v>39</v>
      </c>
      <c r="BR24" s="71">
        <v>25</v>
      </c>
      <c r="BS24" s="72">
        <v>64</v>
      </c>
      <c r="BT24" s="244"/>
      <c r="BU24" s="71">
        <v>53</v>
      </c>
      <c r="BV24" s="71">
        <v>58</v>
      </c>
      <c r="BW24" s="71">
        <v>50</v>
      </c>
      <c r="BX24" s="71">
        <v>29</v>
      </c>
      <c r="BY24" s="71">
        <v>20</v>
      </c>
      <c r="BZ24" s="72">
        <v>210</v>
      </c>
      <c r="CA24" s="73">
        <v>274</v>
      </c>
      <c r="CB24" s="70">
        <v>5</v>
      </c>
      <c r="CC24" s="71">
        <v>14</v>
      </c>
      <c r="CD24" s="72">
        <v>19</v>
      </c>
      <c r="CE24" s="244"/>
      <c r="CF24" s="71">
        <v>10</v>
      </c>
      <c r="CG24" s="71">
        <v>18</v>
      </c>
      <c r="CH24" s="71">
        <v>7</v>
      </c>
      <c r="CI24" s="71">
        <v>8</v>
      </c>
      <c r="CJ24" s="71">
        <v>11</v>
      </c>
      <c r="CK24" s="72">
        <v>54</v>
      </c>
      <c r="CL24" s="73">
        <v>73</v>
      </c>
      <c r="CM24" s="70">
        <v>299</v>
      </c>
      <c r="CN24" s="71">
        <v>255</v>
      </c>
      <c r="CO24" s="72">
        <v>554</v>
      </c>
      <c r="CP24" s="244"/>
      <c r="CQ24" s="71">
        <v>427</v>
      </c>
      <c r="CR24" s="71">
        <v>439</v>
      </c>
      <c r="CS24" s="71">
        <v>309</v>
      </c>
      <c r="CT24" s="71">
        <v>233</v>
      </c>
      <c r="CU24" s="71">
        <v>137</v>
      </c>
      <c r="CV24" s="72">
        <v>1545</v>
      </c>
      <c r="CW24" s="73">
        <v>2099</v>
      </c>
      <c r="CX24" s="123">
        <v>522</v>
      </c>
      <c r="CY24" s="82">
        <v>577</v>
      </c>
      <c r="CZ24" s="83">
        <v>1099</v>
      </c>
      <c r="DA24" s="241"/>
      <c r="DB24" s="82">
        <v>696</v>
      </c>
      <c r="DC24" s="82">
        <v>729</v>
      </c>
      <c r="DD24" s="82">
        <v>544</v>
      </c>
      <c r="DE24" s="82">
        <v>439</v>
      </c>
      <c r="DF24" s="82">
        <v>346</v>
      </c>
      <c r="DG24" s="84">
        <v>2754</v>
      </c>
      <c r="DH24" s="85">
        <v>3853</v>
      </c>
      <c r="DI24" s="70">
        <v>11</v>
      </c>
      <c r="DJ24" s="71">
        <v>18</v>
      </c>
      <c r="DK24" s="72">
        <v>29</v>
      </c>
      <c r="DL24" s="244"/>
      <c r="DM24" s="71">
        <v>14</v>
      </c>
      <c r="DN24" s="71">
        <v>18</v>
      </c>
      <c r="DO24" s="71">
        <v>16</v>
      </c>
      <c r="DP24" s="71">
        <v>12</v>
      </c>
      <c r="DQ24" s="71">
        <v>9</v>
      </c>
      <c r="DR24" s="72">
        <v>69</v>
      </c>
      <c r="DS24" s="73">
        <v>98</v>
      </c>
      <c r="DT24" s="70">
        <v>46</v>
      </c>
      <c r="DU24" s="71">
        <v>53</v>
      </c>
      <c r="DV24" s="72">
        <v>99</v>
      </c>
      <c r="DW24" s="244"/>
      <c r="DX24" s="71">
        <v>39</v>
      </c>
      <c r="DY24" s="71">
        <v>40</v>
      </c>
      <c r="DZ24" s="71">
        <v>30</v>
      </c>
      <c r="EA24" s="71">
        <v>28</v>
      </c>
      <c r="EB24" s="71">
        <v>29</v>
      </c>
      <c r="EC24" s="72">
        <v>166</v>
      </c>
      <c r="ED24" s="73">
        <v>265</v>
      </c>
      <c r="EE24" s="70">
        <v>87</v>
      </c>
      <c r="EF24" s="71">
        <v>97</v>
      </c>
      <c r="EG24" s="72">
        <v>184</v>
      </c>
      <c r="EH24" s="244"/>
      <c r="EI24" s="71">
        <v>101</v>
      </c>
      <c r="EJ24" s="71">
        <v>91</v>
      </c>
      <c r="EK24" s="71">
        <v>55</v>
      </c>
      <c r="EL24" s="71">
        <v>47</v>
      </c>
      <c r="EM24" s="71">
        <v>34</v>
      </c>
      <c r="EN24" s="72">
        <v>328</v>
      </c>
      <c r="EO24" s="73">
        <v>512</v>
      </c>
      <c r="EP24" s="70">
        <v>172</v>
      </c>
      <c r="EQ24" s="71">
        <v>154</v>
      </c>
      <c r="ER24" s="72">
        <v>326</v>
      </c>
      <c r="ES24" s="244"/>
      <c r="ET24" s="71">
        <v>203</v>
      </c>
      <c r="EU24" s="71">
        <v>158</v>
      </c>
      <c r="EV24" s="71">
        <v>110</v>
      </c>
      <c r="EW24" s="71">
        <v>90</v>
      </c>
      <c r="EX24" s="71">
        <v>88</v>
      </c>
      <c r="EY24" s="72">
        <v>649</v>
      </c>
      <c r="EZ24" s="73">
        <v>975</v>
      </c>
      <c r="FA24" s="70">
        <v>136</v>
      </c>
      <c r="FB24" s="71">
        <v>168</v>
      </c>
      <c r="FC24" s="72">
        <v>304</v>
      </c>
      <c r="FD24" s="244"/>
      <c r="FE24" s="71">
        <v>186</v>
      </c>
      <c r="FF24" s="71">
        <v>209</v>
      </c>
      <c r="FG24" s="71">
        <v>159</v>
      </c>
      <c r="FH24" s="71">
        <v>112</v>
      </c>
      <c r="FI24" s="71">
        <v>85</v>
      </c>
      <c r="FJ24" s="72">
        <v>751</v>
      </c>
      <c r="FK24" s="73">
        <v>1055</v>
      </c>
      <c r="FL24" s="70">
        <v>70</v>
      </c>
      <c r="FM24" s="71">
        <v>87</v>
      </c>
      <c r="FN24" s="72">
        <v>157</v>
      </c>
      <c r="FO24" s="244"/>
      <c r="FP24" s="71">
        <v>153</v>
      </c>
      <c r="FQ24" s="71">
        <v>213</v>
      </c>
      <c r="FR24" s="71">
        <v>174</v>
      </c>
      <c r="FS24" s="71">
        <v>150</v>
      </c>
      <c r="FT24" s="71">
        <v>101</v>
      </c>
      <c r="FU24" s="72">
        <v>791</v>
      </c>
      <c r="FV24" s="73">
        <v>948</v>
      </c>
      <c r="FW24" s="70">
        <v>10</v>
      </c>
      <c r="FX24" s="71">
        <v>10</v>
      </c>
      <c r="FY24" s="72">
        <v>20</v>
      </c>
      <c r="FZ24" s="244"/>
      <c r="GA24" s="71">
        <v>7</v>
      </c>
      <c r="GB24" s="71">
        <v>22</v>
      </c>
      <c r="GC24" s="71">
        <v>10</v>
      </c>
      <c r="GD24" s="71">
        <v>6</v>
      </c>
      <c r="GE24" s="71">
        <v>7</v>
      </c>
      <c r="GF24" s="72">
        <v>52</v>
      </c>
      <c r="GG24" s="73">
        <v>72</v>
      </c>
      <c r="GH24" s="70">
        <v>532</v>
      </c>
      <c r="GI24" s="71">
        <v>587</v>
      </c>
      <c r="GJ24" s="72">
        <v>1119</v>
      </c>
      <c r="GK24" s="244"/>
      <c r="GL24" s="71">
        <v>703</v>
      </c>
      <c r="GM24" s="71">
        <v>751</v>
      </c>
      <c r="GN24" s="71">
        <v>554</v>
      </c>
      <c r="GO24" s="71">
        <v>445</v>
      </c>
      <c r="GP24" s="71">
        <v>353</v>
      </c>
      <c r="GQ24" s="72">
        <v>2806</v>
      </c>
      <c r="GR24" s="73">
        <v>3925</v>
      </c>
      <c r="GS24" s="123">
        <v>816</v>
      </c>
      <c r="GT24" s="82">
        <v>818</v>
      </c>
      <c r="GU24" s="83">
        <v>1634</v>
      </c>
      <c r="GV24" s="241"/>
      <c r="GW24" s="82">
        <v>1113</v>
      </c>
      <c r="GX24" s="82">
        <v>1150</v>
      </c>
      <c r="GY24" s="82">
        <v>846</v>
      </c>
      <c r="GZ24" s="82">
        <v>664</v>
      </c>
      <c r="HA24" s="82">
        <v>472</v>
      </c>
      <c r="HB24" s="84">
        <v>4245</v>
      </c>
      <c r="HC24" s="85">
        <v>5879</v>
      </c>
      <c r="HD24" s="70">
        <v>25</v>
      </c>
      <c r="HE24" s="71">
        <v>33</v>
      </c>
      <c r="HF24" s="72">
        <v>58</v>
      </c>
      <c r="HG24" s="244"/>
      <c r="HH24" s="71">
        <v>32</v>
      </c>
      <c r="HI24" s="71">
        <v>35</v>
      </c>
      <c r="HJ24" s="71">
        <v>29</v>
      </c>
      <c r="HK24" s="71">
        <v>32</v>
      </c>
      <c r="HL24" s="71">
        <v>22</v>
      </c>
      <c r="HM24" s="72">
        <v>150</v>
      </c>
      <c r="HN24" s="73">
        <v>208</v>
      </c>
      <c r="HO24" s="70">
        <v>83</v>
      </c>
      <c r="HP24" s="71">
        <v>85</v>
      </c>
      <c r="HQ24" s="72">
        <v>168</v>
      </c>
      <c r="HR24" s="244"/>
      <c r="HS24" s="71">
        <v>81</v>
      </c>
      <c r="HT24" s="71">
        <v>89</v>
      </c>
      <c r="HU24" s="71">
        <v>67</v>
      </c>
      <c r="HV24" s="71">
        <v>60</v>
      </c>
      <c r="HW24" s="71">
        <v>45</v>
      </c>
      <c r="HX24" s="72">
        <v>342</v>
      </c>
      <c r="HY24" s="73">
        <v>510</v>
      </c>
      <c r="HZ24" s="70">
        <v>137</v>
      </c>
      <c r="IA24" s="71">
        <v>143</v>
      </c>
      <c r="IB24" s="72">
        <v>280</v>
      </c>
      <c r="IC24" s="244"/>
      <c r="ID24" s="71">
        <v>169</v>
      </c>
      <c r="IE24" s="71">
        <v>173</v>
      </c>
      <c r="IF24" s="71">
        <v>112</v>
      </c>
      <c r="IG24" s="71">
        <v>85</v>
      </c>
      <c r="IH24" s="71">
        <v>52</v>
      </c>
      <c r="II24" s="72">
        <v>591</v>
      </c>
      <c r="IJ24" s="73">
        <v>871</v>
      </c>
      <c r="IK24" s="70">
        <v>249</v>
      </c>
      <c r="IL24" s="71">
        <v>216</v>
      </c>
      <c r="IM24" s="72">
        <v>465</v>
      </c>
      <c r="IN24" s="244"/>
      <c r="IO24" s="71">
        <v>312</v>
      </c>
      <c r="IP24" s="71">
        <v>279</v>
      </c>
      <c r="IQ24" s="71">
        <v>185</v>
      </c>
      <c r="IR24" s="71">
        <v>131</v>
      </c>
      <c r="IS24" s="71">
        <v>124</v>
      </c>
      <c r="IT24" s="72">
        <v>1031</v>
      </c>
      <c r="IU24" s="73">
        <v>1496</v>
      </c>
      <c r="IV24" s="70">
        <v>213</v>
      </c>
      <c r="IW24" s="71">
        <v>229</v>
      </c>
      <c r="IX24" s="72">
        <v>442</v>
      </c>
      <c r="IY24" s="244"/>
      <c r="IZ24" s="71">
        <v>313</v>
      </c>
      <c r="JA24" s="71">
        <v>303</v>
      </c>
      <c r="JB24" s="71">
        <v>229</v>
      </c>
      <c r="JC24" s="71">
        <v>177</v>
      </c>
      <c r="JD24" s="71">
        <v>108</v>
      </c>
      <c r="JE24" s="72">
        <v>1130</v>
      </c>
      <c r="JF24" s="73">
        <v>1572</v>
      </c>
      <c r="JG24" s="70">
        <v>109</v>
      </c>
      <c r="JH24" s="71">
        <v>112</v>
      </c>
      <c r="JI24" s="72">
        <v>221</v>
      </c>
      <c r="JJ24" s="244"/>
      <c r="JK24" s="71">
        <v>206</v>
      </c>
      <c r="JL24" s="71">
        <v>271</v>
      </c>
      <c r="JM24" s="71">
        <v>224</v>
      </c>
      <c r="JN24" s="71">
        <v>179</v>
      </c>
      <c r="JO24" s="71">
        <v>121</v>
      </c>
      <c r="JP24" s="72">
        <v>1001</v>
      </c>
      <c r="JQ24" s="73">
        <v>1222</v>
      </c>
      <c r="JR24" s="70">
        <v>15</v>
      </c>
      <c r="JS24" s="71">
        <v>24</v>
      </c>
      <c r="JT24" s="72">
        <v>39</v>
      </c>
      <c r="JU24" s="244"/>
      <c r="JV24" s="71">
        <v>17</v>
      </c>
      <c r="JW24" s="71">
        <v>40</v>
      </c>
      <c r="JX24" s="71">
        <v>17</v>
      </c>
      <c r="JY24" s="71">
        <v>14</v>
      </c>
      <c r="JZ24" s="71">
        <v>18</v>
      </c>
      <c r="KA24" s="72">
        <v>106</v>
      </c>
      <c r="KB24" s="73">
        <v>145</v>
      </c>
      <c r="KC24" s="70">
        <v>831</v>
      </c>
      <c r="KD24" s="71">
        <v>842</v>
      </c>
      <c r="KE24" s="72">
        <v>1673</v>
      </c>
      <c r="KF24" s="244"/>
      <c r="KG24" s="71">
        <v>1130</v>
      </c>
      <c r="KH24" s="71">
        <v>1190</v>
      </c>
      <c r="KI24" s="71">
        <v>863</v>
      </c>
      <c r="KJ24" s="71">
        <v>678</v>
      </c>
      <c r="KK24" s="71">
        <v>490</v>
      </c>
      <c r="KL24" s="72">
        <v>4351</v>
      </c>
      <c r="KM24" s="73">
        <v>6024</v>
      </c>
    </row>
    <row r="25" spans="2:299" ht="19.8" customHeight="1" x14ac:dyDescent="0.2">
      <c r="B25" s="126" t="s">
        <v>22</v>
      </c>
      <c r="C25" s="316">
        <v>86</v>
      </c>
      <c r="D25" s="82">
        <v>67</v>
      </c>
      <c r="E25" s="83">
        <v>153</v>
      </c>
      <c r="F25" s="241"/>
      <c r="G25" s="82">
        <v>195</v>
      </c>
      <c r="H25" s="82">
        <v>166</v>
      </c>
      <c r="I25" s="82">
        <v>84</v>
      </c>
      <c r="J25" s="82">
        <v>79</v>
      </c>
      <c r="K25" s="82">
        <v>55</v>
      </c>
      <c r="L25" s="84">
        <v>579</v>
      </c>
      <c r="M25" s="85">
        <v>732</v>
      </c>
      <c r="N25" s="70">
        <v>3</v>
      </c>
      <c r="O25" s="71">
        <v>2</v>
      </c>
      <c r="P25" s="72">
        <v>5</v>
      </c>
      <c r="Q25" s="244"/>
      <c r="R25" s="71">
        <v>5</v>
      </c>
      <c r="S25" s="71">
        <v>6</v>
      </c>
      <c r="T25" s="71">
        <v>1</v>
      </c>
      <c r="U25" s="71">
        <v>3</v>
      </c>
      <c r="V25" s="71">
        <v>4</v>
      </c>
      <c r="W25" s="72">
        <v>19</v>
      </c>
      <c r="X25" s="73">
        <v>24</v>
      </c>
      <c r="Y25" s="70">
        <v>11</v>
      </c>
      <c r="Z25" s="71">
        <v>14</v>
      </c>
      <c r="AA25" s="72">
        <v>25</v>
      </c>
      <c r="AB25" s="244"/>
      <c r="AC25" s="71">
        <v>20</v>
      </c>
      <c r="AD25" s="71">
        <v>10</v>
      </c>
      <c r="AE25" s="71">
        <v>7</v>
      </c>
      <c r="AF25" s="71">
        <v>10</v>
      </c>
      <c r="AG25" s="71">
        <v>8</v>
      </c>
      <c r="AH25" s="72">
        <v>55</v>
      </c>
      <c r="AI25" s="73">
        <v>80</v>
      </c>
      <c r="AJ25" s="70">
        <v>10</v>
      </c>
      <c r="AK25" s="71">
        <v>10</v>
      </c>
      <c r="AL25" s="72">
        <v>20</v>
      </c>
      <c r="AM25" s="244"/>
      <c r="AN25" s="71">
        <v>33</v>
      </c>
      <c r="AO25" s="71">
        <v>22</v>
      </c>
      <c r="AP25" s="71">
        <v>15</v>
      </c>
      <c r="AQ25" s="71">
        <v>9</v>
      </c>
      <c r="AR25" s="71">
        <v>11</v>
      </c>
      <c r="AS25" s="72">
        <v>90</v>
      </c>
      <c r="AT25" s="73">
        <v>110</v>
      </c>
      <c r="AU25" s="70">
        <v>22</v>
      </c>
      <c r="AV25" s="71">
        <v>14</v>
      </c>
      <c r="AW25" s="72">
        <v>36</v>
      </c>
      <c r="AX25" s="244"/>
      <c r="AY25" s="71">
        <v>48</v>
      </c>
      <c r="AZ25" s="71">
        <v>49</v>
      </c>
      <c r="BA25" s="71">
        <v>19</v>
      </c>
      <c r="BB25" s="71">
        <v>23</v>
      </c>
      <c r="BC25" s="71">
        <v>13</v>
      </c>
      <c r="BD25" s="72">
        <v>152</v>
      </c>
      <c r="BE25" s="73">
        <v>188</v>
      </c>
      <c r="BF25" s="70">
        <v>23</v>
      </c>
      <c r="BG25" s="71">
        <v>19</v>
      </c>
      <c r="BH25" s="72">
        <v>42</v>
      </c>
      <c r="BI25" s="244"/>
      <c r="BJ25" s="71">
        <v>57</v>
      </c>
      <c r="BK25" s="71">
        <v>45</v>
      </c>
      <c r="BL25" s="71">
        <v>26</v>
      </c>
      <c r="BM25" s="71">
        <v>17</v>
      </c>
      <c r="BN25" s="71">
        <v>8</v>
      </c>
      <c r="BO25" s="72">
        <v>153</v>
      </c>
      <c r="BP25" s="73">
        <v>195</v>
      </c>
      <c r="BQ25" s="70">
        <v>17</v>
      </c>
      <c r="BR25" s="71">
        <v>8</v>
      </c>
      <c r="BS25" s="72">
        <v>25</v>
      </c>
      <c r="BT25" s="244"/>
      <c r="BU25" s="71">
        <v>32</v>
      </c>
      <c r="BV25" s="71">
        <v>34</v>
      </c>
      <c r="BW25" s="71">
        <v>16</v>
      </c>
      <c r="BX25" s="71">
        <v>17</v>
      </c>
      <c r="BY25" s="71">
        <v>11</v>
      </c>
      <c r="BZ25" s="72">
        <v>110</v>
      </c>
      <c r="CA25" s="73">
        <v>135</v>
      </c>
      <c r="CB25" s="70">
        <v>0</v>
      </c>
      <c r="CC25" s="71">
        <v>7</v>
      </c>
      <c r="CD25" s="72">
        <v>7</v>
      </c>
      <c r="CE25" s="244"/>
      <c r="CF25" s="71">
        <v>7</v>
      </c>
      <c r="CG25" s="71">
        <v>5</v>
      </c>
      <c r="CH25" s="71">
        <v>2</v>
      </c>
      <c r="CI25" s="71">
        <v>2</v>
      </c>
      <c r="CJ25" s="71">
        <v>2</v>
      </c>
      <c r="CK25" s="72">
        <v>18</v>
      </c>
      <c r="CL25" s="73">
        <v>25</v>
      </c>
      <c r="CM25" s="70">
        <v>86</v>
      </c>
      <c r="CN25" s="71">
        <v>74</v>
      </c>
      <c r="CO25" s="72">
        <v>160</v>
      </c>
      <c r="CP25" s="244"/>
      <c r="CQ25" s="71">
        <v>202</v>
      </c>
      <c r="CR25" s="71">
        <v>171</v>
      </c>
      <c r="CS25" s="71">
        <v>86</v>
      </c>
      <c r="CT25" s="71">
        <v>81</v>
      </c>
      <c r="CU25" s="71">
        <v>57</v>
      </c>
      <c r="CV25" s="72">
        <v>597</v>
      </c>
      <c r="CW25" s="73">
        <v>757</v>
      </c>
      <c r="CX25" s="123">
        <v>113</v>
      </c>
      <c r="CY25" s="82">
        <v>244</v>
      </c>
      <c r="CZ25" s="83">
        <v>357</v>
      </c>
      <c r="DA25" s="241"/>
      <c r="DB25" s="82">
        <v>350</v>
      </c>
      <c r="DC25" s="82">
        <v>313</v>
      </c>
      <c r="DD25" s="82">
        <v>198</v>
      </c>
      <c r="DE25" s="82">
        <v>203</v>
      </c>
      <c r="DF25" s="82">
        <v>111</v>
      </c>
      <c r="DG25" s="84">
        <v>1175</v>
      </c>
      <c r="DH25" s="85">
        <v>1532</v>
      </c>
      <c r="DI25" s="70">
        <v>5</v>
      </c>
      <c r="DJ25" s="71">
        <v>7</v>
      </c>
      <c r="DK25" s="72">
        <v>12</v>
      </c>
      <c r="DL25" s="244"/>
      <c r="DM25" s="71">
        <v>6</v>
      </c>
      <c r="DN25" s="71">
        <v>7</v>
      </c>
      <c r="DO25" s="71">
        <v>2</v>
      </c>
      <c r="DP25" s="71">
        <v>1</v>
      </c>
      <c r="DQ25" s="71">
        <v>3</v>
      </c>
      <c r="DR25" s="72">
        <v>19</v>
      </c>
      <c r="DS25" s="73">
        <v>31</v>
      </c>
      <c r="DT25" s="70">
        <v>5</v>
      </c>
      <c r="DU25" s="71">
        <v>9</v>
      </c>
      <c r="DV25" s="72">
        <v>14</v>
      </c>
      <c r="DW25" s="244"/>
      <c r="DX25" s="71">
        <v>19</v>
      </c>
      <c r="DY25" s="71">
        <v>16</v>
      </c>
      <c r="DZ25" s="71">
        <v>9</v>
      </c>
      <c r="EA25" s="71">
        <v>6</v>
      </c>
      <c r="EB25" s="71">
        <v>8</v>
      </c>
      <c r="EC25" s="72">
        <v>58</v>
      </c>
      <c r="ED25" s="73">
        <v>72</v>
      </c>
      <c r="EE25" s="70">
        <v>23</v>
      </c>
      <c r="EF25" s="71">
        <v>40</v>
      </c>
      <c r="EG25" s="72">
        <v>63</v>
      </c>
      <c r="EH25" s="244"/>
      <c r="EI25" s="71">
        <v>45</v>
      </c>
      <c r="EJ25" s="71">
        <v>37</v>
      </c>
      <c r="EK25" s="71">
        <v>15</v>
      </c>
      <c r="EL25" s="71">
        <v>15</v>
      </c>
      <c r="EM25" s="71">
        <v>13</v>
      </c>
      <c r="EN25" s="72">
        <v>125</v>
      </c>
      <c r="EO25" s="73">
        <v>188</v>
      </c>
      <c r="EP25" s="70">
        <v>37</v>
      </c>
      <c r="EQ25" s="71">
        <v>62</v>
      </c>
      <c r="ER25" s="72">
        <v>99</v>
      </c>
      <c r="ES25" s="244"/>
      <c r="ET25" s="71">
        <v>77</v>
      </c>
      <c r="EU25" s="71">
        <v>56</v>
      </c>
      <c r="EV25" s="71">
        <v>39</v>
      </c>
      <c r="EW25" s="71">
        <v>44</v>
      </c>
      <c r="EX25" s="71">
        <v>17</v>
      </c>
      <c r="EY25" s="72">
        <v>233</v>
      </c>
      <c r="EZ25" s="73">
        <v>332</v>
      </c>
      <c r="FA25" s="70">
        <v>27</v>
      </c>
      <c r="FB25" s="71">
        <v>77</v>
      </c>
      <c r="FC25" s="72">
        <v>104</v>
      </c>
      <c r="FD25" s="244"/>
      <c r="FE25" s="71">
        <v>107</v>
      </c>
      <c r="FF25" s="71">
        <v>87</v>
      </c>
      <c r="FG25" s="71">
        <v>51</v>
      </c>
      <c r="FH25" s="71">
        <v>53</v>
      </c>
      <c r="FI25" s="71">
        <v>37</v>
      </c>
      <c r="FJ25" s="72">
        <v>335</v>
      </c>
      <c r="FK25" s="73">
        <v>439</v>
      </c>
      <c r="FL25" s="70">
        <v>16</v>
      </c>
      <c r="FM25" s="71">
        <v>49</v>
      </c>
      <c r="FN25" s="72">
        <v>65</v>
      </c>
      <c r="FO25" s="244"/>
      <c r="FP25" s="71">
        <v>96</v>
      </c>
      <c r="FQ25" s="71">
        <v>110</v>
      </c>
      <c r="FR25" s="71">
        <v>82</v>
      </c>
      <c r="FS25" s="71">
        <v>84</v>
      </c>
      <c r="FT25" s="71">
        <v>33</v>
      </c>
      <c r="FU25" s="72">
        <v>405</v>
      </c>
      <c r="FV25" s="73">
        <v>470</v>
      </c>
      <c r="FW25" s="70">
        <v>1</v>
      </c>
      <c r="FX25" s="71">
        <v>3</v>
      </c>
      <c r="FY25" s="72">
        <v>4</v>
      </c>
      <c r="FZ25" s="244"/>
      <c r="GA25" s="71">
        <v>7</v>
      </c>
      <c r="GB25" s="71">
        <v>4</v>
      </c>
      <c r="GC25" s="71">
        <v>5</v>
      </c>
      <c r="GD25" s="71">
        <v>6</v>
      </c>
      <c r="GE25" s="71">
        <v>2</v>
      </c>
      <c r="GF25" s="72">
        <v>24</v>
      </c>
      <c r="GG25" s="73">
        <v>28</v>
      </c>
      <c r="GH25" s="70">
        <v>114</v>
      </c>
      <c r="GI25" s="71">
        <v>247</v>
      </c>
      <c r="GJ25" s="72">
        <v>361</v>
      </c>
      <c r="GK25" s="244"/>
      <c r="GL25" s="71">
        <v>357</v>
      </c>
      <c r="GM25" s="71">
        <v>317</v>
      </c>
      <c r="GN25" s="71">
        <v>203</v>
      </c>
      <c r="GO25" s="71">
        <v>209</v>
      </c>
      <c r="GP25" s="71">
        <v>113</v>
      </c>
      <c r="GQ25" s="72">
        <v>1199</v>
      </c>
      <c r="GR25" s="73">
        <v>1560</v>
      </c>
      <c r="GS25" s="123">
        <v>199</v>
      </c>
      <c r="GT25" s="82">
        <v>311</v>
      </c>
      <c r="GU25" s="83">
        <v>510</v>
      </c>
      <c r="GV25" s="241"/>
      <c r="GW25" s="82">
        <v>545</v>
      </c>
      <c r="GX25" s="82">
        <v>479</v>
      </c>
      <c r="GY25" s="82">
        <v>282</v>
      </c>
      <c r="GZ25" s="82">
        <v>282</v>
      </c>
      <c r="HA25" s="82">
        <v>166</v>
      </c>
      <c r="HB25" s="84">
        <v>1754</v>
      </c>
      <c r="HC25" s="85">
        <v>2264</v>
      </c>
      <c r="HD25" s="70">
        <v>8</v>
      </c>
      <c r="HE25" s="71">
        <v>9</v>
      </c>
      <c r="HF25" s="72">
        <v>17</v>
      </c>
      <c r="HG25" s="244"/>
      <c r="HH25" s="71">
        <v>11</v>
      </c>
      <c r="HI25" s="71">
        <v>13</v>
      </c>
      <c r="HJ25" s="71">
        <v>3</v>
      </c>
      <c r="HK25" s="71">
        <v>4</v>
      </c>
      <c r="HL25" s="71">
        <v>7</v>
      </c>
      <c r="HM25" s="72">
        <v>38</v>
      </c>
      <c r="HN25" s="73">
        <v>55</v>
      </c>
      <c r="HO25" s="70">
        <v>16</v>
      </c>
      <c r="HP25" s="71">
        <v>23</v>
      </c>
      <c r="HQ25" s="72">
        <v>39</v>
      </c>
      <c r="HR25" s="244"/>
      <c r="HS25" s="71">
        <v>39</v>
      </c>
      <c r="HT25" s="71">
        <v>26</v>
      </c>
      <c r="HU25" s="71">
        <v>16</v>
      </c>
      <c r="HV25" s="71">
        <v>16</v>
      </c>
      <c r="HW25" s="71">
        <v>16</v>
      </c>
      <c r="HX25" s="72">
        <v>113</v>
      </c>
      <c r="HY25" s="73">
        <v>152</v>
      </c>
      <c r="HZ25" s="70">
        <v>33</v>
      </c>
      <c r="IA25" s="71">
        <v>50</v>
      </c>
      <c r="IB25" s="72">
        <v>83</v>
      </c>
      <c r="IC25" s="244"/>
      <c r="ID25" s="71">
        <v>78</v>
      </c>
      <c r="IE25" s="71">
        <v>59</v>
      </c>
      <c r="IF25" s="71">
        <v>30</v>
      </c>
      <c r="IG25" s="71">
        <v>24</v>
      </c>
      <c r="IH25" s="71">
        <v>24</v>
      </c>
      <c r="II25" s="72">
        <v>215</v>
      </c>
      <c r="IJ25" s="73">
        <v>298</v>
      </c>
      <c r="IK25" s="70">
        <v>59</v>
      </c>
      <c r="IL25" s="71">
        <v>76</v>
      </c>
      <c r="IM25" s="72">
        <v>135</v>
      </c>
      <c r="IN25" s="244"/>
      <c r="IO25" s="71">
        <v>125</v>
      </c>
      <c r="IP25" s="71">
        <v>105</v>
      </c>
      <c r="IQ25" s="71">
        <v>58</v>
      </c>
      <c r="IR25" s="71">
        <v>67</v>
      </c>
      <c r="IS25" s="71">
        <v>30</v>
      </c>
      <c r="IT25" s="72">
        <v>385</v>
      </c>
      <c r="IU25" s="73">
        <v>520</v>
      </c>
      <c r="IV25" s="70">
        <v>50</v>
      </c>
      <c r="IW25" s="71">
        <v>96</v>
      </c>
      <c r="IX25" s="72">
        <v>146</v>
      </c>
      <c r="IY25" s="244"/>
      <c r="IZ25" s="71">
        <v>164</v>
      </c>
      <c r="JA25" s="71">
        <v>132</v>
      </c>
      <c r="JB25" s="71">
        <v>77</v>
      </c>
      <c r="JC25" s="71">
        <v>70</v>
      </c>
      <c r="JD25" s="71">
        <v>45</v>
      </c>
      <c r="JE25" s="72">
        <v>488</v>
      </c>
      <c r="JF25" s="73">
        <v>634</v>
      </c>
      <c r="JG25" s="70">
        <v>33</v>
      </c>
      <c r="JH25" s="71">
        <v>57</v>
      </c>
      <c r="JI25" s="72">
        <v>90</v>
      </c>
      <c r="JJ25" s="244"/>
      <c r="JK25" s="71">
        <v>128</v>
      </c>
      <c r="JL25" s="71">
        <v>144</v>
      </c>
      <c r="JM25" s="71">
        <v>98</v>
      </c>
      <c r="JN25" s="71">
        <v>101</v>
      </c>
      <c r="JO25" s="71">
        <v>44</v>
      </c>
      <c r="JP25" s="72">
        <v>515</v>
      </c>
      <c r="JQ25" s="73">
        <v>605</v>
      </c>
      <c r="JR25" s="70">
        <v>1</v>
      </c>
      <c r="JS25" s="71">
        <v>10</v>
      </c>
      <c r="JT25" s="72">
        <v>11</v>
      </c>
      <c r="JU25" s="244"/>
      <c r="JV25" s="71">
        <v>14</v>
      </c>
      <c r="JW25" s="71">
        <v>9</v>
      </c>
      <c r="JX25" s="71">
        <v>7</v>
      </c>
      <c r="JY25" s="71">
        <v>8</v>
      </c>
      <c r="JZ25" s="71">
        <v>4</v>
      </c>
      <c r="KA25" s="72">
        <v>42</v>
      </c>
      <c r="KB25" s="73">
        <v>53</v>
      </c>
      <c r="KC25" s="70">
        <v>200</v>
      </c>
      <c r="KD25" s="71">
        <v>321</v>
      </c>
      <c r="KE25" s="72">
        <v>521</v>
      </c>
      <c r="KF25" s="244"/>
      <c r="KG25" s="71">
        <v>559</v>
      </c>
      <c r="KH25" s="71">
        <v>488</v>
      </c>
      <c r="KI25" s="71">
        <v>289</v>
      </c>
      <c r="KJ25" s="71">
        <v>290</v>
      </c>
      <c r="KK25" s="71">
        <v>170</v>
      </c>
      <c r="KL25" s="72">
        <v>1796</v>
      </c>
      <c r="KM25" s="73">
        <v>2317</v>
      </c>
    </row>
    <row r="26" spans="2:299" ht="19.8" customHeight="1" x14ac:dyDescent="0.2">
      <c r="B26" s="126" t="s">
        <v>23</v>
      </c>
      <c r="C26" s="316">
        <v>175</v>
      </c>
      <c r="D26" s="82">
        <v>170</v>
      </c>
      <c r="E26" s="83">
        <v>345</v>
      </c>
      <c r="F26" s="241"/>
      <c r="G26" s="82">
        <v>305</v>
      </c>
      <c r="H26" s="82">
        <v>264</v>
      </c>
      <c r="I26" s="82">
        <v>193</v>
      </c>
      <c r="J26" s="82">
        <v>154</v>
      </c>
      <c r="K26" s="82">
        <v>91</v>
      </c>
      <c r="L26" s="84">
        <v>1007</v>
      </c>
      <c r="M26" s="85">
        <v>1352</v>
      </c>
      <c r="N26" s="70">
        <v>10</v>
      </c>
      <c r="O26" s="71">
        <v>12</v>
      </c>
      <c r="P26" s="72">
        <v>22</v>
      </c>
      <c r="Q26" s="244"/>
      <c r="R26" s="71">
        <v>13</v>
      </c>
      <c r="S26" s="71">
        <v>12</v>
      </c>
      <c r="T26" s="71">
        <v>7</v>
      </c>
      <c r="U26" s="71">
        <v>11</v>
      </c>
      <c r="V26" s="71">
        <v>2</v>
      </c>
      <c r="W26" s="72">
        <v>45</v>
      </c>
      <c r="X26" s="73">
        <v>67</v>
      </c>
      <c r="Y26" s="70">
        <v>28</v>
      </c>
      <c r="Z26" s="71">
        <v>19</v>
      </c>
      <c r="AA26" s="72">
        <v>47</v>
      </c>
      <c r="AB26" s="244"/>
      <c r="AC26" s="71">
        <v>31</v>
      </c>
      <c r="AD26" s="71">
        <v>34</v>
      </c>
      <c r="AE26" s="71">
        <v>18</v>
      </c>
      <c r="AF26" s="71">
        <v>18</v>
      </c>
      <c r="AG26" s="71">
        <v>15</v>
      </c>
      <c r="AH26" s="72">
        <v>116</v>
      </c>
      <c r="AI26" s="73">
        <v>163</v>
      </c>
      <c r="AJ26" s="70">
        <v>32</v>
      </c>
      <c r="AK26" s="71">
        <v>39</v>
      </c>
      <c r="AL26" s="72">
        <v>71</v>
      </c>
      <c r="AM26" s="244"/>
      <c r="AN26" s="71">
        <v>57</v>
      </c>
      <c r="AO26" s="71">
        <v>55</v>
      </c>
      <c r="AP26" s="71">
        <v>25</v>
      </c>
      <c r="AQ26" s="71">
        <v>23</v>
      </c>
      <c r="AR26" s="71">
        <v>28</v>
      </c>
      <c r="AS26" s="72">
        <v>188</v>
      </c>
      <c r="AT26" s="73">
        <v>259</v>
      </c>
      <c r="AU26" s="70">
        <v>47</v>
      </c>
      <c r="AV26" s="71">
        <v>46</v>
      </c>
      <c r="AW26" s="72">
        <v>93</v>
      </c>
      <c r="AX26" s="244"/>
      <c r="AY26" s="71">
        <v>96</v>
      </c>
      <c r="AZ26" s="71">
        <v>71</v>
      </c>
      <c r="BA26" s="71">
        <v>61</v>
      </c>
      <c r="BB26" s="71">
        <v>35</v>
      </c>
      <c r="BC26" s="71">
        <v>18</v>
      </c>
      <c r="BD26" s="72">
        <v>281</v>
      </c>
      <c r="BE26" s="73">
        <v>374</v>
      </c>
      <c r="BF26" s="70">
        <v>50</v>
      </c>
      <c r="BG26" s="71">
        <v>35</v>
      </c>
      <c r="BH26" s="72">
        <v>85</v>
      </c>
      <c r="BI26" s="244"/>
      <c r="BJ26" s="71">
        <v>78</v>
      </c>
      <c r="BK26" s="71">
        <v>59</v>
      </c>
      <c r="BL26" s="71">
        <v>51</v>
      </c>
      <c r="BM26" s="71">
        <v>41</v>
      </c>
      <c r="BN26" s="71">
        <v>16</v>
      </c>
      <c r="BO26" s="72">
        <v>245</v>
      </c>
      <c r="BP26" s="73">
        <v>330</v>
      </c>
      <c r="BQ26" s="70">
        <v>8</v>
      </c>
      <c r="BR26" s="71">
        <v>19</v>
      </c>
      <c r="BS26" s="72">
        <v>27</v>
      </c>
      <c r="BT26" s="244"/>
      <c r="BU26" s="71">
        <v>30</v>
      </c>
      <c r="BV26" s="71">
        <v>33</v>
      </c>
      <c r="BW26" s="71">
        <v>31</v>
      </c>
      <c r="BX26" s="71">
        <v>26</v>
      </c>
      <c r="BY26" s="71">
        <v>12</v>
      </c>
      <c r="BZ26" s="72">
        <v>132</v>
      </c>
      <c r="CA26" s="73">
        <v>159</v>
      </c>
      <c r="CB26" s="70">
        <v>5</v>
      </c>
      <c r="CC26" s="71">
        <v>8</v>
      </c>
      <c r="CD26" s="72">
        <v>13</v>
      </c>
      <c r="CE26" s="244"/>
      <c r="CF26" s="71">
        <v>6</v>
      </c>
      <c r="CG26" s="71">
        <v>11</v>
      </c>
      <c r="CH26" s="71">
        <v>5</v>
      </c>
      <c r="CI26" s="71">
        <v>7</v>
      </c>
      <c r="CJ26" s="71">
        <v>5</v>
      </c>
      <c r="CK26" s="72">
        <v>34</v>
      </c>
      <c r="CL26" s="73">
        <v>47</v>
      </c>
      <c r="CM26" s="70">
        <v>180</v>
      </c>
      <c r="CN26" s="71">
        <v>178</v>
      </c>
      <c r="CO26" s="72">
        <v>358</v>
      </c>
      <c r="CP26" s="244"/>
      <c r="CQ26" s="71">
        <v>311</v>
      </c>
      <c r="CR26" s="71">
        <v>275</v>
      </c>
      <c r="CS26" s="71">
        <v>198</v>
      </c>
      <c r="CT26" s="71">
        <v>161</v>
      </c>
      <c r="CU26" s="71">
        <v>96</v>
      </c>
      <c r="CV26" s="72">
        <v>1041</v>
      </c>
      <c r="CW26" s="73">
        <v>1399</v>
      </c>
      <c r="CX26" s="123">
        <v>310</v>
      </c>
      <c r="CY26" s="82">
        <v>392</v>
      </c>
      <c r="CZ26" s="83">
        <v>702</v>
      </c>
      <c r="DA26" s="241"/>
      <c r="DB26" s="82">
        <v>518</v>
      </c>
      <c r="DC26" s="82">
        <v>421</v>
      </c>
      <c r="DD26" s="82">
        <v>293</v>
      </c>
      <c r="DE26" s="82">
        <v>333</v>
      </c>
      <c r="DF26" s="82">
        <v>228</v>
      </c>
      <c r="DG26" s="84">
        <v>1793</v>
      </c>
      <c r="DH26" s="85">
        <v>2495</v>
      </c>
      <c r="DI26" s="70">
        <v>7</v>
      </c>
      <c r="DJ26" s="71">
        <v>19</v>
      </c>
      <c r="DK26" s="72">
        <v>26</v>
      </c>
      <c r="DL26" s="244"/>
      <c r="DM26" s="71">
        <v>10</v>
      </c>
      <c r="DN26" s="71">
        <v>13</v>
      </c>
      <c r="DO26" s="71">
        <v>5</v>
      </c>
      <c r="DP26" s="71">
        <v>7</v>
      </c>
      <c r="DQ26" s="71">
        <v>1</v>
      </c>
      <c r="DR26" s="72">
        <v>36</v>
      </c>
      <c r="DS26" s="73">
        <v>62</v>
      </c>
      <c r="DT26" s="70">
        <v>24</v>
      </c>
      <c r="DU26" s="71">
        <v>33</v>
      </c>
      <c r="DV26" s="72">
        <v>57</v>
      </c>
      <c r="DW26" s="244"/>
      <c r="DX26" s="71">
        <v>28</v>
      </c>
      <c r="DY26" s="71">
        <v>36</v>
      </c>
      <c r="DZ26" s="71">
        <v>22</v>
      </c>
      <c r="EA26" s="71">
        <v>27</v>
      </c>
      <c r="EB26" s="71">
        <v>20</v>
      </c>
      <c r="EC26" s="72">
        <v>133</v>
      </c>
      <c r="ED26" s="73">
        <v>190</v>
      </c>
      <c r="EE26" s="70">
        <v>56</v>
      </c>
      <c r="EF26" s="71">
        <v>73</v>
      </c>
      <c r="EG26" s="72">
        <v>129</v>
      </c>
      <c r="EH26" s="244"/>
      <c r="EI26" s="71">
        <v>84</v>
      </c>
      <c r="EJ26" s="71">
        <v>52</v>
      </c>
      <c r="EK26" s="71">
        <v>30</v>
      </c>
      <c r="EL26" s="71">
        <v>45</v>
      </c>
      <c r="EM26" s="71">
        <v>39</v>
      </c>
      <c r="EN26" s="72">
        <v>250</v>
      </c>
      <c r="EO26" s="73">
        <v>379</v>
      </c>
      <c r="EP26" s="70">
        <v>124</v>
      </c>
      <c r="EQ26" s="71">
        <v>121</v>
      </c>
      <c r="ER26" s="72">
        <v>245</v>
      </c>
      <c r="ES26" s="244"/>
      <c r="ET26" s="71">
        <v>148</v>
      </c>
      <c r="EU26" s="71">
        <v>97</v>
      </c>
      <c r="EV26" s="71">
        <v>62</v>
      </c>
      <c r="EW26" s="71">
        <v>70</v>
      </c>
      <c r="EX26" s="71">
        <v>45</v>
      </c>
      <c r="EY26" s="72">
        <v>422</v>
      </c>
      <c r="EZ26" s="73">
        <v>667</v>
      </c>
      <c r="FA26" s="70">
        <v>73</v>
      </c>
      <c r="FB26" s="71">
        <v>104</v>
      </c>
      <c r="FC26" s="72">
        <v>177</v>
      </c>
      <c r="FD26" s="244"/>
      <c r="FE26" s="71">
        <v>146</v>
      </c>
      <c r="FF26" s="71">
        <v>118</v>
      </c>
      <c r="FG26" s="71">
        <v>85</v>
      </c>
      <c r="FH26" s="71">
        <v>76</v>
      </c>
      <c r="FI26" s="71">
        <v>56</v>
      </c>
      <c r="FJ26" s="72">
        <v>481</v>
      </c>
      <c r="FK26" s="73">
        <v>658</v>
      </c>
      <c r="FL26" s="70">
        <v>26</v>
      </c>
      <c r="FM26" s="71">
        <v>42</v>
      </c>
      <c r="FN26" s="72">
        <v>68</v>
      </c>
      <c r="FO26" s="244"/>
      <c r="FP26" s="71">
        <v>102</v>
      </c>
      <c r="FQ26" s="71">
        <v>105</v>
      </c>
      <c r="FR26" s="71">
        <v>89</v>
      </c>
      <c r="FS26" s="71">
        <v>108</v>
      </c>
      <c r="FT26" s="71">
        <v>67</v>
      </c>
      <c r="FU26" s="72">
        <v>471</v>
      </c>
      <c r="FV26" s="73">
        <v>539</v>
      </c>
      <c r="FW26" s="70">
        <v>5</v>
      </c>
      <c r="FX26" s="71">
        <v>9</v>
      </c>
      <c r="FY26" s="72">
        <v>14</v>
      </c>
      <c r="FZ26" s="244"/>
      <c r="GA26" s="71">
        <v>4</v>
      </c>
      <c r="GB26" s="71">
        <v>8</v>
      </c>
      <c r="GC26" s="71">
        <v>2</v>
      </c>
      <c r="GD26" s="71">
        <v>3</v>
      </c>
      <c r="GE26" s="71">
        <v>7</v>
      </c>
      <c r="GF26" s="72">
        <v>24</v>
      </c>
      <c r="GG26" s="73">
        <v>38</v>
      </c>
      <c r="GH26" s="70">
        <v>315</v>
      </c>
      <c r="GI26" s="71">
        <v>401</v>
      </c>
      <c r="GJ26" s="72">
        <v>716</v>
      </c>
      <c r="GK26" s="244"/>
      <c r="GL26" s="71">
        <v>522</v>
      </c>
      <c r="GM26" s="71">
        <v>429</v>
      </c>
      <c r="GN26" s="71">
        <v>295</v>
      </c>
      <c r="GO26" s="71">
        <v>336</v>
      </c>
      <c r="GP26" s="71">
        <v>235</v>
      </c>
      <c r="GQ26" s="72">
        <v>1817</v>
      </c>
      <c r="GR26" s="73">
        <v>2533</v>
      </c>
      <c r="GS26" s="123">
        <v>485</v>
      </c>
      <c r="GT26" s="82">
        <v>562</v>
      </c>
      <c r="GU26" s="83">
        <v>1047</v>
      </c>
      <c r="GV26" s="241"/>
      <c r="GW26" s="82">
        <v>823</v>
      </c>
      <c r="GX26" s="82">
        <v>685</v>
      </c>
      <c r="GY26" s="82">
        <v>486</v>
      </c>
      <c r="GZ26" s="82">
        <v>487</v>
      </c>
      <c r="HA26" s="82">
        <v>319</v>
      </c>
      <c r="HB26" s="84">
        <v>2800</v>
      </c>
      <c r="HC26" s="85">
        <v>3847</v>
      </c>
      <c r="HD26" s="70">
        <v>17</v>
      </c>
      <c r="HE26" s="71">
        <v>31</v>
      </c>
      <c r="HF26" s="72">
        <v>48</v>
      </c>
      <c r="HG26" s="244"/>
      <c r="HH26" s="71">
        <v>23</v>
      </c>
      <c r="HI26" s="71">
        <v>25</v>
      </c>
      <c r="HJ26" s="71">
        <v>12</v>
      </c>
      <c r="HK26" s="71">
        <v>18</v>
      </c>
      <c r="HL26" s="71">
        <v>3</v>
      </c>
      <c r="HM26" s="72">
        <v>81</v>
      </c>
      <c r="HN26" s="73">
        <v>129</v>
      </c>
      <c r="HO26" s="70">
        <v>52</v>
      </c>
      <c r="HP26" s="71">
        <v>52</v>
      </c>
      <c r="HQ26" s="72">
        <v>104</v>
      </c>
      <c r="HR26" s="244"/>
      <c r="HS26" s="71">
        <v>59</v>
      </c>
      <c r="HT26" s="71">
        <v>70</v>
      </c>
      <c r="HU26" s="71">
        <v>40</v>
      </c>
      <c r="HV26" s="71">
        <v>45</v>
      </c>
      <c r="HW26" s="71">
        <v>35</v>
      </c>
      <c r="HX26" s="72">
        <v>249</v>
      </c>
      <c r="HY26" s="73">
        <v>353</v>
      </c>
      <c r="HZ26" s="70">
        <v>88</v>
      </c>
      <c r="IA26" s="71">
        <v>112</v>
      </c>
      <c r="IB26" s="72">
        <v>200</v>
      </c>
      <c r="IC26" s="244"/>
      <c r="ID26" s="71">
        <v>141</v>
      </c>
      <c r="IE26" s="71">
        <v>107</v>
      </c>
      <c r="IF26" s="71">
        <v>55</v>
      </c>
      <c r="IG26" s="71">
        <v>68</v>
      </c>
      <c r="IH26" s="71">
        <v>67</v>
      </c>
      <c r="II26" s="72">
        <v>438</v>
      </c>
      <c r="IJ26" s="73">
        <v>638</v>
      </c>
      <c r="IK26" s="70">
        <v>171</v>
      </c>
      <c r="IL26" s="71">
        <v>167</v>
      </c>
      <c r="IM26" s="72">
        <v>338</v>
      </c>
      <c r="IN26" s="244"/>
      <c r="IO26" s="71">
        <v>244</v>
      </c>
      <c r="IP26" s="71">
        <v>168</v>
      </c>
      <c r="IQ26" s="71">
        <v>123</v>
      </c>
      <c r="IR26" s="71">
        <v>105</v>
      </c>
      <c r="IS26" s="71">
        <v>63</v>
      </c>
      <c r="IT26" s="72">
        <v>703</v>
      </c>
      <c r="IU26" s="73">
        <v>1041</v>
      </c>
      <c r="IV26" s="70">
        <v>123</v>
      </c>
      <c r="IW26" s="71">
        <v>139</v>
      </c>
      <c r="IX26" s="72">
        <v>262</v>
      </c>
      <c r="IY26" s="244"/>
      <c r="IZ26" s="71">
        <v>224</v>
      </c>
      <c r="JA26" s="71">
        <v>177</v>
      </c>
      <c r="JB26" s="71">
        <v>136</v>
      </c>
      <c r="JC26" s="71">
        <v>117</v>
      </c>
      <c r="JD26" s="71">
        <v>72</v>
      </c>
      <c r="JE26" s="72">
        <v>726</v>
      </c>
      <c r="JF26" s="73">
        <v>988</v>
      </c>
      <c r="JG26" s="70">
        <v>34</v>
      </c>
      <c r="JH26" s="71">
        <v>61</v>
      </c>
      <c r="JI26" s="72">
        <v>95</v>
      </c>
      <c r="JJ26" s="244"/>
      <c r="JK26" s="71">
        <v>132</v>
      </c>
      <c r="JL26" s="71">
        <v>138</v>
      </c>
      <c r="JM26" s="71">
        <v>120</v>
      </c>
      <c r="JN26" s="71">
        <v>134</v>
      </c>
      <c r="JO26" s="71">
        <v>79</v>
      </c>
      <c r="JP26" s="72">
        <v>603</v>
      </c>
      <c r="JQ26" s="73">
        <v>698</v>
      </c>
      <c r="JR26" s="70">
        <v>10</v>
      </c>
      <c r="JS26" s="71">
        <v>17</v>
      </c>
      <c r="JT26" s="72">
        <v>27</v>
      </c>
      <c r="JU26" s="244"/>
      <c r="JV26" s="71">
        <v>10</v>
      </c>
      <c r="JW26" s="71">
        <v>19</v>
      </c>
      <c r="JX26" s="71">
        <v>7</v>
      </c>
      <c r="JY26" s="71">
        <v>10</v>
      </c>
      <c r="JZ26" s="71">
        <v>12</v>
      </c>
      <c r="KA26" s="72">
        <v>58</v>
      </c>
      <c r="KB26" s="73">
        <v>85</v>
      </c>
      <c r="KC26" s="70">
        <v>495</v>
      </c>
      <c r="KD26" s="71">
        <v>579</v>
      </c>
      <c r="KE26" s="72">
        <v>1074</v>
      </c>
      <c r="KF26" s="244"/>
      <c r="KG26" s="71">
        <v>833</v>
      </c>
      <c r="KH26" s="71">
        <v>704</v>
      </c>
      <c r="KI26" s="71">
        <v>493</v>
      </c>
      <c r="KJ26" s="71">
        <v>497</v>
      </c>
      <c r="KK26" s="71">
        <v>331</v>
      </c>
      <c r="KL26" s="72">
        <v>2858</v>
      </c>
      <c r="KM26" s="73">
        <v>3932</v>
      </c>
    </row>
    <row r="27" spans="2:299" ht="19.8" customHeight="1" x14ac:dyDescent="0.2">
      <c r="B27" s="126" t="s">
        <v>24</v>
      </c>
      <c r="C27" s="316">
        <v>104</v>
      </c>
      <c r="D27" s="82">
        <v>69</v>
      </c>
      <c r="E27" s="83">
        <v>173</v>
      </c>
      <c r="F27" s="241"/>
      <c r="G27" s="82">
        <v>161</v>
      </c>
      <c r="H27" s="82">
        <v>87</v>
      </c>
      <c r="I27" s="82">
        <v>73</v>
      </c>
      <c r="J27" s="82">
        <v>59</v>
      </c>
      <c r="K27" s="82">
        <v>50</v>
      </c>
      <c r="L27" s="84">
        <v>430</v>
      </c>
      <c r="M27" s="85">
        <v>603</v>
      </c>
      <c r="N27" s="70">
        <v>2</v>
      </c>
      <c r="O27" s="71">
        <v>0</v>
      </c>
      <c r="P27" s="72">
        <v>2</v>
      </c>
      <c r="Q27" s="244"/>
      <c r="R27" s="71">
        <v>8</v>
      </c>
      <c r="S27" s="71">
        <v>4</v>
      </c>
      <c r="T27" s="71">
        <v>4</v>
      </c>
      <c r="U27" s="71">
        <v>1</v>
      </c>
      <c r="V27" s="71">
        <v>4</v>
      </c>
      <c r="W27" s="72">
        <v>21</v>
      </c>
      <c r="X27" s="73">
        <v>23</v>
      </c>
      <c r="Y27" s="70">
        <v>6</v>
      </c>
      <c r="Z27" s="71">
        <v>4</v>
      </c>
      <c r="AA27" s="72">
        <v>10</v>
      </c>
      <c r="AB27" s="244"/>
      <c r="AC27" s="71">
        <v>14</v>
      </c>
      <c r="AD27" s="71">
        <v>9</v>
      </c>
      <c r="AE27" s="71">
        <v>5</v>
      </c>
      <c r="AF27" s="71">
        <v>3</v>
      </c>
      <c r="AG27" s="71">
        <v>6</v>
      </c>
      <c r="AH27" s="72">
        <v>37</v>
      </c>
      <c r="AI27" s="73">
        <v>47</v>
      </c>
      <c r="AJ27" s="70">
        <v>13</v>
      </c>
      <c r="AK27" s="71">
        <v>11</v>
      </c>
      <c r="AL27" s="72">
        <v>24</v>
      </c>
      <c r="AM27" s="244"/>
      <c r="AN27" s="71">
        <v>25</v>
      </c>
      <c r="AO27" s="71">
        <v>12</v>
      </c>
      <c r="AP27" s="71">
        <v>10</v>
      </c>
      <c r="AQ27" s="71">
        <v>8</v>
      </c>
      <c r="AR27" s="71">
        <v>5</v>
      </c>
      <c r="AS27" s="72">
        <v>60</v>
      </c>
      <c r="AT27" s="73">
        <v>84</v>
      </c>
      <c r="AU27" s="70">
        <v>24</v>
      </c>
      <c r="AV27" s="71">
        <v>17</v>
      </c>
      <c r="AW27" s="72">
        <v>41</v>
      </c>
      <c r="AX27" s="244"/>
      <c r="AY27" s="71">
        <v>32</v>
      </c>
      <c r="AZ27" s="71">
        <v>16</v>
      </c>
      <c r="BA27" s="71">
        <v>11</v>
      </c>
      <c r="BB27" s="71">
        <v>13</v>
      </c>
      <c r="BC27" s="71">
        <v>16</v>
      </c>
      <c r="BD27" s="72">
        <v>88</v>
      </c>
      <c r="BE27" s="73">
        <v>129</v>
      </c>
      <c r="BF27" s="70">
        <v>32</v>
      </c>
      <c r="BG27" s="71">
        <v>21</v>
      </c>
      <c r="BH27" s="72">
        <v>53</v>
      </c>
      <c r="BI27" s="244"/>
      <c r="BJ27" s="71">
        <v>43</v>
      </c>
      <c r="BK27" s="71">
        <v>29</v>
      </c>
      <c r="BL27" s="71">
        <v>19</v>
      </c>
      <c r="BM27" s="71">
        <v>17</v>
      </c>
      <c r="BN27" s="71">
        <v>15</v>
      </c>
      <c r="BO27" s="72">
        <v>123</v>
      </c>
      <c r="BP27" s="73">
        <v>176</v>
      </c>
      <c r="BQ27" s="70">
        <v>27</v>
      </c>
      <c r="BR27" s="71">
        <v>16</v>
      </c>
      <c r="BS27" s="72">
        <v>43</v>
      </c>
      <c r="BT27" s="244"/>
      <c r="BU27" s="71">
        <v>39</v>
      </c>
      <c r="BV27" s="71">
        <v>17</v>
      </c>
      <c r="BW27" s="71">
        <v>24</v>
      </c>
      <c r="BX27" s="71">
        <v>17</v>
      </c>
      <c r="BY27" s="71">
        <v>4</v>
      </c>
      <c r="BZ27" s="72">
        <v>101</v>
      </c>
      <c r="CA27" s="73">
        <v>144</v>
      </c>
      <c r="CB27" s="70">
        <v>6</v>
      </c>
      <c r="CC27" s="71">
        <v>3</v>
      </c>
      <c r="CD27" s="72">
        <v>9</v>
      </c>
      <c r="CE27" s="244"/>
      <c r="CF27" s="71">
        <v>3</v>
      </c>
      <c r="CG27" s="71">
        <v>4</v>
      </c>
      <c r="CH27" s="71">
        <v>1</v>
      </c>
      <c r="CI27" s="71">
        <v>2</v>
      </c>
      <c r="CJ27" s="71">
        <v>2</v>
      </c>
      <c r="CK27" s="72">
        <v>12</v>
      </c>
      <c r="CL27" s="73">
        <v>21</v>
      </c>
      <c r="CM27" s="70">
        <v>110</v>
      </c>
      <c r="CN27" s="71">
        <v>72</v>
      </c>
      <c r="CO27" s="72">
        <v>182</v>
      </c>
      <c r="CP27" s="244"/>
      <c r="CQ27" s="71">
        <v>164</v>
      </c>
      <c r="CR27" s="71">
        <v>91</v>
      </c>
      <c r="CS27" s="71">
        <v>74</v>
      </c>
      <c r="CT27" s="71">
        <v>61</v>
      </c>
      <c r="CU27" s="71">
        <v>52</v>
      </c>
      <c r="CV27" s="72">
        <v>442</v>
      </c>
      <c r="CW27" s="73">
        <v>624</v>
      </c>
      <c r="CX27" s="123">
        <v>220</v>
      </c>
      <c r="CY27" s="82">
        <v>153</v>
      </c>
      <c r="CZ27" s="83">
        <v>373</v>
      </c>
      <c r="DA27" s="241"/>
      <c r="DB27" s="82">
        <v>278</v>
      </c>
      <c r="DC27" s="82">
        <v>182</v>
      </c>
      <c r="DD27" s="82">
        <v>163</v>
      </c>
      <c r="DE27" s="82">
        <v>172</v>
      </c>
      <c r="DF27" s="82">
        <v>121</v>
      </c>
      <c r="DG27" s="84">
        <v>916</v>
      </c>
      <c r="DH27" s="85">
        <v>1289</v>
      </c>
      <c r="DI27" s="70">
        <v>6</v>
      </c>
      <c r="DJ27" s="71">
        <v>2</v>
      </c>
      <c r="DK27" s="72">
        <v>8</v>
      </c>
      <c r="DL27" s="244"/>
      <c r="DM27" s="71">
        <v>1</v>
      </c>
      <c r="DN27" s="71">
        <v>3</v>
      </c>
      <c r="DO27" s="71">
        <v>4</v>
      </c>
      <c r="DP27" s="71">
        <v>2</v>
      </c>
      <c r="DQ27" s="71">
        <v>2</v>
      </c>
      <c r="DR27" s="72">
        <v>12</v>
      </c>
      <c r="DS27" s="73">
        <v>20</v>
      </c>
      <c r="DT27" s="70">
        <v>18</v>
      </c>
      <c r="DU27" s="71">
        <v>5</v>
      </c>
      <c r="DV27" s="72">
        <v>23</v>
      </c>
      <c r="DW27" s="244"/>
      <c r="DX27" s="71">
        <v>7</v>
      </c>
      <c r="DY27" s="71">
        <v>7</v>
      </c>
      <c r="DZ27" s="71">
        <v>7</v>
      </c>
      <c r="EA27" s="71">
        <v>7</v>
      </c>
      <c r="EB27" s="71">
        <v>2</v>
      </c>
      <c r="EC27" s="72">
        <v>30</v>
      </c>
      <c r="ED27" s="73">
        <v>53</v>
      </c>
      <c r="EE27" s="70">
        <v>24</v>
      </c>
      <c r="EF27" s="71">
        <v>23</v>
      </c>
      <c r="EG27" s="72">
        <v>47</v>
      </c>
      <c r="EH27" s="244"/>
      <c r="EI27" s="71">
        <v>31</v>
      </c>
      <c r="EJ27" s="71">
        <v>21</v>
      </c>
      <c r="EK27" s="71">
        <v>10</v>
      </c>
      <c r="EL27" s="71">
        <v>11</v>
      </c>
      <c r="EM27" s="71">
        <v>4</v>
      </c>
      <c r="EN27" s="72">
        <v>77</v>
      </c>
      <c r="EO27" s="73">
        <v>124</v>
      </c>
      <c r="EP27" s="70">
        <v>58</v>
      </c>
      <c r="EQ27" s="71">
        <v>38</v>
      </c>
      <c r="ER27" s="72">
        <v>96</v>
      </c>
      <c r="ES27" s="244"/>
      <c r="ET27" s="71">
        <v>73</v>
      </c>
      <c r="EU27" s="71">
        <v>35</v>
      </c>
      <c r="EV27" s="71">
        <v>18</v>
      </c>
      <c r="EW27" s="71">
        <v>24</v>
      </c>
      <c r="EX27" s="71">
        <v>18</v>
      </c>
      <c r="EY27" s="72">
        <v>168</v>
      </c>
      <c r="EZ27" s="73">
        <v>264</v>
      </c>
      <c r="FA27" s="70">
        <v>65</v>
      </c>
      <c r="FB27" s="71">
        <v>55</v>
      </c>
      <c r="FC27" s="72">
        <v>120</v>
      </c>
      <c r="FD27" s="244"/>
      <c r="FE27" s="71">
        <v>82</v>
      </c>
      <c r="FF27" s="71">
        <v>51</v>
      </c>
      <c r="FG27" s="71">
        <v>47</v>
      </c>
      <c r="FH27" s="71">
        <v>39</v>
      </c>
      <c r="FI27" s="71">
        <v>32</v>
      </c>
      <c r="FJ27" s="72">
        <v>251</v>
      </c>
      <c r="FK27" s="73">
        <v>371</v>
      </c>
      <c r="FL27" s="70">
        <v>49</v>
      </c>
      <c r="FM27" s="71">
        <v>30</v>
      </c>
      <c r="FN27" s="72">
        <v>79</v>
      </c>
      <c r="FO27" s="244"/>
      <c r="FP27" s="71">
        <v>84</v>
      </c>
      <c r="FQ27" s="71">
        <v>65</v>
      </c>
      <c r="FR27" s="71">
        <v>77</v>
      </c>
      <c r="FS27" s="71">
        <v>89</v>
      </c>
      <c r="FT27" s="71">
        <v>63</v>
      </c>
      <c r="FU27" s="72">
        <v>378</v>
      </c>
      <c r="FV27" s="73">
        <v>457</v>
      </c>
      <c r="FW27" s="70">
        <v>2</v>
      </c>
      <c r="FX27" s="71">
        <v>2</v>
      </c>
      <c r="FY27" s="72">
        <v>4</v>
      </c>
      <c r="FZ27" s="244"/>
      <c r="GA27" s="71">
        <v>2</v>
      </c>
      <c r="GB27" s="71">
        <v>4</v>
      </c>
      <c r="GC27" s="71">
        <v>3</v>
      </c>
      <c r="GD27" s="71">
        <v>1</v>
      </c>
      <c r="GE27" s="71">
        <v>1</v>
      </c>
      <c r="GF27" s="72">
        <v>11</v>
      </c>
      <c r="GG27" s="73">
        <v>15</v>
      </c>
      <c r="GH27" s="70">
        <v>222</v>
      </c>
      <c r="GI27" s="71">
        <v>155</v>
      </c>
      <c r="GJ27" s="72">
        <v>377</v>
      </c>
      <c r="GK27" s="244"/>
      <c r="GL27" s="71">
        <v>280</v>
      </c>
      <c r="GM27" s="71">
        <v>186</v>
      </c>
      <c r="GN27" s="71">
        <v>166</v>
      </c>
      <c r="GO27" s="71">
        <v>173</v>
      </c>
      <c r="GP27" s="71">
        <v>122</v>
      </c>
      <c r="GQ27" s="72">
        <v>927</v>
      </c>
      <c r="GR27" s="73">
        <v>1304</v>
      </c>
      <c r="GS27" s="123">
        <v>324</v>
      </c>
      <c r="GT27" s="82">
        <v>222</v>
      </c>
      <c r="GU27" s="83">
        <v>546</v>
      </c>
      <c r="GV27" s="241"/>
      <c r="GW27" s="82">
        <v>439</v>
      </c>
      <c r="GX27" s="82">
        <v>269</v>
      </c>
      <c r="GY27" s="82">
        <v>236</v>
      </c>
      <c r="GZ27" s="82">
        <v>231</v>
      </c>
      <c r="HA27" s="82">
        <v>171</v>
      </c>
      <c r="HB27" s="84">
        <v>1346</v>
      </c>
      <c r="HC27" s="85">
        <v>1892</v>
      </c>
      <c r="HD27" s="70">
        <v>8</v>
      </c>
      <c r="HE27" s="71">
        <v>2</v>
      </c>
      <c r="HF27" s="72">
        <v>10</v>
      </c>
      <c r="HG27" s="244"/>
      <c r="HH27" s="71">
        <v>9</v>
      </c>
      <c r="HI27" s="71">
        <v>7</v>
      </c>
      <c r="HJ27" s="71">
        <v>8</v>
      </c>
      <c r="HK27" s="71">
        <v>3</v>
      </c>
      <c r="HL27" s="71">
        <v>6</v>
      </c>
      <c r="HM27" s="72">
        <v>33</v>
      </c>
      <c r="HN27" s="73">
        <v>43</v>
      </c>
      <c r="HO27" s="70">
        <v>24</v>
      </c>
      <c r="HP27" s="71">
        <v>9</v>
      </c>
      <c r="HQ27" s="72">
        <v>33</v>
      </c>
      <c r="HR27" s="244"/>
      <c r="HS27" s="71">
        <v>21</v>
      </c>
      <c r="HT27" s="71">
        <v>16</v>
      </c>
      <c r="HU27" s="71">
        <v>12</v>
      </c>
      <c r="HV27" s="71">
        <v>10</v>
      </c>
      <c r="HW27" s="71">
        <v>8</v>
      </c>
      <c r="HX27" s="72">
        <v>67</v>
      </c>
      <c r="HY27" s="73">
        <v>100</v>
      </c>
      <c r="HZ27" s="70">
        <v>37</v>
      </c>
      <c r="IA27" s="71">
        <v>34</v>
      </c>
      <c r="IB27" s="72">
        <v>71</v>
      </c>
      <c r="IC27" s="244"/>
      <c r="ID27" s="71">
        <v>56</v>
      </c>
      <c r="IE27" s="71">
        <v>33</v>
      </c>
      <c r="IF27" s="71">
        <v>20</v>
      </c>
      <c r="IG27" s="71">
        <v>19</v>
      </c>
      <c r="IH27" s="71">
        <v>9</v>
      </c>
      <c r="II27" s="72">
        <v>137</v>
      </c>
      <c r="IJ27" s="73">
        <v>208</v>
      </c>
      <c r="IK27" s="70">
        <v>82</v>
      </c>
      <c r="IL27" s="71">
        <v>55</v>
      </c>
      <c r="IM27" s="72">
        <v>137</v>
      </c>
      <c r="IN27" s="244"/>
      <c r="IO27" s="71">
        <v>105</v>
      </c>
      <c r="IP27" s="71">
        <v>51</v>
      </c>
      <c r="IQ27" s="71">
        <v>29</v>
      </c>
      <c r="IR27" s="71">
        <v>37</v>
      </c>
      <c r="IS27" s="71">
        <v>34</v>
      </c>
      <c r="IT27" s="72">
        <v>256</v>
      </c>
      <c r="IU27" s="73">
        <v>393</v>
      </c>
      <c r="IV27" s="70">
        <v>97</v>
      </c>
      <c r="IW27" s="71">
        <v>76</v>
      </c>
      <c r="IX27" s="72">
        <v>173</v>
      </c>
      <c r="IY27" s="244"/>
      <c r="IZ27" s="71">
        <v>125</v>
      </c>
      <c r="JA27" s="71">
        <v>80</v>
      </c>
      <c r="JB27" s="71">
        <v>66</v>
      </c>
      <c r="JC27" s="71">
        <v>56</v>
      </c>
      <c r="JD27" s="71">
        <v>47</v>
      </c>
      <c r="JE27" s="72">
        <v>374</v>
      </c>
      <c r="JF27" s="73">
        <v>547</v>
      </c>
      <c r="JG27" s="70">
        <v>76</v>
      </c>
      <c r="JH27" s="71">
        <v>46</v>
      </c>
      <c r="JI27" s="72">
        <v>122</v>
      </c>
      <c r="JJ27" s="244"/>
      <c r="JK27" s="71">
        <v>123</v>
      </c>
      <c r="JL27" s="71">
        <v>82</v>
      </c>
      <c r="JM27" s="71">
        <v>101</v>
      </c>
      <c r="JN27" s="71">
        <v>106</v>
      </c>
      <c r="JO27" s="71">
        <v>67</v>
      </c>
      <c r="JP27" s="72">
        <v>479</v>
      </c>
      <c r="JQ27" s="73">
        <v>601</v>
      </c>
      <c r="JR27" s="70">
        <v>8</v>
      </c>
      <c r="JS27" s="71">
        <v>5</v>
      </c>
      <c r="JT27" s="72">
        <v>13</v>
      </c>
      <c r="JU27" s="244"/>
      <c r="JV27" s="71">
        <v>5</v>
      </c>
      <c r="JW27" s="71">
        <v>8</v>
      </c>
      <c r="JX27" s="71">
        <v>4</v>
      </c>
      <c r="JY27" s="71">
        <v>3</v>
      </c>
      <c r="JZ27" s="71">
        <v>3</v>
      </c>
      <c r="KA27" s="72">
        <v>23</v>
      </c>
      <c r="KB27" s="73">
        <v>36</v>
      </c>
      <c r="KC27" s="70">
        <v>332</v>
      </c>
      <c r="KD27" s="71">
        <v>227</v>
      </c>
      <c r="KE27" s="72">
        <v>559</v>
      </c>
      <c r="KF27" s="244"/>
      <c r="KG27" s="71">
        <v>444</v>
      </c>
      <c r="KH27" s="71">
        <v>277</v>
      </c>
      <c r="KI27" s="71">
        <v>240</v>
      </c>
      <c r="KJ27" s="71">
        <v>234</v>
      </c>
      <c r="KK27" s="71">
        <v>174</v>
      </c>
      <c r="KL27" s="72">
        <v>1369</v>
      </c>
      <c r="KM27" s="73">
        <v>1928</v>
      </c>
    </row>
    <row r="28" spans="2:299" ht="19.8" customHeight="1" x14ac:dyDescent="0.2">
      <c r="B28" s="126" t="s">
        <v>25</v>
      </c>
      <c r="C28" s="316">
        <v>102</v>
      </c>
      <c r="D28" s="82">
        <v>103</v>
      </c>
      <c r="E28" s="83">
        <v>205</v>
      </c>
      <c r="F28" s="241"/>
      <c r="G28" s="82">
        <v>197</v>
      </c>
      <c r="H28" s="82">
        <v>120</v>
      </c>
      <c r="I28" s="82">
        <v>98</v>
      </c>
      <c r="J28" s="82">
        <v>102</v>
      </c>
      <c r="K28" s="82">
        <v>57</v>
      </c>
      <c r="L28" s="84">
        <v>574</v>
      </c>
      <c r="M28" s="85">
        <v>779</v>
      </c>
      <c r="N28" s="70">
        <v>2</v>
      </c>
      <c r="O28" s="71">
        <v>4</v>
      </c>
      <c r="P28" s="72">
        <v>6</v>
      </c>
      <c r="Q28" s="244"/>
      <c r="R28" s="71">
        <v>4</v>
      </c>
      <c r="S28" s="71">
        <v>7</v>
      </c>
      <c r="T28" s="71">
        <v>2</v>
      </c>
      <c r="U28" s="71">
        <v>4</v>
      </c>
      <c r="V28" s="71">
        <v>2</v>
      </c>
      <c r="W28" s="72">
        <v>19</v>
      </c>
      <c r="X28" s="73">
        <v>25</v>
      </c>
      <c r="Y28" s="70">
        <v>14</v>
      </c>
      <c r="Z28" s="71">
        <v>13</v>
      </c>
      <c r="AA28" s="72">
        <v>27</v>
      </c>
      <c r="AB28" s="244"/>
      <c r="AC28" s="71">
        <v>18</v>
      </c>
      <c r="AD28" s="71">
        <v>20</v>
      </c>
      <c r="AE28" s="71">
        <v>9</v>
      </c>
      <c r="AF28" s="71">
        <v>11</v>
      </c>
      <c r="AG28" s="71">
        <v>6</v>
      </c>
      <c r="AH28" s="72">
        <v>64</v>
      </c>
      <c r="AI28" s="73">
        <v>91</v>
      </c>
      <c r="AJ28" s="70">
        <v>15</v>
      </c>
      <c r="AK28" s="71">
        <v>22</v>
      </c>
      <c r="AL28" s="72">
        <v>37</v>
      </c>
      <c r="AM28" s="244"/>
      <c r="AN28" s="71">
        <v>34</v>
      </c>
      <c r="AO28" s="71">
        <v>18</v>
      </c>
      <c r="AP28" s="71">
        <v>16</v>
      </c>
      <c r="AQ28" s="71">
        <v>24</v>
      </c>
      <c r="AR28" s="71">
        <v>11</v>
      </c>
      <c r="AS28" s="72">
        <v>103</v>
      </c>
      <c r="AT28" s="73">
        <v>140</v>
      </c>
      <c r="AU28" s="70">
        <v>35</v>
      </c>
      <c r="AV28" s="71">
        <v>30</v>
      </c>
      <c r="AW28" s="72">
        <v>65</v>
      </c>
      <c r="AX28" s="244"/>
      <c r="AY28" s="71">
        <v>59</v>
      </c>
      <c r="AZ28" s="71">
        <v>31</v>
      </c>
      <c r="BA28" s="71">
        <v>28</v>
      </c>
      <c r="BB28" s="71">
        <v>27</v>
      </c>
      <c r="BC28" s="71">
        <v>21</v>
      </c>
      <c r="BD28" s="72">
        <v>166</v>
      </c>
      <c r="BE28" s="73">
        <v>231</v>
      </c>
      <c r="BF28" s="70">
        <v>24</v>
      </c>
      <c r="BG28" s="71">
        <v>22</v>
      </c>
      <c r="BH28" s="72">
        <v>46</v>
      </c>
      <c r="BI28" s="244"/>
      <c r="BJ28" s="71">
        <v>55</v>
      </c>
      <c r="BK28" s="71">
        <v>33</v>
      </c>
      <c r="BL28" s="71">
        <v>25</v>
      </c>
      <c r="BM28" s="71">
        <v>20</v>
      </c>
      <c r="BN28" s="71">
        <v>13</v>
      </c>
      <c r="BO28" s="72">
        <v>146</v>
      </c>
      <c r="BP28" s="73">
        <v>192</v>
      </c>
      <c r="BQ28" s="70">
        <v>12</v>
      </c>
      <c r="BR28" s="71">
        <v>12</v>
      </c>
      <c r="BS28" s="72">
        <v>24</v>
      </c>
      <c r="BT28" s="244"/>
      <c r="BU28" s="71">
        <v>27</v>
      </c>
      <c r="BV28" s="71">
        <v>11</v>
      </c>
      <c r="BW28" s="71">
        <v>18</v>
      </c>
      <c r="BX28" s="71">
        <v>16</v>
      </c>
      <c r="BY28" s="71">
        <v>4</v>
      </c>
      <c r="BZ28" s="72">
        <v>76</v>
      </c>
      <c r="CA28" s="73">
        <v>100</v>
      </c>
      <c r="CB28" s="70">
        <v>1</v>
      </c>
      <c r="CC28" s="71">
        <v>2</v>
      </c>
      <c r="CD28" s="72">
        <v>3</v>
      </c>
      <c r="CE28" s="244"/>
      <c r="CF28" s="71">
        <v>4</v>
      </c>
      <c r="CG28" s="71">
        <v>10</v>
      </c>
      <c r="CH28" s="71">
        <v>2</v>
      </c>
      <c r="CI28" s="71">
        <v>4</v>
      </c>
      <c r="CJ28" s="71">
        <v>2</v>
      </c>
      <c r="CK28" s="72">
        <v>22</v>
      </c>
      <c r="CL28" s="73">
        <v>25</v>
      </c>
      <c r="CM28" s="70">
        <v>103</v>
      </c>
      <c r="CN28" s="71">
        <v>105</v>
      </c>
      <c r="CO28" s="72">
        <v>208</v>
      </c>
      <c r="CP28" s="244"/>
      <c r="CQ28" s="71">
        <v>201</v>
      </c>
      <c r="CR28" s="71">
        <v>130</v>
      </c>
      <c r="CS28" s="71">
        <v>100</v>
      </c>
      <c r="CT28" s="71">
        <v>106</v>
      </c>
      <c r="CU28" s="71">
        <v>59</v>
      </c>
      <c r="CV28" s="72">
        <v>596</v>
      </c>
      <c r="CW28" s="73">
        <v>804</v>
      </c>
      <c r="CX28" s="123">
        <v>185</v>
      </c>
      <c r="CY28" s="82">
        <v>184</v>
      </c>
      <c r="CZ28" s="83">
        <v>369</v>
      </c>
      <c r="DA28" s="241"/>
      <c r="DB28" s="82">
        <v>310</v>
      </c>
      <c r="DC28" s="82">
        <v>211</v>
      </c>
      <c r="DD28" s="82">
        <v>148</v>
      </c>
      <c r="DE28" s="82">
        <v>183</v>
      </c>
      <c r="DF28" s="82">
        <v>112</v>
      </c>
      <c r="DG28" s="84">
        <v>964</v>
      </c>
      <c r="DH28" s="85">
        <v>1333</v>
      </c>
      <c r="DI28" s="70">
        <v>4</v>
      </c>
      <c r="DJ28" s="71">
        <v>6</v>
      </c>
      <c r="DK28" s="72">
        <v>10</v>
      </c>
      <c r="DL28" s="244"/>
      <c r="DM28" s="71">
        <v>10</v>
      </c>
      <c r="DN28" s="71">
        <v>8</v>
      </c>
      <c r="DO28" s="71">
        <v>3</v>
      </c>
      <c r="DP28" s="71">
        <v>6</v>
      </c>
      <c r="DQ28" s="71">
        <v>2</v>
      </c>
      <c r="DR28" s="72">
        <v>29</v>
      </c>
      <c r="DS28" s="73">
        <v>39</v>
      </c>
      <c r="DT28" s="70">
        <v>17</v>
      </c>
      <c r="DU28" s="71">
        <v>14</v>
      </c>
      <c r="DV28" s="72">
        <v>31</v>
      </c>
      <c r="DW28" s="244"/>
      <c r="DX28" s="71">
        <v>22</v>
      </c>
      <c r="DY28" s="71">
        <v>10</v>
      </c>
      <c r="DZ28" s="71">
        <v>13</v>
      </c>
      <c r="EA28" s="71">
        <v>8</v>
      </c>
      <c r="EB28" s="71">
        <v>10</v>
      </c>
      <c r="EC28" s="72">
        <v>63</v>
      </c>
      <c r="ED28" s="73">
        <v>94</v>
      </c>
      <c r="EE28" s="70">
        <v>39</v>
      </c>
      <c r="EF28" s="71">
        <v>32</v>
      </c>
      <c r="EG28" s="72">
        <v>71</v>
      </c>
      <c r="EH28" s="244"/>
      <c r="EI28" s="71">
        <v>43</v>
      </c>
      <c r="EJ28" s="71">
        <v>26</v>
      </c>
      <c r="EK28" s="71">
        <v>23</v>
      </c>
      <c r="EL28" s="71">
        <v>24</v>
      </c>
      <c r="EM28" s="71">
        <v>17</v>
      </c>
      <c r="EN28" s="72">
        <v>133</v>
      </c>
      <c r="EO28" s="73">
        <v>204</v>
      </c>
      <c r="EP28" s="70">
        <v>53</v>
      </c>
      <c r="EQ28" s="71">
        <v>46</v>
      </c>
      <c r="ER28" s="72">
        <v>99</v>
      </c>
      <c r="ES28" s="244"/>
      <c r="ET28" s="71">
        <v>70</v>
      </c>
      <c r="EU28" s="71">
        <v>50</v>
      </c>
      <c r="EV28" s="71">
        <v>25</v>
      </c>
      <c r="EW28" s="71">
        <v>36</v>
      </c>
      <c r="EX28" s="71">
        <v>13</v>
      </c>
      <c r="EY28" s="72">
        <v>194</v>
      </c>
      <c r="EZ28" s="73">
        <v>293</v>
      </c>
      <c r="FA28" s="70">
        <v>49</v>
      </c>
      <c r="FB28" s="71">
        <v>52</v>
      </c>
      <c r="FC28" s="72">
        <v>101</v>
      </c>
      <c r="FD28" s="244"/>
      <c r="FE28" s="71">
        <v>95</v>
      </c>
      <c r="FF28" s="71">
        <v>56</v>
      </c>
      <c r="FG28" s="71">
        <v>45</v>
      </c>
      <c r="FH28" s="71">
        <v>54</v>
      </c>
      <c r="FI28" s="71">
        <v>39</v>
      </c>
      <c r="FJ28" s="72">
        <v>289</v>
      </c>
      <c r="FK28" s="73">
        <v>390</v>
      </c>
      <c r="FL28" s="70">
        <v>23</v>
      </c>
      <c r="FM28" s="71">
        <v>34</v>
      </c>
      <c r="FN28" s="72">
        <v>57</v>
      </c>
      <c r="FO28" s="244"/>
      <c r="FP28" s="71">
        <v>70</v>
      </c>
      <c r="FQ28" s="71">
        <v>61</v>
      </c>
      <c r="FR28" s="71">
        <v>39</v>
      </c>
      <c r="FS28" s="71">
        <v>55</v>
      </c>
      <c r="FT28" s="71">
        <v>31</v>
      </c>
      <c r="FU28" s="72">
        <v>256</v>
      </c>
      <c r="FV28" s="73">
        <v>313</v>
      </c>
      <c r="FW28" s="70">
        <v>3</v>
      </c>
      <c r="FX28" s="71">
        <v>4</v>
      </c>
      <c r="FY28" s="72">
        <v>7</v>
      </c>
      <c r="FZ28" s="244"/>
      <c r="GA28" s="71">
        <v>3</v>
      </c>
      <c r="GB28" s="71">
        <v>2</v>
      </c>
      <c r="GC28" s="71">
        <v>3</v>
      </c>
      <c r="GD28" s="71">
        <v>3</v>
      </c>
      <c r="GE28" s="71">
        <v>7</v>
      </c>
      <c r="GF28" s="72">
        <v>18</v>
      </c>
      <c r="GG28" s="73">
        <v>25</v>
      </c>
      <c r="GH28" s="70">
        <v>188</v>
      </c>
      <c r="GI28" s="71">
        <v>188</v>
      </c>
      <c r="GJ28" s="72">
        <v>376</v>
      </c>
      <c r="GK28" s="244"/>
      <c r="GL28" s="71">
        <v>313</v>
      </c>
      <c r="GM28" s="71">
        <v>213</v>
      </c>
      <c r="GN28" s="71">
        <v>151</v>
      </c>
      <c r="GO28" s="71">
        <v>186</v>
      </c>
      <c r="GP28" s="71">
        <v>119</v>
      </c>
      <c r="GQ28" s="72">
        <v>982</v>
      </c>
      <c r="GR28" s="73">
        <v>1358</v>
      </c>
      <c r="GS28" s="123">
        <v>287</v>
      </c>
      <c r="GT28" s="82">
        <v>287</v>
      </c>
      <c r="GU28" s="83">
        <v>574</v>
      </c>
      <c r="GV28" s="241"/>
      <c r="GW28" s="82">
        <v>507</v>
      </c>
      <c r="GX28" s="82">
        <v>331</v>
      </c>
      <c r="GY28" s="82">
        <v>246</v>
      </c>
      <c r="GZ28" s="82">
        <v>285</v>
      </c>
      <c r="HA28" s="82">
        <v>169</v>
      </c>
      <c r="HB28" s="84">
        <v>1538</v>
      </c>
      <c r="HC28" s="85">
        <v>2112</v>
      </c>
      <c r="HD28" s="70">
        <v>6</v>
      </c>
      <c r="HE28" s="71">
        <v>10</v>
      </c>
      <c r="HF28" s="72">
        <v>16</v>
      </c>
      <c r="HG28" s="244"/>
      <c r="HH28" s="71">
        <v>14</v>
      </c>
      <c r="HI28" s="71">
        <v>15</v>
      </c>
      <c r="HJ28" s="71">
        <v>5</v>
      </c>
      <c r="HK28" s="71">
        <v>10</v>
      </c>
      <c r="HL28" s="71">
        <v>4</v>
      </c>
      <c r="HM28" s="72">
        <v>48</v>
      </c>
      <c r="HN28" s="73">
        <v>64</v>
      </c>
      <c r="HO28" s="70">
        <v>31</v>
      </c>
      <c r="HP28" s="71">
        <v>27</v>
      </c>
      <c r="HQ28" s="72">
        <v>58</v>
      </c>
      <c r="HR28" s="244"/>
      <c r="HS28" s="71">
        <v>40</v>
      </c>
      <c r="HT28" s="71">
        <v>30</v>
      </c>
      <c r="HU28" s="71">
        <v>22</v>
      </c>
      <c r="HV28" s="71">
        <v>19</v>
      </c>
      <c r="HW28" s="71">
        <v>16</v>
      </c>
      <c r="HX28" s="72">
        <v>127</v>
      </c>
      <c r="HY28" s="73">
        <v>185</v>
      </c>
      <c r="HZ28" s="70">
        <v>54</v>
      </c>
      <c r="IA28" s="71">
        <v>54</v>
      </c>
      <c r="IB28" s="72">
        <v>108</v>
      </c>
      <c r="IC28" s="244"/>
      <c r="ID28" s="71">
        <v>77</v>
      </c>
      <c r="IE28" s="71">
        <v>44</v>
      </c>
      <c r="IF28" s="71">
        <v>39</v>
      </c>
      <c r="IG28" s="71">
        <v>48</v>
      </c>
      <c r="IH28" s="71">
        <v>28</v>
      </c>
      <c r="II28" s="72">
        <v>236</v>
      </c>
      <c r="IJ28" s="73">
        <v>344</v>
      </c>
      <c r="IK28" s="70">
        <v>88</v>
      </c>
      <c r="IL28" s="71">
        <v>76</v>
      </c>
      <c r="IM28" s="72">
        <v>164</v>
      </c>
      <c r="IN28" s="244"/>
      <c r="IO28" s="71">
        <v>129</v>
      </c>
      <c r="IP28" s="71">
        <v>81</v>
      </c>
      <c r="IQ28" s="71">
        <v>53</v>
      </c>
      <c r="IR28" s="71">
        <v>63</v>
      </c>
      <c r="IS28" s="71">
        <v>34</v>
      </c>
      <c r="IT28" s="72">
        <v>360</v>
      </c>
      <c r="IU28" s="73">
        <v>524</v>
      </c>
      <c r="IV28" s="70">
        <v>73</v>
      </c>
      <c r="IW28" s="71">
        <v>74</v>
      </c>
      <c r="IX28" s="72">
        <v>147</v>
      </c>
      <c r="IY28" s="244"/>
      <c r="IZ28" s="71">
        <v>150</v>
      </c>
      <c r="JA28" s="71">
        <v>89</v>
      </c>
      <c r="JB28" s="71">
        <v>70</v>
      </c>
      <c r="JC28" s="71">
        <v>74</v>
      </c>
      <c r="JD28" s="71">
        <v>52</v>
      </c>
      <c r="JE28" s="72">
        <v>435</v>
      </c>
      <c r="JF28" s="73">
        <v>582</v>
      </c>
      <c r="JG28" s="70">
        <v>35</v>
      </c>
      <c r="JH28" s="71">
        <v>46</v>
      </c>
      <c r="JI28" s="72">
        <v>81</v>
      </c>
      <c r="JJ28" s="244"/>
      <c r="JK28" s="71">
        <v>97</v>
      </c>
      <c r="JL28" s="71">
        <v>72</v>
      </c>
      <c r="JM28" s="71">
        <v>57</v>
      </c>
      <c r="JN28" s="71">
        <v>71</v>
      </c>
      <c r="JO28" s="71">
        <v>35</v>
      </c>
      <c r="JP28" s="72">
        <v>332</v>
      </c>
      <c r="JQ28" s="73">
        <v>413</v>
      </c>
      <c r="JR28" s="70">
        <v>4</v>
      </c>
      <c r="JS28" s="71">
        <v>6</v>
      </c>
      <c r="JT28" s="72">
        <v>10</v>
      </c>
      <c r="JU28" s="244"/>
      <c r="JV28" s="71">
        <v>7</v>
      </c>
      <c r="JW28" s="71">
        <v>12</v>
      </c>
      <c r="JX28" s="71">
        <v>5</v>
      </c>
      <c r="JY28" s="71">
        <v>7</v>
      </c>
      <c r="JZ28" s="71">
        <v>9</v>
      </c>
      <c r="KA28" s="72">
        <v>40</v>
      </c>
      <c r="KB28" s="73">
        <v>50</v>
      </c>
      <c r="KC28" s="70">
        <v>291</v>
      </c>
      <c r="KD28" s="71">
        <v>293</v>
      </c>
      <c r="KE28" s="72">
        <v>584</v>
      </c>
      <c r="KF28" s="244"/>
      <c r="KG28" s="71">
        <v>514</v>
      </c>
      <c r="KH28" s="71">
        <v>343</v>
      </c>
      <c r="KI28" s="71">
        <v>251</v>
      </c>
      <c r="KJ28" s="71">
        <v>292</v>
      </c>
      <c r="KK28" s="71">
        <v>178</v>
      </c>
      <c r="KL28" s="72">
        <v>1578</v>
      </c>
      <c r="KM28" s="73">
        <v>2162</v>
      </c>
    </row>
    <row r="29" spans="2:299" ht="19.8" customHeight="1" x14ac:dyDescent="0.2">
      <c r="B29" s="126" t="s">
        <v>26</v>
      </c>
      <c r="C29" s="316">
        <v>98</v>
      </c>
      <c r="D29" s="82">
        <v>60</v>
      </c>
      <c r="E29" s="83">
        <v>158</v>
      </c>
      <c r="F29" s="241"/>
      <c r="G29" s="82">
        <v>139</v>
      </c>
      <c r="H29" s="82">
        <v>124</v>
      </c>
      <c r="I29" s="82">
        <v>85</v>
      </c>
      <c r="J29" s="82">
        <v>72</v>
      </c>
      <c r="K29" s="82">
        <v>38</v>
      </c>
      <c r="L29" s="84">
        <v>458</v>
      </c>
      <c r="M29" s="85">
        <v>616</v>
      </c>
      <c r="N29" s="70">
        <v>3</v>
      </c>
      <c r="O29" s="71">
        <v>2</v>
      </c>
      <c r="P29" s="72">
        <v>5</v>
      </c>
      <c r="Q29" s="244"/>
      <c r="R29" s="71">
        <v>5</v>
      </c>
      <c r="S29" s="71">
        <v>4</v>
      </c>
      <c r="T29" s="71">
        <v>3</v>
      </c>
      <c r="U29" s="71">
        <v>5</v>
      </c>
      <c r="V29" s="71">
        <v>2</v>
      </c>
      <c r="W29" s="72">
        <v>19</v>
      </c>
      <c r="X29" s="73">
        <v>24</v>
      </c>
      <c r="Y29" s="70">
        <v>12</v>
      </c>
      <c r="Z29" s="71">
        <v>4</v>
      </c>
      <c r="AA29" s="72">
        <v>16</v>
      </c>
      <c r="AB29" s="244"/>
      <c r="AC29" s="71">
        <v>12</v>
      </c>
      <c r="AD29" s="71">
        <v>10</v>
      </c>
      <c r="AE29" s="71">
        <v>9</v>
      </c>
      <c r="AF29" s="71">
        <v>7</v>
      </c>
      <c r="AG29" s="71">
        <v>9</v>
      </c>
      <c r="AH29" s="72">
        <v>47</v>
      </c>
      <c r="AI29" s="73">
        <v>63</v>
      </c>
      <c r="AJ29" s="70">
        <v>17</v>
      </c>
      <c r="AK29" s="71">
        <v>11</v>
      </c>
      <c r="AL29" s="72">
        <v>28</v>
      </c>
      <c r="AM29" s="244"/>
      <c r="AN29" s="71">
        <v>18</v>
      </c>
      <c r="AO29" s="71">
        <v>17</v>
      </c>
      <c r="AP29" s="71">
        <v>19</v>
      </c>
      <c r="AQ29" s="71">
        <v>9</v>
      </c>
      <c r="AR29" s="71">
        <v>4</v>
      </c>
      <c r="AS29" s="72">
        <v>67</v>
      </c>
      <c r="AT29" s="73">
        <v>95</v>
      </c>
      <c r="AU29" s="70">
        <v>23</v>
      </c>
      <c r="AV29" s="71">
        <v>15</v>
      </c>
      <c r="AW29" s="72">
        <v>38</v>
      </c>
      <c r="AX29" s="244"/>
      <c r="AY29" s="71">
        <v>47</v>
      </c>
      <c r="AZ29" s="71">
        <v>27</v>
      </c>
      <c r="BA29" s="71">
        <v>16</v>
      </c>
      <c r="BB29" s="71">
        <v>14</v>
      </c>
      <c r="BC29" s="71">
        <v>7</v>
      </c>
      <c r="BD29" s="72">
        <v>111</v>
      </c>
      <c r="BE29" s="73">
        <v>149</v>
      </c>
      <c r="BF29" s="70">
        <v>24</v>
      </c>
      <c r="BG29" s="71">
        <v>17</v>
      </c>
      <c r="BH29" s="72">
        <v>41</v>
      </c>
      <c r="BI29" s="244"/>
      <c r="BJ29" s="71">
        <v>26</v>
      </c>
      <c r="BK29" s="71">
        <v>39</v>
      </c>
      <c r="BL29" s="71">
        <v>25</v>
      </c>
      <c r="BM29" s="71">
        <v>19</v>
      </c>
      <c r="BN29" s="71">
        <v>10</v>
      </c>
      <c r="BO29" s="72">
        <v>119</v>
      </c>
      <c r="BP29" s="73">
        <v>160</v>
      </c>
      <c r="BQ29" s="70">
        <v>19</v>
      </c>
      <c r="BR29" s="71">
        <v>11</v>
      </c>
      <c r="BS29" s="72">
        <v>30</v>
      </c>
      <c r="BT29" s="244"/>
      <c r="BU29" s="71">
        <v>31</v>
      </c>
      <c r="BV29" s="71">
        <v>27</v>
      </c>
      <c r="BW29" s="71">
        <v>13</v>
      </c>
      <c r="BX29" s="71">
        <v>18</v>
      </c>
      <c r="BY29" s="71">
        <v>6</v>
      </c>
      <c r="BZ29" s="72">
        <v>95</v>
      </c>
      <c r="CA29" s="73">
        <v>125</v>
      </c>
      <c r="CB29" s="70">
        <v>2</v>
      </c>
      <c r="CC29" s="71">
        <v>1</v>
      </c>
      <c r="CD29" s="72">
        <v>3</v>
      </c>
      <c r="CE29" s="244"/>
      <c r="CF29" s="71">
        <v>5</v>
      </c>
      <c r="CG29" s="71">
        <v>3</v>
      </c>
      <c r="CH29" s="71">
        <v>1</v>
      </c>
      <c r="CI29" s="71">
        <v>3</v>
      </c>
      <c r="CJ29" s="71">
        <v>1</v>
      </c>
      <c r="CK29" s="72">
        <v>13</v>
      </c>
      <c r="CL29" s="73">
        <v>16</v>
      </c>
      <c r="CM29" s="70">
        <v>100</v>
      </c>
      <c r="CN29" s="71">
        <v>61</v>
      </c>
      <c r="CO29" s="72">
        <v>161</v>
      </c>
      <c r="CP29" s="244"/>
      <c r="CQ29" s="71">
        <v>144</v>
      </c>
      <c r="CR29" s="71">
        <v>127</v>
      </c>
      <c r="CS29" s="71">
        <v>86</v>
      </c>
      <c r="CT29" s="71">
        <v>75</v>
      </c>
      <c r="CU29" s="71">
        <v>39</v>
      </c>
      <c r="CV29" s="72">
        <v>471</v>
      </c>
      <c r="CW29" s="73">
        <v>632</v>
      </c>
      <c r="CX29" s="123">
        <v>177</v>
      </c>
      <c r="CY29" s="82">
        <v>183</v>
      </c>
      <c r="CZ29" s="83">
        <v>360</v>
      </c>
      <c r="DA29" s="241"/>
      <c r="DB29" s="82">
        <v>267</v>
      </c>
      <c r="DC29" s="82">
        <v>205</v>
      </c>
      <c r="DD29" s="82">
        <v>148</v>
      </c>
      <c r="DE29" s="82">
        <v>166</v>
      </c>
      <c r="DF29" s="82">
        <v>114</v>
      </c>
      <c r="DG29" s="84">
        <v>900</v>
      </c>
      <c r="DH29" s="85">
        <v>1260</v>
      </c>
      <c r="DI29" s="70">
        <v>3</v>
      </c>
      <c r="DJ29" s="71">
        <v>5</v>
      </c>
      <c r="DK29" s="72">
        <v>8</v>
      </c>
      <c r="DL29" s="244"/>
      <c r="DM29" s="71">
        <v>7</v>
      </c>
      <c r="DN29" s="71">
        <v>6</v>
      </c>
      <c r="DO29" s="71">
        <v>4</v>
      </c>
      <c r="DP29" s="71">
        <v>3</v>
      </c>
      <c r="DQ29" s="71">
        <v>2</v>
      </c>
      <c r="DR29" s="72">
        <v>22</v>
      </c>
      <c r="DS29" s="73">
        <v>30</v>
      </c>
      <c r="DT29" s="70">
        <v>16</v>
      </c>
      <c r="DU29" s="71">
        <v>11</v>
      </c>
      <c r="DV29" s="72">
        <v>27</v>
      </c>
      <c r="DW29" s="244"/>
      <c r="DX29" s="71">
        <v>13</v>
      </c>
      <c r="DY29" s="71">
        <v>8</v>
      </c>
      <c r="DZ29" s="71">
        <v>5</v>
      </c>
      <c r="EA29" s="71">
        <v>7</v>
      </c>
      <c r="EB29" s="71">
        <v>7</v>
      </c>
      <c r="EC29" s="72">
        <v>40</v>
      </c>
      <c r="ED29" s="73">
        <v>67</v>
      </c>
      <c r="EE29" s="70">
        <v>24</v>
      </c>
      <c r="EF29" s="71">
        <v>22</v>
      </c>
      <c r="EG29" s="72">
        <v>46</v>
      </c>
      <c r="EH29" s="244"/>
      <c r="EI29" s="71">
        <v>42</v>
      </c>
      <c r="EJ29" s="71">
        <v>26</v>
      </c>
      <c r="EK29" s="71">
        <v>13</v>
      </c>
      <c r="EL29" s="71">
        <v>13</v>
      </c>
      <c r="EM29" s="71">
        <v>8</v>
      </c>
      <c r="EN29" s="72">
        <v>102</v>
      </c>
      <c r="EO29" s="73">
        <v>148</v>
      </c>
      <c r="EP29" s="70">
        <v>49</v>
      </c>
      <c r="EQ29" s="71">
        <v>48</v>
      </c>
      <c r="ER29" s="72">
        <v>97</v>
      </c>
      <c r="ES29" s="244"/>
      <c r="ET29" s="71">
        <v>55</v>
      </c>
      <c r="EU29" s="71">
        <v>34</v>
      </c>
      <c r="EV29" s="71">
        <v>31</v>
      </c>
      <c r="EW29" s="71">
        <v>19</v>
      </c>
      <c r="EX29" s="71">
        <v>18</v>
      </c>
      <c r="EY29" s="72">
        <v>157</v>
      </c>
      <c r="EZ29" s="73">
        <v>254</v>
      </c>
      <c r="FA29" s="70">
        <v>50</v>
      </c>
      <c r="FB29" s="71">
        <v>61</v>
      </c>
      <c r="FC29" s="72">
        <v>111</v>
      </c>
      <c r="FD29" s="244"/>
      <c r="FE29" s="71">
        <v>75</v>
      </c>
      <c r="FF29" s="71">
        <v>52</v>
      </c>
      <c r="FG29" s="71">
        <v>32</v>
      </c>
      <c r="FH29" s="71">
        <v>40</v>
      </c>
      <c r="FI29" s="71">
        <v>22</v>
      </c>
      <c r="FJ29" s="72">
        <v>221</v>
      </c>
      <c r="FK29" s="73">
        <v>332</v>
      </c>
      <c r="FL29" s="70">
        <v>35</v>
      </c>
      <c r="FM29" s="71">
        <v>36</v>
      </c>
      <c r="FN29" s="72">
        <v>71</v>
      </c>
      <c r="FO29" s="244"/>
      <c r="FP29" s="71">
        <v>75</v>
      </c>
      <c r="FQ29" s="71">
        <v>79</v>
      </c>
      <c r="FR29" s="71">
        <v>63</v>
      </c>
      <c r="FS29" s="71">
        <v>84</v>
      </c>
      <c r="FT29" s="71">
        <v>57</v>
      </c>
      <c r="FU29" s="72">
        <v>358</v>
      </c>
      <c r="FV29" s="73">
        <v>429</v>
      </c>
      <c r="FW29" s="70">
        <v>0</v>
      </c>
      <c r="FX29" s="71">
        <v>2</v>
      </c>
      <c r="FY29" s="72">
        <v>2</v>
      </c>
      <c r="FZ29" s="244"/>
      <c r="GA29" s="71">
        <v>8</v>
      </c>
      <c r="GB29" s="71">
        <v>2</v>
      </c>
      <c r="GC29" s="71">
        <v>1</v>
      </c>
      <c r="GD29" s="71">
        <v>4</v>
      </c>
      <c r="GE29" s="71">
        <v>2</v>
      </c>
      <c r="GF29" s="72">
        <v>17</v>
      </c>
      <c r="GG29" s="73">
        <v>19</v>
      </c>
      <c r="GH29" s="70">
        <v>177</v>
      </c>
      <c r="GI29" s="71">
        <v>185</v>
      </c>
      <c r="GJ29" s="72">
        <v>362</v>
      </c>
      <c r="GK29" s="244"/>
      <c r="GL29" s="71">
        <v>275</v>
      </c>
      <c r="GM29" s="71">
        <v>207</v>
      </c>
      <c r="GN29" s="71">
        <v>149</v>
      </c>
      <c r="GO29" s="71">
        <v>170</v>
      </c>
      <c r="GP29" s="71">
        <v>116</v>
      </c>
      <c r="GQ29" s="72">
        <v>917</v>
      </c>
      <c r="GR29" s="73">
        <v>1279</v>
      </c>
      <c r="GS29" s="123">
        <v>275</v>
      </c>
      <c r="GT29" s="82">
        <v>243</v>
      </c>
      <c r="GU29" s="83">
        <v>518</v>
      </c>
      <c r="GV29" s="241"/>
      <c r="GW29" s="82">
        <v>406</v>
      </c>
      <c r="GX29" s="82">
        <v>329</v>
      </c>
      <c r="GY29" s="82">
        <v>233</v>
      </c>
      <c r="GZ29" s="82">
        <v>238</v>
      </c>
      <c r="HA29" s="82">
        <v>152</v>
      </c>
      <c r="HB29" s="84">
        <v>1358</v>
      </c>
      <c r="HC29" s="85">
        <v>1876</v>
      </c>
      <c r="HD29" s="70">
        <v>6</v>
      </c>
      <c r="HE29" s="71">
        <v>7</v>
      </c>
      <c r="HF29" s="72">
        <v>13</v>
      </c>
      <c r="HG29" s="244"/>
      <c r="HH29" s="71">
        <v>12</v>
      </c>
      <c r="HI29" s="71">
        <v>10</v>
      </c>
      <c r="HJ29" s="71">
        <v>7</v>
      </c>
      <c r="HK29" s="71">
        <v>8</v>
      </c>
      <c r="HL29" s="71">
        <v>4</v>
      </c>
      <c r="HM29" s="72">
        <v>41</v>
      </c>
      <c r="HN29" s="73">
        <v>54</v>
      </c>
      <c r="HO29" s="70">
        <v>28</v>
      </c>
      <c r="HP29" s="71">
        <v>15</v>
      </c>
      <c r="HQ29" s="72">
        <v>43</v>
      </c>
      <c r="HR29" s="244"/>
      <c r="HS29" s="71">
        <v>25</v>
      </c>
      <c r="HT29" s="71">
        <v>18</v>
      </c>
      <c r="HU29" s="71">
        <v>14</v>
      </c>
      <c r="HV29" s="71">
        <v>14</v>
      </c>
      <c r="HW29" s="71">
        <v>16</v>
      </c>
      <c r="HX29" s="72">
        <v>87</v>
      </c>
      <c r="HY29" s="73">
        <v>130</v>
      </c>
      <c r="HZ29" s="70">
        <v>41</v>
      </c>
      <c r="IA29" s="71">
        <v>33</v>
      </c>
      <c r="IB29" s="72">
        <v>74</v>
      </c>
      <c r="IC29" s="244"/>
      <c r="ID29" s="71">
        <v>60</v>
      </c>
      <c r="IE29" s="71">
        <v>43</v>
      </c>
      <c r="IF29" s="71">
        <v>32</v>
      </c>
      <c r="IG29" s="71">
        <v>22</v>
      </c>
      <c r="IH29" s="71">
        <v>12</v>
      </c>
      <c r="II29" s="72">
        <v>169</v>
      </c>
      <c r="IJ29" s="73">
        <v>243</v>
      </c>
      <c r="IK29" s="70">
        <v>72</v>
      </c>
      <c r="IL29" s="71">
        <v>63</v>
      </c>
      <c r="IM29" s="72">
        <v>135</v>
      </c>
      <c r="IN29" s="244"/>
      <c r="IO29" s="71">
        <v>102</v>
      </c>
      <c r="IP29" s="71">
        <v>61</v>
      </c>
      <c r="IQ29" s="71">
        <v>47</v>
      </c>
      <c r="IR29" s="71">
        <v>33</v>
      </c>
      <c r="IS29" s="71">
        <v>25</v>
      </c>
      <c r="IT29" s="72">
        <v>268</v>
      </c>
      <c r="IU29" s="73">
        <v>403</v>
      </c>
      <c r="IV29" s="70">
        <v>74</v>
      </c>
      <c r="IW29" s="71">
        <v>78</v>
      </c>
      <c r="IX29" s="72">
        <v>152</v>
      </c>
      <c r="IY29" s="244"/>
      <c r="IZ29" s="71">
        <v>101</v>
      </c>
      <c r="JA29" s="71">
        <v>91</v>
      </c>
      <c r="JB29" s="71">
        <v>57</v>
      </c>
      <c r="JC29" s="71">
        <v>59</v>
      </c>
      <c r="JD29" s="71">
        <v>32</v>
      </c>
      <c r="JE29" s="72">
        <v>340</v>
      </c>
      <c r="JF29" s="73">
        <v>492</v>
      </c>
      <c r="JG29" s="70">
        <v>54</v>
      </c>
      <c r="JH29" s="71">
        <v>47</v>
      </c>
      <c r="JI29" s="72">
        <v>101</v>
      </c>
      <c r="JJ29" s="244"/>
      <c r="JK29" s="71">
        <v>106</v>
      </c>
      <c r="JL29" s="71">
        <v>106</v>
      </c>
      <c r="JM29" s="71">
        <v>76</v>
      </c>
      <c r="JN29" s="71">
        <v>102</v>
      </c>
      <c r="JO29" s="71">
        <v>63</v>
      </c>
      <c r="JP29" s="72">
        <v>453</v>
      </c>
      <c r="JQ29" s="73">
        <v>554</v>
      </c>
      <c r="JR29" s="70">
        <v>2</v>
      </c>
      <c r="JS29" s="71">
        <v>3</v>
      </c>
      <c r="JT29" s="72">
        <v>5</v>
      </c>
      <c r="JU29" s="244"/>
      <c r="JV29" s="71">
        <v>13</v>
      </c>
      <c r="JW29" s="71">
        <v>5</v>
      </c>
      <c r="JX29" s="71">
        <v>2</v>
      </c>
      <c r="JY29" s="71">
        <v>7</v>
      </c>
      <c r="JZ29" s="71">
        <v>3</v>
      </c>
      <c r="KA29" s="72">
        <v>30</v>
      </c>
      <c r="KB29" s="73">
        <v>35</v>
      </c>
      <c r="KC29" s="70">
        <v>277</v>
      </c>
      <c r="KD29" s="71">
        <v>246</v>
      </c>
      <c r="KE29" s="72">
        <v>523</v>
      </c>
      <c r="KF29" s="244"/>
      <c r="KG29" s="71">
        <v>419</v>
      </c>
      <c r="KH29" s="71">
        <v>334</v>
      </c>
      <c r="KI29" s="71">
        <v>235</v>
      </c>
      <c r="KJ29" s="71">
        <v>245</v>
      </c>
      <c r="KK29" s="71">
        <v>155</v>
      </c>
      <c r="KL29" s="72">
        <v>1388</v>
      </c>
      <c r="KM29" s="73">
        <v>1911</v>
      </c>
    </row>
    <row r="30" spans="2:299" ht="19.8" customHeight="1" x14ac:dyDescent="0.2">
      <c r="B30" s="126" t="s">
        <v>27</v>
      </c>
      <c r="C30" s="316">
        <v>89</v>
      </c>
      <c r="D30" s="82">
        <v>120</v>
      </c>
      <c r="E30" s="83">
        <v>209</v>
      </c>
      <c r="F30" s="241"/>
      <c r="G30" s="82">
        <v>106</v>
      </c>
      <c r="H30" s="82">
        <v>94</v>
      </c>
      <c r="I30" s="82">
        <v>76</v>
      </c>
      <c r="J30" s="82">
        <v>72</v>
      </c>
      <c r="K30" s="82">
        <v>26</v>
      </c>
      <c r="L30" s="84">
        <v>374</v>
      </c>
      <c r="M30" s="85">
        <v>583</v>
      </c>
      <c r="N30" s="70">
        <v>5</v>
      </c>
      <c r="O30" s="71">
        <v>1</v>
      </c>
      <c r="P30" s="72">
        <v>6</v>
      </c>
      <c r="Q30" s="244"/>
      <c r="R30" s="71">
        <v>1</v>
      </c>
      <c r="S30" s="71">
        <v>4</v>
      </c>
      <c r="T30" s="71">
        <v>3</v>
      </c>
      <c r="U30" s="71">
        <v>0</v>
      </c>
      <c r="V30" s="71">
        <v>1</v>
      </c>
      <c r="W30" s="72">
        <v>9</v>
      </c>
      <c r="X30" s="73">
        <v>15</v>
      </c>
      <c r="Y30" s="70">
        <v>10</v>
      </c>
      <c r="Z30" s="71">
        <v>10</v>
      </c>
      <c r="AA30" s="72">
        <v>20</v>
      </c>
      <c r="AB30" s="244"/>
      <c r="AC30" s="71">
        <v>9</v>
      </c>
      <c r="AD30" s="71">
        <v>19</v>
      </c>
      <c r="AE30" s="71">
        <v>4</v>
      </c>
      <c r="AF30" s="71">
        <v>15</v>
      </c>
      <c r="AG30" s="71">
        <v>2</v>
      </c>
      <c r="AH30" s="72">
        <v>49</v>
      </c>
      <c r="AI30" s="73">
        <v>69</v>
      </c>
      <c r="AJ30" s="70">
        <v>13</v>
      </c>
      <c r="AK30" s="71">
        <v>19</v>
      </c>
      <c r="AL30" s="72">
        <v>32</v>
      </c>
      <c r="AM30" s="244"/>
      <c r="AN30" s="71">
        <v>19</v>
      </c>
      <c r="AO30" s="71">
        <v>17</v>
      </c>
      <c r="AP30" s="71">
        <v>16</v>
      </c>
      <c r="AQ30" s="71">
        <v>7</v>
      </c>
      <c r="AR30" s="71">
        <v>5</v>
      </c>
      <c r="AS30" s="72">
        <v>64</v>
      </c>
      <c r="AT30" s="73">
        <v>96</v>
      </c>
      <c r="AU30" s="70">
        <v>23</v>
      </c>
      <c r="AV30" s="71">
        <v>31</v>
      </c>
      <c r="AW30" s="72">
        <v>54</v>
      </c>
      <c r="AX30" s="244"/>
      <c r="AY30" s="71">
        <v>31</v>
      </c>
      <c r="AZ30" s="71">
        <v>14</v>
      </c>
      <c r="BA30" s="71">
        <v>19</v>
      </c>
      <c r="BB30" s="71">
        <v>13</v>
      </c>
      <c r="BC30" s="71">
        <v>5</v>
      </c>
      <c r="BD30" s="72">
        <v>82</v>
      </c>
      <c r="BE30" s="73">
        <v>136</v>
      </c>
      <c r="BF30" s="70">
        <v>24</v>
      </c>
      <c r="BG30" s="71">
        <v>35</v>
      </c>
      <c r="BH30" s="72">
        <v>59</v>
      </c>
      <c r="BI30" s="244"/>
      <c r="BJ30" s="71">
        <v>25</v>
      </c>
      <c r="BK30" s="71">
        <v>20</v>
      </c>
      <c r="BL30" s="71">
        <v>17</v>
      </c>
      <c r="BM30" s="71">
        <v>22</v>
      </c>
      <c r="BN30" s="71">
        <v>8</v>
      </c>
      <c r="BO30" s="72">
        <v>92</v>
      </c>
      <c r="BP30" s="73">
        <v>151</v>
      </c>
      <c r="BQ30" s="70">
        <v>14</v>
      </c>
      <c r="BR30" s="71">
        <v>24</v>
      </c>
      <c r="BS30" s="72">
        <v>38</v>
      </c>
      <c r="BT30" s="244"/>
      <c r="BU30" s="71">
        <v>21</v>
      </c>
      <c r="BV30" s="71">
        <v>20</v>
      </c>
      <c r="BW30" s="71">
        <v>17</v>
      </c>
      <c r="BX30" s="71">
        <v>15</v>
      </c>
      <c r="BY30" s="71">
        <v>5</v>
      </c>
      <c r="BZ30" s="72">
        <v>78</v>
      </c>
      <c r="CA30" s="73">
        <v>116</v>
      </c>
      <c r="CB30" s="70">
        <v>0</v>
      </c>
      <c r="CC30" s="71">
        <v>3</v>
      </c>
      <c r="CD30" s="72">
        <v>3</v>
      </c>
      <c r="CE30" s="244"/>
      <c r="CF30" s="71">
        <v>4</v>
      </c>
      <c r="CG30" s="71">
        <v>2</v>
      </c>
      <c r="CH30" s="71">
        <v>5</v>
      </c>
      <c r="CI30" s="71">
        <v>0</v>
      </c>
      <c r="CJ30" s="71">
        <v>2</v>
      </c>
      <c r="CK30" s="72">
        <v>13</v>
      </c>
      <c r="CL30" s="73">
        <v>16</v>
      </c>
      <c r="CM30" s="70">
        <v>89</v>
      </c>
      <c r="CN30" s="71">
        <v>123</v>
      </c>
      <c r="CO30" s="72">
        <v>212</v>
      </c>
      <c r="CP30" s="244"/>
      <c r="CQ30" s="71">
        <v>110</v>
      </c>
      <c r="CR30" s="71">
        <v>96</v>
      </c>
      <c r="CS30" s="71">
        <v>81</v>
      </c>
      <c r="CT30" s="71">
        <v>72</v>
      </c>
      <c r="CU30" s="71">
        <v>28</v>
      </c>
      <c r="CV30" s="72">
        <v>387</v>
      </c>
      <c r="CW30" s="73">
        <v>599</v>
      </c>
      <c r="CX30" s="123">
        <v>237</v>
      </c>
      <c r="CY30" s="82">
        <v>163</v>
      </c>
      <c r="CZ30" s="83">
        <v>400</v>
      </c>
      <c r="DA30" s="241"/>
      <c r="DB30" s="82">
        <v>214</v>
      </c>
      <c r="DC30" s="82">
        <v>153</v>
      </c>
      <c r="DD30" s="82">
        <v>156</v>
      </c>
      <c r="DE30" s="82">
        <v>134</v>
      </c>
      <c r="DF30" s="82">
        <v>101</v>
      </c>
      <c r="DG30" s="84">
        <v>758</v>
      </c>
      <c r="DH30" s="85">
        <v>1158</v>
      </c>
      <c r="DI30" s="70">
        <v>2</v>
      </c>
      <c r="DJ30" s="71">
        <v>2</v>
      </c>
      <c r="DK30" s="72">
        <v>4</v>
      </c>
      <c r="DL30" s="244"/>
      <c r="DM30" s="71">
        <v>1</v>
      </c>
      <c r="DN30" s="71">
        <v>1</v>
      </c>
      <c r="DO30" s="71">
        <v>2</v>
      </c>
      <c r="DP30" s="71">
        <v>3</v>
      </c>
      <c r="DQ30" s="71">
        <v>2</v>
      </c>
      <c r="DR30" s="72">
        <v>9</v>
      </c>
      <c r="DS30" s="73">
        <v>13</v>
      </c>
      <c r="DT30" s="70">
        <v>15</v>
      </c>
      <c r="DU30" s="71">
        <v>12</v>
      </c>
      <c r="DV30" s="72">
        <v>27</v>
      </c>
      <c r="DW30" s="244"/>
      <c r="DX30" s="71">
        <v>8</v>
      </c>
      <c r="DY30" s="71">
        <v>8</v>
      </c>
      <c r="DZ30" s="71">
        <v>10</v>
      </c>
      <c r="EA30" s="71">
        <v>9</v>
      </c>
      <c r="EB30" s="71">
        <v>2</v>
      </c>
      <c r="EC30" s="72">
        <v>37</v>
      </c>
      <c r="ED30" s="73">
        <v>64</v>
      </c>
      <c r="EE30" s="70">
        <v>29</v>
      </c>
      <c r="EF30" s="71">
        <v>14</v>
      </c>
      <c r="EG30" s="72">
        <v>43</v>
      </c>
      <c r="EH30" s="244"/>
      <c r="EI30" s="71">
        <v>17</v>
      </c>
      <c r="EJ30" s="71">
        <v>19</v>
      </c>
      <c r="EK30" s="71">
        <v>8</v>
      </c>
      <c r="EL30" s="71">
        <v>10</v>
      </c>
      <c r="EM30" s="71">
        <v>11</v>
      </c>
      <c r="EN30" s="72">
        <v>65</v>
      </c>
      <c r="EO30" s="73">
        <v>108</v>
      </c>
      <c r="EP30" s="70">
        <v>65</v>
      </c>
      <c r="EQ30" s="71">
        <v>48</v>
      </c>
      <c r="ER30" s="72">
        <v>113</v>
      </c>
      <c r="ES30" s="244"/>
      <c r="ET30" s="71">
        <v>47</v>
      </c>
      <c r="EU30" s="71">
        <v>25</v>
      </c>
      <c r="EV30" s="71">
        <v>29</v>
      </c>
      <c r="EW30" s="71">
        <v>18</v>
      </c>
      <c r="EX30" s="71">
        <v>23</v>
      </c>
      <c r="EY30" s="72">
        <v>142</v>
      </c>
      <c r="EZ30" s="73">
        <v>255</v>
      </c>
      <c r="FA30" s="70">
        <v>82</v>
      </c>
      <c r="FB30" s="71">
        <v>49</v>
      </c>
      <c r="FC30" s="72">
        <v>131</v>
      </c>
      <c r="FD30" s="244"/>
      <c r="FE30" s="71">
        <v>73</v>
      </c>
      <c r="FF30" s="71">
        <v>44</v>
      </c>
      <c r="FG30" s="71">
        <v>30</v>
      </c>
      <c r="FH30" s="71">
        <v>27</v>
      </c>
      <c r="FI30" s="71">
        <v>26</v>
      </c>
      <c r="FJ30" s="72">
        <v>200</v>
      </c>
      <c r="FK30" s="73">
        <v>331</v>
      </c>
      <c r="FL30" s="70">
        <v>44</v>
      </c>
      <c r="FM30" s="71">
        <v>38</v>
      </c>
      <c r="FN30" s="72">
        <v>82</v>
      </c>
      <c r="FO30" s="244"/>
      <c r="FP30" s="71">
        <v>68</v>
      </c>
      <c r="FQ30" s="71">
        <v>56</v>
      </c>
      <c r="FR30" s="71">
        <v>77</v>
      </c>
      <c r="FS30" s="71">
        <v>67</v>
      </c>
      <c r="FT30" s="71">
        <v>37</v>
      </c>
      <c r="FU30" s="72">
        <v>305</v>
      </c>
      <c r="FV30" s="73">
        <v>387</v>
      </c>
      <c r="FW30" s="70">
        <v>0</v>
      </c>
      <c r="FX30" s="71">
        <v>3</v>
      </c>
      <c r="FY30" s="72">
        <v>3</v>
      </c>
      <c r="FZ30" s="244"/>
      <c r="GA30" s="71">
        <v>5</v>
      </c>
      <c r="GB30" s="71">
        <v>3</v>
      </c>
      <c r="GC30" s="71">
        <v>1</v>
      </c>
      <c r="GD30" s="71">
        <v>1</v>
      </c>
      <c r="GE30" s="71">
        <v>3</v>
      </c>
      <c r="GF30" s="72">
        <v>13</v>
      </c>
      <c r="GG30" s="73">
        <v>16</v>
      </c>
      <c r="GH30" s="70">
        <v>237</v>
      </c>
      <c r="GI30" s="71">
        <v>166</v>
      </c>
      <c r="GJ30" s="72">
        <v>403</v>
      </c>
      <c r="GK30" s="244"/>
      <c r="GL30" s="71">
        <v>219</v>
      </c>
      <c r="GM30" s="71">
        <v>156</v>
      </c>
      <c r="GN30" s="71">
        <v>157</v>
      </c>
      <c r="GO30" s="71">
        <v>135</v>
      </c>
      <c r="GP30" s="71">
        <v>104</v>
      </c>
      <c r="GQ30" s="72">
        <v>771</v>
      </c>
      <c r="GR30" s="73">
        <v>1174</v>
      </c>
      <c r="GS30" s="123">
        <v>326</v>
      </c>
      <c r="GT30" s="82">
        <v>283</v>
      </c>
      <c r="GU30" s="83">
        <v>609</v>
      </c>
      <c r="GV30" s="241"/>
      <c r="GW30" s="82">
        <v>320</v>
      </c>
      <c r="GX30" s="82">
        <v>247</v>
      </c>
      <c r="GY30" s="82">
        <v>232</v>
      </c>
      <c r="GZ30" s="82">
        <v>206</v>
      </c>
      <c r="HA30" s="82">
        <v>127</v>
      </c>
      <c r="HB30" s="84">
        <v>1132</v>
      </c>
      <c r="HC30" s="85">
        <v>1741</v>
      </c>
      <c r="HD30" s="70">
        <v>7</v>
      </c>
      <c r="HE30" s="71">
        <v>3</v>
      </c>
      <c r="HF30" s="72">
        <v>10</v>
      </c>
      <c r="HG30" s="244"/>
      <c r="HH30" s="71">
        <v>2</v>
      </c>
      <c r="HI30" s="71">
        <v>5</v>
      </c>
      <c r="HJ30" s="71">
        <v>5</v>
      </c>
      <c r="HK30" s="71">
        <v>3</v>
      </c>
      <c r="HL30" s="71">
        <v>3</v>
      </c>
      <c r="HM30" s="72">
        <v>18</v>
      </c>
      <c r="HN30" s="73">
        <v>28</v>
      </c>
      <c r="HO30" s="70">
        <v>25</v>
      </c>
      <c r="HP30" s="71">
        <v>22</v>
      </c>
      <c r="HQ30" s="72">
        <v>47</v>
      </c>
      <c r="HR30" s="244"/>
      <c r="HS30" s="71">
        <v>17</v>
      </c>
      <c r="HT30" s="71">
        <v>27</v>
      </c>
      <c r="HU30" s="71">
        <v>14</v>
      </c>
      <c r="HV30" s="71">
        <v>24</v>
      </c>
      <c r="HW30" s="71">
        <v>4</v>
      </c>
      <c r="HX30" s="72">
        <v>86</v>
      </c>
      <c r="HY30" s="73">
        <v>133</v>
      </c>
      <c r="HZ30" s="70">
        <v>42</v>
      </c>
      <c r="IA30" s="71">
        <v>33</v>
      </c>
      <c r="IB30" s="72">
        <v>75</v>
      </c>
      <c r="IC30" s="244"/>
      <c r="ID30" s="71">
        <v>36</v>
      </c>
      <c r="IE30" s="71">
        <v>36</v>
      </c>
      <c r="IF30" s="71">
        <v>24</v>
      </c>
      <c r="IG30" s="71">
        <v>17</v>
      </c>
      <c r="IH30" s="71">
        <v>16</v>
      </c>
      <c r="II30" s="72">
        <v>129</v>
      </c>
      <c r="IJ30" s="73">
        <v>204</v>
      </c>
      <c r="IK30" s="70">
        <v>88</v>
      </c>
      <c r="IL30" s="71">
        <v>79</v>
      </c>
      <c r="IM30" s="72">
        <v>167</v>
      </c>
      <c r="IN30" s="244"/>
      <c r="IO30" s="71">
        <v>78</v>
      </c>
      <c r="IP30" s="71">
        <v>39</v>
      </c>
      <c r="IQ30" s="71">
        <v>48</v>
      </c>
      <c r="IR30" s="71">
        <v>31</v>
      </c>
      <c r="IS30" s="71">
        <v>28</v>
      </c>
      <c r="IT30" s="72">
        <v>224</v>
      </c>
      <c r="IU30" s="73">
        <v>391</v>
      </c>
      <c r="IV30" s="70">
        <v>106</v>
      </c>
      <c r="IW30" s="71">
        <v>84</v>
      </c>
      <c r="IX30" s="72">
        <v>190</v>
      </c>
      <c r="IY30" s="244"/>
      <c r="IZ30" s="71">
        <v>98</v>
      </c>
      <c r="JA30" s="71">
        <v>64</v>
      </c>
      <c r="JB30" s="71">
        <v>47</v>
      </c>
      <c r="JC30" s="71">
        <v>49</v>
      </c>
      <c r="JD30" s="71">
        <v>34</v>
      </c>
      <c r="JE30" s="72">
        <v>292</v>
      </c>
      <c r="JF30" s="73">
        <v>482</v>
      </c>
      <c r="JG30" s="70">
        <v>58</v>
      </c>
      <c r="JH30" s="71">
        <v>62</v>
      </c>
      <c r="JI30" s="72">
        <v>120</v>
      </c>
      <c r="JJ30" s="244"/>
      <c r="JK30" s="71">
        <v>89</v>
      </c>
      <c r="JL30" s="71">
        <v>76</v>
      </c>
      <c r="JM30" s="71">
        <v>94</v>
      </c>
      <c r="JN30" s="71">
        <v>82</v>
      </c>
      <c r="JO30" s="71">
        <v>42</v>
      </c>
      <c r="JP30" s="72">
        <v>383</v>
      </c>
      <c r="JQ30" s="73">
        <v>503</v>
      </c>
      <c r="JR30" s="70">
        <v>0</v>
      </c>
      <c r="JS30" s="71">
        <v>6</v>
      </c>
      <c r="JT30" s="72">
        <v>6</v>
      </c>
      <c r="JU30" s="244"/>
      <c r="JV30" s="71">
        <v>9</v>
      </c>
      <c r="JW30" s="71">
        <v>5</v>
      </c>
      <c r="JX30" s="71">
        <v>6</v>
      </c>
      <c r="JY30" s="71">
        <v>1</v>
      </c>
      <c r="JZ30" s="71">
        <v>5</v>
      </c>
      <c r="KA30" s="72">
        <v>26</v>
      </c>
      <c r="KB30" s="73">
        <v>32</v>
      </c>
      <c r="KC30" s="70">
        <v>326</v>
      </c>
      <c r="KD30" s="71">
        <v>289</v>
      </c>
      <c r="KE30" s="72">
        <v>615</v>
      </c>
      <c r="KF30" s="244"/>
      <c r="KG30" s="71">
        <v>329</v>
      </c>
      <c r="KH30" s="71">
        <v>252</v>
      </c>
      <c r="KI30" s="71">
        <v>238</v>
      </c>
      <c r="KJ30" s="71">
        <v>207</v>
      </c>
      <c r="KK30" s="71">
        <v>132</v>
      </c>
      <c r="KL30" s="72">
        <v>1158</v>
      </c>
      <c r="KM30" s="73">
        <v>1773</v>
      </c>
    </row>
    <row r="31" spans="2:299" ht="19.8" customHeight="1" x14ac:dyDescent="0.2">
      <c r="B31" s="126" t="s">
        <v>28</v>
      </c>
      <c r="C31" s="316">
        <v>14</v>
      </c>
      <c r="D31" s="82">
        <v>15</v>
      </c>
      <c r="E31" s="83">
        <v>29</v>
      </c>
      <c r="F31" s="241"/>
      <c r="G31" s="82">
        <v>39</v>
      </c>
      <c r="H31" s="82">
        <v>44</v>
      </c>
      <c r="I31" s="82">
        <v>25</v>
      </c>
      <c r="J31" s="82">
        <v>21</v>
      </c>
      <c r="K31" s="82">
        <v>15</v>
      </c>
      <c r="L31" s="84">
        <v>144</v>
      </c>
      <c r="M31" s="85">
        <v>173</v>
      </c>
      <c r="N31" s="70">
        <v>0</v>
      </c>
      <c r="O31" s="71">
        <v>2</v>
      </c>
      <c r="P31" s="72">
        <v>2</v>
      </c>
      <c r="Q31" s="244"/>
      <c r="R31" s="71">
        <v>1</v>
      </c>
      <c r="S31" s="71">
        <v>1</v>
      </c>
      <c r="T31" s="71">
        <v>2</v>
      </c>
      <c r="U31" s="71">
        <v>0</v>
      </c>
      <c r="V31" s="71">
        <v>2</v>
      </c>
      <c r="W31" s="72">
        <v>6</v>
      </c>
      <c r="X31" s="73">
        <v>8</v>
      </c>
      <c r="Y31" s="70">
        <v>1</v>
      </c>
      <c r="Z31" s="71">
        <v>3</v>
      </c>
      <c r="AA31" s="72">
        <v>4</v>
      </c>
      <c r="AB31" s="244"/>
      <c r="AC31" s="71">
        <v>2</v>
      </c>
      <c r="AD31" s="71">
        <v>10</v>
      </c>
      <c r="AE31" s="71">
        <v>2</v>
      </c>
      <c r="AF31" s="71">
        <v>3</v>
      </c>
      <c r="AG31" s="71">
        <v>0</v>
      </c>
      <c r="AH31" s="72">
        <v>17</v>
      </c>
      <c r="AI31" s="73">
        <v>21</v>
      </c>
      <c r="AJ31" s="70">
        <v>3</v>
      </c>
      <c r="AK31" s="71">
        <v>3</v>
      </c>
      <c r="AL31" s="72">
        <v>6</v>
      </c>
      <c r="AM31" s="244"/>
      <c r="AN31" s="71">
        <v>6</v>
      </c>
      <c r="AO31" s="71">
        <v>7</v>
      </c>
      <c r="AP31" s="71">
        <v>4</v>
      </c>
      <c r="AQ31" s="71">
        <v>4</v>
      </c>
      <c r="AR31" s="71">
        <v>3</v>
      </c>
      <c r="AS31" s="72">
        <v>24</v>
      </c>
      <c r="AT31" s="73">
        <v>30</v>
      </c>
      <c r="AU31" s="70">
        <v>5</v>
      </c>
      <c r="AV31" s="71">
        <v>3</v>
      </c>
      <c r="AW31" s="72">
        <v>8</v>
      </c>
      <c r="AX31" s="244"/>
      <c r="AY31" s="71">
        <v>8</v>
      </c>
      <c r="AZ31" s="71">
        <v>8</v>
      </c>
      <c r="BA31" s="71">
        <v>3</v>
      </c>
      <c r="BB31" s="71">
        <v>2</v>
      </c>
      <c r="BC31" s="71">
        <v>3</v>
      </c>
      <c r="BD31" s="72">
        <v>24</v>
      </c>
      <c r="BE31" s="73">
        <v>32</v>
      </c>
      <c r="BF31" s="70">
        <v>3</v>
      </c>
      <c r="BG31" s="71">
        <v>3</v>
      </c>
      <c r="BH31" s="72">
        <v>6</v>
      </c>
      <c r="BI31" s="244"/>
      <c r="BJ31" s="71">
        <v>16</v>
      </c>
      <c r="BK31" s="71">
        <v>6</v>
      </c>
      <c r="BL31" s="71">
        <v>4</v>
      </c>
      <c r="BM31" s="71">
        <v>7</v>
      </c>
      <c r="BN31" s="71">
        <v>4</v>
      </c>
      <c r="BO31" s="72">
        <v>37</v>
      </c>
      <c r="BP31" s="73">
        <v>43</v>
      </c>
      <c r="BQ31" s="70">
        <v>2</v>
      </c>
      <c r="BR31" s="71">
        <v>1</v>
      </c>
      <c r="BS31" s="72">
        <v>3</v>
      </c>
      <c r="BT31" s="244"/>
      <c r="BU31" s="71">
        <v>6</v>
      </c>
      <c r="BV31" s="71">
        <v>12</v>
      </c>
      <c r="BW31" s="71">
        <v>10</v>
      </c>
      <c r="BX31" s="71">
        <v>5</v>
      </c>
      <c r="BY31" s="71">
        <v>3</v>
      </c>
      <c r="BZ31" s="72">
        <v>36</v>
      </c>
      <c r="CA31" s="73">
        <v>39</v>
      </c>
      <c r="CB31" s="70">
        <v>0</v>
      </c>
      <c r="CC31" s="71">
        <v>1</v>
      </c>
      <c r="CD31" s="72">
        <v>1</v>
      </c>
      <c r="CE31" s="244"/>
      <c r="CF31" s="71">
        <v>0</v>
      </c>
      <c r="CG31" s="71">
        <v>1</v>
      </c>
      <c r="CH31" s="71">
        <v>0</v>
      </c>
      <c r="CI31" s="71">
        <v>1</v>
      </c>
      <c r="CJ31" s="71">
        <v>2</v>
      </c>
      <c r="CK31" s="72">
        <v>4</v>
      </c>
      <c r="CL31" s="73">
        <v>5</v>
      </c>
      <c r="CM31" s="70">
        <v>14</v>
      </c>
      <c r="CN31" s="71">
        <v>16</v>
      </c>
      <c r="CO31" s="72">
        <v>30</v>
      </c>
      <c r="CP31" s="244"/>
      <c r="CQ31" s="71">
        <v>39</v>
      </c>
      <c r="CR31" s="71">
        <v>45</v>
      </c>
      <c r="CS31" s="71">
        <v>25</v>
      </c>
      <c r="CT31" s="71">
        <v>22</v>
      </c>
      <c r="CU31" s="71">
        <v>17</v>
      </c>
      <c r="CV31" s="72">
        <v>148</v>
      </c>
      <c r="CW31" s="73">
        <v>178</v>
      </c>
      <c r="CX31" s="123">
        <v>21</v>
      </c>
      <c r="CY31" s="82">
        <v>33</v>
      </c>
      <c r="CZ31" s="83">
        <v>54</v>
      </c>
      <c r="DA31" s="241"/>
      <c r="DB31" s="82">
        <v>54</v>
      </c>
      <c r="DC31" s="82">
        <v>71</v>
      </c>
      <c r="DD31" s="82">
        <v>48</v>
      </c>
      <c r="DE31" s="82">
        <v>58</v>
      </c>
      <c r="DF31" s="82">
        <v>33</v>
      </c>
      <c r="DG31" s="84">
        <v>264</v>
      </c>
      <c r="DH31" s="85">
        <v>318</v>
      </c>
      <c r="DI31" s="70">
        <v>4</v>
      </c>
      <c r="DJ31" s="71">
        <v>4</v>
      </c>
      <c r="DK31" s="72">
        <v>8</v>
      </c>
      <c r="DL31" s="244"/>
      <c r="DM31" s="71">
        <v>2</v>
      </c>
      <c r="DN31" s="71">
        <v>2</v>
      </c>
      <c r="DO31" s="71">
        <v>0</v>
      </c>
      <c r="DP31" s="71">
        <v>0</v>
      </c>
      <c r="DQ31" s="71">
        <v>0</v>
      </c>
      <c r="DR31" s="72">
        <v>4</v>
      </c>
      <c r="DS31" s="73">
        <v>12</v>
      </c>
      <c r="DT31" s="70">
        <v>2</v>
      </c>
      <c r="DU31" s="71">
        <v>2</v>
      </c>
      <c r="DV31" s="72">
        <v>4</v>
      </c>
      <c r="DW31" s="244"/>
      <c r="DX31" s="71">
        <v>1</v>
      </c>
      <c r="DY31" s="71">
        <v>4</v>
      </c>
      <c r="DZ31" s="71">
        <v>1</v>
      </c>
      <c r="EA31" s="71">
        <v>4</v>
      </c>
      <c r="EB31" s="71">
        <v>0</v>
      </c>
      <c r="EC31" s="72">
        <v>10</v>
      </c>
      <c r="ED31" s="73">
        <v>14</v>
      </c>
      <c r="EE31" s="70">
        <v>5</v>
      </c>
      <c r="EF31" s="71">
        <v>7</v>
      </c>
      <c r="EG31" s="72">
        <v>12</v>
      </c>
      <c r="EH31" s="244"/>
      <c r="EI31" s="71">
        <v>9</v>
      </c>
      <c r="EJ31" s="71">
        <v>7</v>
      </c>
      <c r="EK31" s="71">
        <v>10</v>
      </c>
      <c r="EL31" s="71">
        <v>5</v>
      </c>
      <c r="EM31" s="71">
        <v>4</v>
      </c>
      <c r="EN31" s="72">
        <v>35</v>
      </c>
      <c r="EO31" s="73">
        <v>47</v>
      </c>
      <c r="EP31" s="70">
        <v>8</v>
      </c>
      <c r="EQ31" s="71">
        <v>7</v>
      </c>
      <c r="ER31" s="72">
        <v>15</v>
      </c>
      <c r="ES31" s="244"/>
      <c r="ET31" s="71">
        <v>14</v>
      </c>
      <c r="EU31" s="71">
        <v>17</v>
      </c>
      <c r="EV31" s="71">
        <v>5</v>
      </c>
      <c r="EW31" s="71">
        <v>8</v>
      </c>
      <c r="EX31" s="71">
        <v>10</v>
      </c>
      <c r="EY31" s="72">
        <v>54</v>
      </c>
      <c r="EZ31" s="73">
        <v>69</v>
      </c>
      <c r="FA31" s="70">
        <v>2</v>
      </c>
      <c r="FB31" s="71">
        <v>7</v>
      </c>
      <c r="FC31" s="72">
        <v>9</v>
      </c>
      <c r="FD31" s="244"/>
      <c r="FE31" s="71">
        <v>17</v>
      </c>
      <c r="FF31" s="71">
        <v>21</v>
      </c>
      <c r="FG31" s="71">
        <v>9</v>
      </c>
      <c r="FH31" s="71">
        <v>20</v>
      </c>
      <c r="FI31" s="71">
        <v>6</v>
      </c>
      <c r="FJ31" s="72">
        <v>73</v>
      </c>
      <c r="FK31" s="73">
        <v>82</v>
      </c>
      <c r="FL31" s="70">
        <v>0</v>
      </c>
      <c r="FM31" s="71">
        <v>6</v>
      </c>
      <c r="FN31" s="72">
        <v>6</v>
      </c>
      <c r="FO31" s="244"/>
      <c r="FP31" s="71">
        <v>11</v>
      </c>
      <c r="FQ31" s="71">
        <v>20</v>
      </c>
      <c r="FR31" s="71">
        <v>23</v>
      </c>
      <c r="FS31" s="71">
        <v>21</v>
      </c>
      <c r="FT31" s="71">
        <v>13</v>
      </c>
      <c r="FU31" s="72">
        <v>88</v>
      </c>
      <c r="FV31" s="73">
        <v>94</v>
      </c>
      <c r="FW31" s="70">
        <v>0</v>
      </c>
      <c r="FX31" s="71">
        <v>1</v>
      </c>
      <c r="FY31" s="72">
        <v>1</v>
      </c>
      <c r="FZ31" s="244"/>
      <c r="GA31" s="71">
        <v>1</v>
      </c>
      <c r="GB31" s="71">
        <v>0</v>
      </c>
      <c r="GC31" s="71">
        <v>0</v>
      </c>
      <c r="GD31" s="71">
        <v>1</v>
      </c>
      <c r="GE31" s="71">
        <v>2</v>
      </c>
      <c r="GF31" s="72">
        <v>4</v>
      </c>
      <c r="GG31" s="73">
        <v>5</v>
      </c>
      <c r="GH31" s="70">
        <v>21</v>
      </c>
      <c r="GI31" s="71">
        <v>34</v>
      </c>
      <c r="GJ31" s="72">
        <v>55</v>
      </c>
      <c r="GK31" s="244"/>
      <c r="GL31" s="71">
        <v>55</v>
      </c>
      <c r="GM31" s="71">
        <v>71</v>
      </c>
      <c r="GN31" s="71">
        <v>48</v>
      </c>
      <c r="GO31" s="71">
        <v>59</v>
      </c>
      <c r="GP31" s="71">
        <v>35</v>
      </c>
      <c r="GQ31" s="72">
        <v>268</v>
      </c>
      <c r="GR31" s="73">
        <v>323</v>
      </c>
      <c r="GS31" s="123">
        <v>35</v>
      </c>
      <c r="GT31" s="82">
        <v>48</v>
      </c>
      <c r="GU31" s="83">
        <v>83</v>
      </c>
      <c r="GV31" s="241"/>
      <c r="GW31" s="82">
        <v>93</v>
      </c>
      <c r="GX31" s="82">
        <v>115</v>
      </c>
      <c r="GY31" s="82">
        <v>73</v>
      </c>
      <c r="GZ31" s="82">
        <v>79</v>
      </c>
      <c r="HA31" s="82">
        <v>48</v>
      </c>
      <c r="HB31" s="84">
        <v>408</v>
      </c>
      <c r="HC31" s="85">
        <v>491</v>
      </c>
      <c r="HD31" s="70">
        <v>4</v>
      </c>
      <c r="HE31" s="71">
        <v>6</v>
      </c>
      <c r="HF31" s="72">
        <v>10</v>
      </c>
      <c r="HG31" s="244"/>
      <c r="HH31" s="71">
        <v>3</v>
      </c>
      <c r="HI31" s="71">
        <v>3</v>
      </c>
      <c r="HJ31" s="71">
        <v>2</v>
      </c>
      <c r="HK31" s="71">
        <v>0</v>
      </c>
      <c r="HL31" s="71">
        <v>2</v>
      </c>
      <c r="HM31" s="72">
        <v>10</v>
      </c>
      <c r="HN31" s="73">
        <v>20</v>
      </c>
      <c r="HO31" s="70">
        <v>3</v>
      </c>
      <c r="HP31" s="71">
        <v>5</v>
      </c>
      <c r="HQ31" s="72">
        <v>8</v>
      </c>
      <c r="HR31" s="244"/>
      <c r="HS31" s="71">
        <v>3</v>
      </c>
      <c r="HT31" s="71">
        <v>14</v>
      </c>
      <c r="HU31" s="71">
        <v>3</v>
      </c>
      <c r="HV31" s="71">
        <v>7</v>
      </c>
      <c r="HW31" s="71">
        <v>0</v>
      </c>
      <c r="HX31" s="72">
        <v>27</v>
      </c>
      <c r="HY31" s="73">
        <v>35</v>
      </c>
      <c r="HZ31" s="70">
        <v>8</v>
      </c>
      <c r="IA31" s="71">
        <v>10</v>
      </c>
      <c r="IB31" s="72">
        <v>18</v>
      </c>
      <c r="IC31" s="244"/>
      <c r="ID31" s="71">
        <v>15</v>
      </c>
      <c r="IE31" s="71">
        <v>14</v>
      </c>
      <c r="IF31" s="71">
        <v>14</v>
      </c>
      <c r="IG31" s="71">
        <v>9</v>
      </c>
      <c r="IH31" s="71">
        <v>7</v>
      </c>
      <c r="II31" s="72">
        <v>59</v>
      </c>
      <c r="IJ31" s="73">
        <v>77</v>
      </c>
      <c r="IK31" s="70">
        <v>13</v>
      </c>
      <c r="IL31" s="71">
        <v>10</v>
      </c>
      <c r="IM31" s="72">
        <v>23</v>
      </c>
      <c r="IN31" s="244"/>
      <c r="IO31" s="71">
        <v>22</v>
      </c>
      <c r="IP31" s="71">
        <v>25</v>
      </c>
      <c r="IQ31" s="71">
        <v>8</v>
      </c>
      <c r="IR31" s="71">
        <v>10</v>
      </c>
      <c r="IS31" s="71">
        <v>13</v>
      </c>
      <c r="IT31" s="72">
        <v>78</v>
      </c>
      <c r="IU31" s="73">
        <v>101</v>
      </c>
      <c r="IV31" s="70">
        <v>5</v>
      </c>
      <c r="IW31" s="71">
        <v>10</v>
      </c>
      <c r="IX31" s="72">
        <v>15</v>
      </c>
      <c r="IY31" s="244"/>
      <c r="IZ31" s="71">
        <v>33</v>
      </c>
      <c r="JA31" s="71">
        <v>27</v>
      </c>
      <c r="JB31" s="71">
        <v>13</v>
      </c>
      <c r="JC31" s="71">
        <v>27</v>
      </c>
      <c r="JD31" s="71">
        <v>10</v>
      </c>
      <c r="JE31" s="72">
        <v>110</v>
      </c>
      <c r="JF31" s="73">
        <v>125</v>
      </c>
      <c r="JG31" s="70">
        <v>2</v>
      </c>
      <c r="JH31" s="71">
        <v>7</v>
      </c>
      <c r="JI31" s="72">
        <v>9</v>
      </c>
      <c r="JJ31" s="244"/>
      <c r="JK31" s="71">
        <v>17</v>
      </c>
      <c r="JL31" s="71">
        <v>32</v>
      </c>
      <c r="JM31" s="71">
        <v>33</v>
      </c>
      <c r="JN31" s="71">
        <v>26</v>
      </c>
      <c r="JO31" s="71">
        <v>16</v>
      </c>
      <c r="JP31" s="72">
        <v>124</v>
      </c>
      <c r="JQ31" s="73">
        <v>133</v>
      </c>
      <c r="JR31" s="70">
        <v>0</v>
      </c>
      <c r="JS31" s="71">
        <v>2</v>
      </c>
      <c r="JT31" s="72">
        <v>2</v>
      </c>
      <c r="JU31" s="244"/>
      <c r="JV31" s="71">
        <v>1</v>
      </c>
      <c r="JW31" s="71">
        <v>1</v>
      </c>
      <c r="JX31" s="71">
        <v>0</v>
      </c>
      <c r="JY31" s="71">
        <v>2</v>
      </c>
      <c r="JZ31" s="71">
        <v>4</v>
      </c>
      <c r="KA31" s="72">
        <v>8</v>
      </c>
      <c r="KB31" s="73">
        <v>10</v>
      </c>
      <c r="KC31" s="70">
        <v>35</v>
      </c>
      <c r="KD31" s="71">
        <v>50</v>
      </c>
      <c r="KE31" s="72">
        <v>85</v>
      </c>
      <c r="KF31" s="244"/>
      <c r="KG31" s="71">
        <v>94</v>
      </c>
      <c r="KH31" s="71">
        <v>116</v>
      </c>
      <c r="KI31" s="71">
        <v>73</v>
      </c>
      <c r="KJ31" s="71">
        <v>81</v>
      </c>
      <c r="KK31" s="71">
        <v>52</v>
      </c>
      <c r="KL31" s="72">
        <v>416</v>
      </c>
      <c r="KM31" s="73">
        <v>501</v>
      </c>
    </row>
    <row r="32" spans="2:299" ht="19.8" customHeight="1" x14ac:dyDescent="0.2">
      <c r="B32" s="126" t="s">
        <v>29</v>
      </c>
      <c r="C32" s="316">
        <v>34</v>
      </c>
      <c r="D32" s="82">
        <v>19</v>
      </c>
      <c r="E32" s="83">
        <v>53</v>
      </c>
      <c r="F32" s="241"/>
      <c r="G32" s="82">
        <v>44</v>
      </c>
      <c r="H32" s="82">
        <v>49</v>
      </c>
      <c r="I32" s="82">
        <v>40</v>
      </c>
      <c r="J32" s="82">
        <v>42</v>
      </c>
      <c r="K32" s="82">
        <v>14</v>
      </c>
      <c r="L32" s="84">
        <v>189</v>
      </c>
      <c r="M32" s="85">
        <v>242</v>
      </c>
      <c r="N32" s="70">
        <v>2</v>
      </c>
      <c r="O32" s="71">
        <v>0</v>
      </c>
      <c r="P32" s="72">
        <v>2</v>
      </c>
      <c r="Q32" s="244"/>
      <c r="R32" s="71">
        <v>3</v>
      </c>
      <c r="S32" s="71">
        <v>2</v>
      </c>
      <c r="T32" s="71">
        <v>6</v>
      </c>
      <c r="U32" s="71">
        <v>1</v>
      </c>
      <c r="V32" s="71">
        <v>0</v>
      </c>
      <c r="W32" s="72">
        <v>12</v>
      </c>
      <c r="X32" s="73">
        <v>14</v>
      </c>
      <c r="Y32" s="70">
        <v>4</v>
      </c>
      <c r="Z32" s="71">
        <v>5</v>
      </c>
      <c r="AA32" s="72">
        <v>9</v>
      </c>
      <c r="AB32" s="244"/>
      <c r="AC32" s="71">
        <v>11</v>
      </c>
      <c r="AD32" s="71">
        <v>3</v>
      </c>
      <c r="AE32" s="71">
        <v>1</v>
      </c>
      <c r="AF32" s="71">
        <v>5</v>
      </c>
      <c r="AG32" s="71">
        <v>3</v>
      </c>
      <c r="AH32" s="72">
        <v>23</v>
      </c>
      <c r="AI32" s="73">
        <v>32</v>
      </c>
      <c r="AJ32" s="70">
        <v>9</v>
      </c>
      <c r="AK32" s="71">
        <v>5</v>
      </c>
      <c r="AL32" s="72">
        <v>14</v>
      </c>
      <c r="AM32" s="244"/>
      <c r="AN32" s="71">
        <v>10</v>
      </c>
      <c r="AO32" s="71">
        <v>10</v>
      </c>
      <c r="AP32" s="71">
        <v>6</v>
      </c>
      <c r="AQ32" s="71">
        <v>6</v>
      </c>
      <c r="AR32" s="71">
        <v>1</v>
      </c>
      <c r="AS32" s="72">
        <v>33</v>
      </c>
      <c r="AT32" s="73">
        <v>47</v>
      </c>
      <c r="AU32" s="70">
        <v>10</v>
      </c>
      <c r="AV32" s="71">
        <v>3</v>
      </c>
      <c r="AW32" s="72">
        <v>13</v>
      </c>
      <c r="AX32" s="244"/>
      <c r="AY32" s="71">
        <v>4</v>
      </c>
      <c r="AZ32" s="71">
        <v>13</v>
      </c>
      <c r="BA32" s="71">
        <v>9</v>
      </c>
      <c r="BB32" s="71">
        <v>11</v>
      </c>
      <c r="BC32" s="71">
        <v>2</v>
      </c>
      <c r="BD32" s="72">
        <v>39</v>
      </c>
      <c r="BE32" s="73">
        <v>52</v>
      </c>
      <c r="BF32" s="70">
        <v>6</v>
      </c>
      <c r="BG32" s="71">
        <v>3</v>
      </c>
      <c r="BH32" s="72">
        <v>9</v>
      </c>
      <c r="BI32" s="244"/>
      <c r="BJ32" s="71">
        <v>10</v>
      </c>
      <c r="BK32" s="71">
        <v>11</v>
      </c>
      <c r="BL32" s="71">
        <v>9</v>
      </c>
      <c r="BM32" s="71">
        <v>15</v>
      </c>
      <c r="BN32" s="71">
        <v>5</v>
      </c>
      <c r="BO32" s="72">
        <v>50</v>
      </c>
      <c r="BP32" s="73">
        <v>59</v>
      </c>
      <c r="BQ32" s="70">
        <v>3</v>
      </c>
      <c r="BR32" s="71">
        <v>3</v>
      </c>
      <c r="BS32" s="72">
        <v>6</v>
      </c>
      <c r="BT32" s="244"/>
      <c r="BU32" s="71">
        <v>6</v>
      </c>
      <c r="BV32" s="71">
        <v>10</v>
      </c>
      <c r="BW32" s="71">
        <v>9</v>
      </c>
      <c r="BX32" s="71">
        <v>4</v>
      </c>
      <c r="BY32" s="71">
        <v>3</v>
      </c>
      <c r="BZ32" s="72">
        <v>32</v>
      </c>
      <c r="CA32" s="73">
        <v>38</v>
      </c>
      <c r="CB32" s="70">
        <v>1</v>
      </c>
      <c r="CC32" s="71">
        <v>2</v>
      </c>
      <c r="CD32" s="72">
        <v>3</v>
      </c>
      <c r="CE32" s="244"/>
      <c r="CF32" s="71">
        <v>1</v>
      </c>
      <c r="CG32" s="71">
        <v>4</v>
      </c>
      <c r="CH32" s="71">
        <v>2</v>
      </c>
      <c r="CI32" s="71">
        <v>1</v>
      </c>
      <c r="CJ32" s="71">
        <v>1</v>
      </c>
      <c r="CK32" s="72">
        <v>9</v>
      </c>
      <c r="CL32" s="73">
        <v>12</v>
      </c>
      <c r="CM32" s="70">
        <v>35</v>
      </c>
      <c r="CN32" s="71">
        <v>21</v>
      </c>
      <c r="CO32" s="72">
        <v>56</v>
      </c>
      <c r="CP32" s="244"/>
      <c r="CQ32" s="71">
        <v>45</v>
      </c>
      <c r="CR32" s="71">
        <v>53</v>
      </c>
      <c r="CS32" s="71">
        <v>42</v>
      </c>
      <c r="CT32" s="71">
        <v>43</v>
      </c>
      <c r="CU32" s="71">
        <v>15</v>
      </c>
      <c r="CV32" s="72">
        <v>198</v>
      </c>
      <c r="CW32" s="73">
        <v>254</v>
      </c>
      <c r="CX32" s="123">
        <v>45</v>
      </c>
      <c r="CY32" s="82">
        <v>45</v>
      </c>
      <c r="CZ32" s="83">
        <v>90</v>
      </c>
      <c r="DA32" s="241"/>
      <c r="DB32" s="82">
        <v>85</v>
      </c>
      <c r="DC32" s="82">
        <v>84</v>
      </c>
      <c r="DD32" s="82">
        <v>63</v>
      </c>
      <c r="DE32" s="82">
        <v>71</v>
      </c>
      <c r="DF32" s="82">
        <v>56</v>
      </c>
      <c r="DG32" s="84">
        <v>359</v>
      </c>
      <c r="DH32" s="85">
        <v>449</v>
      </c>
      <c r="DI32" s="70">
        <v>2</v>
      </c>
      <c r="DJ32" s="71">
        <v>3</v>
      </c>
      <c r="DK32" s="72">
        <v>5</v>
      </c>
      <c r="DL32" s="244"/>
      <c r="DM32" s="71">
        <v>3</v>
      </c>
      <c r="DN32" s="71">
        <v>5</v>
      </c>
      <c r="DO32" s="71">
        <v>0</v>
      </c>
      <c r="DP32" s="71">
        <v>1</v>
      </c>
      <c r="DQ32" s="71">
        <v>3</v>
      </c>
      <c r="DR32" s="72">
        <v>12</v>
      </c>
      <c r="DS32" s="73">
        <v>17</v>
      </c>
      <c r="DT32" s="70">
        <v>4</v>
      </c>
      <c r="DU32" s="71">
        <v>1</v>
      </c>
      <c r="DV32" s="72">
        <v>5</v>
      </c>
      <c r="DW32" s="244"/>
      <c r="DX32" s="71">
        <v>3</v>
      </c>
      <c r="DY32" s="71">
        <v>4</v>
      </c>
      <c r="DZ32" s="71">
        <v>4</v>
      </c>
      <c r="EA32" s="71">
        <v>4</v>
      </c>
      <c r="EB32" s="71">
        <v>1</v>
      </c>
      <c r="EC32" s="72">
        <v>16</v>
      </c>
      <c r="ED32" s="73">
        <v>21</v>
      </c>
      <c r="EE32" s="70">
        <v>9</v>
      </c>
      <c r="EF32" s="71">
        <v>6</v>
      </c>
      <c r="EG32" s="72">
        <v>15</v>
      </c>
      <c r="EH32" s="244"/>
      <c r="EI32" s="71">
        <v>13</v>
      </c>
      <c r="EJ32" s="71">
        <v>8</v>
      </c>
      <c r="EK32" s="71">
        <v>4</v>
      </c>
      <c r="EL32" s="71">
        <v>6</v>
      </c>
      <c r="EM32" s="71">
        <v>5</v>
      </c>
      <c r="EN32" s="72">
        <v>36</v>
      </c>
      <c r="EO32" s="73">
        <v>51</v>
      </c>
      <c r="EP32" s="70">
        <v>7</v>
      </c>
      <c r="EQ32" s="71">
        <v>16</v>
      </c>
      <c r="ER32" s="72">
        <v>23</v>
      </c>
      <c r="ES32" s="244"/>
      <c r="ET32" s="71">
        <v>23</v>
      </c>
      <c r="EU32" s="71">
        <v>21</v>
      </c>
      <c r="EV32" s="71">
        <v>13</v>
      </c>
      <c r="EW32" s="71">
        <v>14</v>
      </c>
      <c r="EX32" s="71">
        <v>10</v>
      </c>
      <c r="EY32" s="72">
        <v>81</v>
      </c>
      <c r="EZ32" s="73">
        <v>104</v>
      </c>
      <c r="FA32" s="70">
        <v>15</v>
      </c>
      <c r="FB32" s="71">
        <v>12</v>
      </c>
      <c r="FC32" s="72">
        <v>27</v>
      </c>
      <c r="FD32" s="244"/>
      <c r="FE32" s="71">
        <v>29</v>
      </c>
      <c r="FF32" s="71">
        <v>19</v>
      </c>
      <c r="FG32" s="71">
        <v>18</v>
      </c>
      <c r="FH32" s="71">
        <v>22</v>
      </c>
      <c r="FI32" s="71">
        <v>18</v>
      </c>
      <c r="FJ32" s="72">
        <v>106</v>
      </c>
      <c r="FK32" s="73">
        <v>133</v>
      </c>
      <c r="FL32" s="70">
        <v>8</v>
      </c>
      <c r="FM32" s="71">
        <v>7</v>
      </c>
      <c r="FN32" s="72">
        <v>15</v>
      </c>
      <c r="FO32" s="244"/>
      <c r="FP32" s="71">
        <v>14</v>
      </c>
      <c r="FQ32" s="71">
        <v>27</v>
      </c>
      <c r="FR32" s="71">
        <v>24</v>
      </c>
      <c r="FS32" s="71">
        <v>24</v>
      </c>
      <c r="FT32" s="71">
        <v>19</v>
      </c>
      <c r="FU32" s="72">
        <v>108</v>
      </c>
      <c r="FV32" s="73">
        <v>123</v>
      </c>
      <c r="FW32" s="70">
        <v>0</v>
      </c>
      <c r="FX32" s="71">
        <v>1</v>
      </c>
      <c r="FY32" s="72">
        <v>1</v>
      </c>
      <c r="FZ32" s="244"/>
      <c r="GA32" s="71">
        <v>1</v>
      </c>
      <c r="GB32" s="71">
        <v>0</v>
      </c>
      <c r="GC32" s="71">
        <v>1</v>
      </c>
      <c r="GD32" s="71">
        <v>0</v>
      </c>
      <c r="GE32" s="71">
        <v>0</v>
      </c>
      <c r="GF32" s="72">
        <v>2</v>
      </c>
      <c r="GG32" s="73">
        <v>3</v>
      </c>
      <c r="GH32" s="70">
        <v>45</v>
      </c>
      <c r="GI32" s="71">
        <v>46</v>
      </c>
      <c r="GJ32" s="72">
        <v>91</v>
      </c>
      <c r="GK32" s="244"/>
      <c r="GL32" s="71">
        <v>86</v>
      </c>
      <c r="GM32" s="71">
        <v>84</v>
      </c>
      <c r="GN32" s="71">
        <v>64</v>
      </c>
      <c r="GO32" s="71">
        <v>71</v>
      </c>
      <c r="GP32" s="71">
        <v>56</v>
      </c>
      <c r="GQ32" s="72">
        <v>361</v>
      </c>
      <c r="GR32" s="73">
        <v>452</v>
      </c>
      <c r="GS32" s="123">
        <v>79</v>
      </c>
      <c r="GT32" s="82">
        <v>64</v>
      </c>
      <c r="GU32" s="83">
        <v>143</v>
      </c>
      <c r="GV32" s="241"/>
      <c r="GW32" s="82">
        <v>129</v>
      </c>
      <c r="GX32" s="82">
        <v>133</v>
      </c>
      <c r="GY32" s="82">
        <v>103</v>
      </c>
      <c r="GZ32" s="82">
        <v>113</v>
      </c>
      <c r="HA32" s="82">
        <v>70</v>
      </c>
      <c r="HB32" s="84">
        <v>548</v>
      </c>
      <c r="HC32" s="85">
        <v>691</v>
      </c>
      <c r="HD32" s="70">
        <v>4</v>
      </c>
      <c r="HE32" s="71">
        <v>3</v>
      </c>
      <c r="HF32" s="72">
        <v>7</v>
      </c>
      <c r="HG32" s="244"/>
      <c r="HH32" s="71">
        <v>6</v>
      </c>
      <c r="HI32" s="71">
        <v>7</v>
      </c>
      <c r="HJ32" s="71">
        <v>6</v>
      </c>
      <c r="HK32" s="71">
        <v>2</v>
      </c>
      <c r="HL32" s="71">
        <v>3</v>
      </c>
      <c r="HM32" s="72">
        <v>24</v>
      </c>
      <c r="HN32" s="73">
        <v>31</v>
      </c>
      <c r="HO32" s="70">
        <v>8</v>
      </c>
      <c r="HP32" s="71">
        <v>6</v>
      </c>
      <c r="HQ32" s="72">
        <v>14</v>
      </c>
      <c r="HR32" s="244"/>
      <c r="HS32" s="71">
        <v>14</v>
      </c>
      <c r="HT32" s="71">
        <v>7</v>
      </c>
      <c r="HU32" s="71">
        <v>5</v>
      </c>
      <c r="HV32" s="71">
        <v>9</v>
      </c>
      <c r="HW32" s="71">
        <v>4</v>
      </c>
      <c r="HX32" s="72">
        <v>39</v>
      </c>
      <c r="HY32" s="73">
        <v>53</v>
      </c>
      <c r="HZ32" s="70">
        <v>18</v>
      </c>
      <c r="IA32" s="71">
        <v>11</v>
      </c>
      <c r="IB32" s="72">
        <v>29</v>
      </c>
      <c r="IC32" s="244"/>
      <c r="ID32" s="71">
        <v>23</v>
      </c>
      <c r="IE32" s="71">
        <v>18</v>
      </c>
      <c r="IF32" s="71">
        <v>10</v>
      </c>
      <c r="IG32" s="71">
        <v>12</v>
      </c>
      <c r="IH32" s="71">
        <v>6</v>
      </c>
      <c r="II32" s="72">
        <v>69</v>
      </c>
      <c r="IJ32" s="73">
        <v>98</v>
      </c>
      <c r="IK32" s="70">
        <v>17</v>
      </c>
      <c r="IL32" s="71">
        <v>19</v>
      </c>
      <c r="IM32" s="72">
        <v>36</v>
      </c>
      <c r="IN32" s="244"/>
      <c r="IO32" s="71">
        <v>27</v>
      </c>
      <c r="IP32" s="71">
        <v>34</v>
      </c>
      <c r="IQ32" s="71">
        <v>22</v>
      </c>
      <c r="IR32" s="71">
        <v>25</v>
      </c>
      <c r="IS32" s="71">
        <v>12</v>
      </c>
      <c r="IT32" s="72">
        <v>120</v>
      </c>
      <c r="IU32" s="73">
        <v>156</v>
      </c>
      <c r="IV32" s="70">
        <v>21</v>
      </c>
      <c r="IW32" s="71">
        <v>15</v>
      </c>
      <c r="IX32" s="72">
        <v>36</v>
      </c>
      <c r="IY32" s="244"/>
      <c r="IZ32" s="71">
        <v>39</v>
      </c>
      <c r="JA32" s="71">
        <v>30</v>
      </c>
      <c r="JB32" s="71">
        <v>27</v>
      </c>
      <c r="JC32" s="71">
        <v>37</v>
      </c>
      <c r="JD32" s="71">
        <v>23</v>
      </c>
      <c r="JE32" s="72">
        <v>156</v>
      </c>
      <c r="JF32" s="73">
        <v>192</v>
      </c>
      <c r="JG32" s="70">
        <v>11</v>
      </c>
      <c r="JH32" s="71">
        <v>10</v>
      </c>
      <c r="JI32" s="72">
        <v>21</v>
      </c>
      <c r="JJ32" s="244"/>
      <c r="JK32" s="71">
        <v>20</v>
      </c>
      <c r="JL32" s="71">
        <v>37</v>
      </c>
      <c r="JM32" s="71">
        <v>33</v>
      </c>
      <c r="JN32" s="71">
        <v>28</v>
      </c>
      <c r="JO32" s="71">
        <v>22</v>
      </c>
      <c r="JP32" s="72">
        <v>140</v>
      </c>
      <c r="JQ32" s="73">
        <v>161</v>
      </c>
      <c r="JR32" s="70">
        <v>1</v>
      </c>
      <c r="JS32" s="71">
        <v>3</v>
      </c>
      <c r="JT32" s="72">
        <v>4</v>
      </c>
      <c r="JU32" s="244"/>
      <c r="JV32" s="71">
        <v>2</v>
      </c>
      <c r="JW32" s="71">
        <v>4</v>
      </c>
      <c r="JX32" s="71">
        <v>3</v>
      </c>
      <c r="JY32" s="71">
        <v>1</v>
      </c>
      <c r="JZ32" s="71">
        <v>1</v>
      </c>
      <c r="KA32" s="72">
        <v>11</v>
      </c>
      <c r="KB32" s="73">
        <v>15</v>
      </c>
      <c r="KC32" s="70">
        <v>80</v>
      </c>
      <c r="KD32" s="71">
        <v>67</v>
      </c>
      <c r="KE32" s="72">
        <v>147</v>
      </c>
      <c r="KF32" s="244"/>
      <c r="KG32" s="71">
        <v>131</v>
      </c>
      <c r="KH32" s="71">
        <v>137</v>
      </c>
      <c r="KI32" s="71">
        <v>106</v>
      </c>
      <c r="KJ32" s="71">
        <v>114</v>
      </c>
      <c r="KK32" s="71">
        <v>71</v>
      </c>
      <c r="KL32" s="72">
        <v>559</v>
      </c>
      <c r="KM32" s="73">
        <v>706</v>
      </c>
    </row>
    <row r="33" spans="2:299" ht="19.8" customHeight="1" x14ac:dyDescent="0.2">
      <c r="B33" s="126" t="s">
        <v>30</v>
      </c>
      <c r="C33" s="316">
        <v>16</v>
      </c>
      <c r="D33" s="82">
        <v>12</v>
      </c>
      <c r="E33" s="83">
        <v>28</v>
      </c>
      <c r="F33" s="241"/>
      <c r="G33" s="82">
        <v>48</v>
      </c>
      <c r="H33" s="82">
        <v>36</v>
      </c>
      <c r="I33" s="82">
        <v>29</v>
      </c>
      <c r="J33" s="82">
        <v>35</v>
      </c>
      <c r="K33" s="82">
        <v>9</v>
      </c>
      <c r="L33" s="84">
        <v>157</v>
      </c>
      <c r="M33" s="85">
        <v>185</v>
      </c>
      <c r="N33" s="70">
        <v>2</v>
      </c>
      <c r="O33" s="71">
        <v>0</v>
      </c>
      <c r="P33" s="72">
        <v>2</v>
      </c>
      <c r="Q33" s="244"/>
      <c r="R33" s="71">
        <v>5</v>
      </c>
      <c r="S33" s="71">
        <v>4</v>
      </c>
      <c r="T33" s="71">
        <v>3</v>
      </c>
      <c r="U33" s="71">
        <v>3</v>
      </c>
      <c r="V33" s="71">
        <v>0</v>
      </c>
      <c r="W33" s="72">
        <v>15</v>
      </c>
      <c r="X33" s="73">
        <v>17</v>
      </c>
      <c r="Y33" s="70">
        <v>4</v>
      </c>
      <c r="Z33" s="71">
        <v>2</v>
      </c>
      <c r="AA33" s="72">
        <v>6</v>
      </c>
      <c r="AB33" s="244"/>
      <c r="AC33" s="71">
        <v>6</v>
      </c>
      <c r="AD33" s="71">
        <v>4</v>
      </c>
      <c r="AE33" s="71">
        <v>2</v>
      </c>
      <c r="AF33" s="71">
        <v>6</v>
      </c>
      <c r="AG33" s="71">
        <v>2</v>
      </c>
      <c r="AH33" s="72">
        <v>20</v>
      </c>
      <c r="AI33" s="73">
        <v>26</v>
      </c>
      <c r="AJ33" s="70">
        <v>2</v>
      </c>
      <c r="AK33" s="71">
        <v>1</v>
      </c>
      <c r="AL33" s="72">
        <v>3</v>
      </c>
      <c r="AM33" s="244"/>
      <c r="AN33" s="71">
        <v>5</v>
      </c>
      <c r="AO33" s="71">
        <v>3</v>
      </c>
      <c r="AP33" s="71">
        <v>5</v>
      </c>
      <c r="AQ33" s="71">
        <v>5</v>
      </c>
      <c r="AR33" s="71">
        <v>1</v>
      </c>
      <c r="AS33" s="72">
        <v>19</v>
      </c>
      <c r="AT33" s="73">
        <v>22</v>
      </c>
      <c r="AU33" s="70">
        <v>1</v>
      </c>
      <c r="AV33" s="71">
        <v>4</v>
      </c>
      <c r="AW33" s="72">
        <v>5</v>
      </c>
      <c r="AX33" s="244"/>
      <c r="AY33" s="71">
        <v>9</v>
      </c>
      <c r="AZ33" s="71">
        <v>8</v>
      </c>
      <c r="BA33" s="71">
        <v>8</v>
      </c>
      <c r="BB33" s="71">
        <v>5</v>
      </c>
      <c r="BC33" s="71">
        <v>1</v>
      </c>
      <c r="BD33" s="72">
        <v>31</v>
      </c>
      <c r="BE33" s="73">
        <v>36</v>
      </c>
      <c r="BF33" s="70">
        <v>5</v>
      </c>
      <c r="BG33" s="71">
        <v>3</v>
      </c>
      <c r="BH33" s="72">
        <v>8</v>
      </c>
      <c r="BI33" s="244"/>
      <c r="BJ33" s="71">
        <v>12</v>
      </c>
      <c r="BK33" s="71">
        <v>10</v>
      </c>
      <c r="BL33" s="71">
        <v>4</v>
      </c>
      <c r="BM33" s="71">
        <v>7</v>
      </c>
      <c r="BN33" s="71">
        <v>4</v>
      </c>
      <c r="BO33" s="72">
        <v>37</v>
      </c>
      <c r="BP33" s="73">
        <v>45</v>
      </c>
      <c r="BQ33" s="70">
        <v>2</v>
      </c>
      <c r="BR33" s="71">
        <v>2</v>
      </c>
      <c r="BS33" s="72">
        <v>4</v>
      </c>
      <c r="BT33" s="244"/>
      <c r="BU33" s="71">
        <v>11</v>
      </c>
      <c r="BV33" s="71">
        <v>7</v>
      </c>
      <c r="BW33" s="71">
        <v>7</v>
      </c>
      <c r="BX33" s="71">
        <v>9</v>
      </c>
      <c r="BY33" s="71">
        <v>1</v>
      </c>
      <c r="BZ33" s="72">
        <v>35</v>
      </c>
      <c r="CA33" s="73">
        <v>39</v>
      </c>
      <c r="CB33" s="70">
        <v>0</v>
      </c>
      <c r="CC33" s="71">
        <v>0</v>
      </c>
      <c r="CD33" s="72">
        <v>0</v>
      </c>
      <c r="CE33" s="244"/>
      <c r="CF33" s="71">
        <v>1</v>
      </c>
      <c r="CG33" s="71">
        <v>0</v>
      </c>
      <c r="CH33" s="71">
        <v>3</v>
      </c>
      <c r="CI33" s="71">
        <v>0</v>
      </c>
      <c r="CJ33" s="71">
        <v>2</v>
      </c>
      <c r="CK33" s="72">
        <v>6</v>
      </c>
      <c r="CL33" s="73">
        <v>6</v>
      </c>
      <c r="CM33" s="70">
        <v>16</v>
      </c>
      <c r="CN33" s="71">
        <v>12</v>
      </c>
      <c r="CO33" s="72">
        <v>28</v>
      </c>
      <c r="CP33" s="244"/>
      <c r="CQ33" s="71">
        <v>49</v>
      </c>
      <c r="CR33" s="71">
        <v>36</v>
      </c>
      <c r="CS33" s="71">
        <v>32</v>
      </c>
      <c r="CT33" s="71">
        <v>35</v>
      </c>
      <c r="CU33" s="71">
        <v>11</v>
      </c>
      <c r="CV33" s="72">
        <v>163</v>
      </c>
      <c r="CW33" s="73">
        <v>191</v>
      </c>
      <c r="CX33" s="123">
        <v>40</v>
      </c>
      <c r="CY33" s="82">
        <v>34</v>
      </c>
      <c r="CZ33" s="83">
        <v>74</v>
      </c>
      <c r="DA33" s="241"/>
      <c r="DB33" s="82">
        <v>99</v>
      </c>
      <c r="DC33" s="82">
        <v>67</v>
      </c>
      <c r="DD33" s="82">
        <v>77</v>
      </c>
      <c r="DE33" s="82">
        <v>70</v>
      </c>
      <c r="DF33" s="82">
        <v>37</v>
      </c>
      <c r="DG33" s="84">
        <v>350</v>
      </c>
      <c r="DH33" s="85">
        <v>424</v>
      </c>
      <c r="DI33" s="70">
        <v>1</v>
      </c>
      <c r="DJ33" s="71">
        <v>0</v>
      </c>
      <c r="DK33" s="72">
        <v>1</v>
      </c>
      <c r="DL33" s="244"/>
      <c r="DM33" s="71">
        <v>1</v>
      </c>
      <c r="DN33" s="71">
        <v>2</v>
      </c>
      <c r="DO33" s="71">
        <v>1</v>
      </c>
      <c r="DP33" s="71">
        <v>0</v>
      </c>
      <c r="DQ33" s="71">
        <v>1</v>
      </c>
      <c r="DR33" s="72">
        <v>5</v>
      </c>
      <c r="DS33" s="73">
        <v>6</v>
      </c>
      <c r="DT33" s="70">
        <v>1</v>
      </c>
      <c r="DU33" s="71">
        <v>5</v>
      </c>
      <c r="DV33" s="72">
        <v>6</v>
      </c>
      <c r="DW33" s="244"/>
      <c r="DX33" s="71">
        <v>3</v>
      </c>
      <c r="DY33" s="71">
        <v>4</v>
      </c>
      <c r="DZ33" s="71">
        <v>4</v>
      </c>
      <c r="EA33" s="71">
        <v>0</v>
      </c>
      <c r="EB33" s="71">
        <v>3</v>
      </c>
      <c r="EC33" s="72">
        <v>14</v>
      </c>
      <c r="ED33" s="73">
        <v>20</v>
      </c>
      <c r="EE33" s="70">
        <v>10</v>
      </c>
      <c r="EF33" s="71">
        <v>1</v>
      </c>
      <c r="EG33" s="72">
        <v>11</v>
      </c>
      <c r="EH33" s="244"/>
      <c r="EI33" s="71">
        <v>16</v>
      </c>
      <c r="EJ33" s="71">
        <v>5</v>
      </c>
      <c r="EK33" s="71">
        <v>14</v>
      </c>
      <c r="EL33" s="71">
        <v>6</v>
      </c>
      <c r="EM33" s="71">
        <v>2</v>
      </c>
      <c r="EN33" s="72">
        <v>43</v>
      </c>
      <c r="EO33" s="73">
        <v>54</v>
      </c>
      <c r="EP33" s="70">
        <v>11</v>
      </c>
      <c r="EQ33" s="71">
        <v>10</v>
      </c>
      <c r="ER33" s="72">
        <v>21</v>
      </c>
      <c r="ES33" s="244"/>
      <c r="ET33" s="71">
        <v>30</v>
      </c>
      <c r="EU33" s="71">
        <v>14</v>
      </c>
      <c r="EV33" s="71">
        <v>10</v>
      </c>
      <c r="EW33" s="71">
        <v>8</v>
      </c>
      <c r="EX33" s="71">
        <v>9</v>
      </c>
      <c r="EY33" s="72">
        <v>71</v>
      </c>
      <c r="EZ33" s="73">
        <v>92</v>
      </c>
      <c r="FA33" s="70">
        <v>9</v>
      </c>
      <c r="FB33" s="71">
        <v>9</v>
      </c>
      <c r="FC33" s="72">
        <v>18</v>
      </c>
      <c r="FD33" s="244"/>
      <c r="FE33" s="71">
        <v>26</v>
      </c>
      <c r="FF33" s="71">
        <v>20</v>
      </c>
      <c r="FG33" s="71">
        <v>18</v>
      </c>
      <c r="FH33" s="71">
        <v>26</v>
      </c>
      <c r="FI33" s="71">
        <v>12</v>
      </c>
      <c r="FJ33" s="72">
        <v>102</v>
      </c>
      <c r="FK33" s="73">
        <v>120</v>
      </c>
      <c r="FL33" s="70">
        <v>8</v>
      </c>
      <c r="FM33" s="71">
        <v>9</v>
      </c>
      <c r="FN33" s="72">
        <v>17</v>
      </c>
      <c r="FO33" s="244"/>
      <c r="FP33" s="71">
        <v>23</v>
      </c>
      <c r="FQ33" s="71">
        <v>22</v>
      </c>
      <c r="FR33" s="71">
        <v>30</v>
      </c>
      <c r="FS33" s="71">
        <v>30</v>
      </c>
      <c r="FT33" s="71">
        <v>10</v>
      </c>
      <c r="FU33" s="72">
        <v>115</v>
      </c>
      <c r="FV33" s="73">
        <v>132</v>
      </c>
      <c r="FW33" s="70">
        <v>0</v>
      </c>
      <c r="FX33" s="71">
        <v>0</v>
      </c>
      <c r="FY33" s="72">
        <v>0</v>
      </c>
      <c r="FZ33" s="244"/>
      <c r="GA33" s="71">
        <v>0</v>
      </c>
      <c r="GB33" s="71">
        <v>0</v>
      </c>
      <c r="GC33" s="71">
        <v>0</v>
      </c>
      <c r="GD33" s="71">
        <v>1</v>
      </c>
      <c r="GE33" s="71">
        <v>1</v>
      </c>
      <c r="GF33" s="72">
        <v>2</v>
      </c>
      <c r="GG33" s="73">
        <v>2</v>
      </c>
      <c r="GH33" s="70">
        <v>40</v>
      </c>
      <c r="GI33" s="71">
        <v>34</v>
      </c>
      <c r="GJ33" s="72">
        <v>74</v>
      </c>
      <c r="GK33" s="244"/>
      <c r="GL33" s="71">
        <v>99</v>
      </c>
      <c r="GM33" s="71">
        <v>67</v>
      </c>
      <c r="GN33" s="71">
        <v>77</v>
      </c>
      <c r="GO33" s="71">
        <v>71</v>
      </c>
      <c r="GP33" s="71">
        <v>38</v>
      </c>
      <c r="GQ33" s="72">
        <v>352</v>
      </c>
      <c r="GR33" s="73">
        <v>426</v>
      </c>
      <c r="GS33" s="123">
        <v>56</v>
      </c>
      <c r="GT33" s="82">
        <v>46</v>
      </c>
      <c r="GU33" s="83">
        <v>102</v>
      </c>
      <c r="GV33" s="241"/>
      <c r="GW33" s="82">
        <v>147</v>
      </c>
      <c r="GX33" s="82">
        <v>103</v>
      </c>
      <c r="GY33" s="82">
        <v>106</v>
      </c>
      <c r="GZ33" s="82">
        <v>105</v>
      </c>
      <c r="HA33" s="82">
        <v>46</v>
      </c>
      <c r="HB33" s="84">
        <v>507</v>
      </c>
      <c r="HC33" s="85">
        <v>609</v>
      </c>
      <c r="HD33" s="70">
        <v>3</v>
      </c>
      <c r="HE33" s="71">
        <v>0</v>
      </c>
      <c r="HF33" s="72">
        <v>3</v>
      </c>
      <c r="HG33" s="244"/>
      <c r="HH33" s="71">
        <v>6</v>
      </c>
      <c r="HI33" s="71">
        <v>6</v>
      </c>
      <c r="HJ33" s="71">
        <v>4</v>
      </c>
      <c r="HK33" s="71">
        <v>3</v>
      </c>
      <c r="HL33" s="71">
        <v>1</v>
      </c>
      <c r="HM33" s="72">
        <v>20</v>
      </c>
      <c r="HN33" s="73">
        <v>23</v>
      </c>
      <c r="HO33" s="70">
        <v>5</v>
      </c>
      <c r="HP33" s="71">
        <v>7</v>
      </c>
      <c r="HQ33" s="72">
        <v>12</v>
      </c>
      <c r="HR33" s="244"/>
      <c r="HS33" s="71">
        <v>9</v>
      </c>
      <c r="HT33" s="71">
        <v>8</v>
      </c>
      <c r="HU33" s="71">
        <v>6</v>
      </c>
      <c r="HV33" s="71">
        <v>6</v>
      </c>
      <c r="HW33" s="71">
        <v>5</v>
      </c>
      <c r="HX33" s="72">
        <v>34</v>
      </c>
      <c r="HY33" s="73">
        <v>46</v>
      </c>
      <c r="HZ33" s="70">
        <v>12</v>
      </c>
      <c r="IA33" s="71">
        <v>2</v>
      </c>
      <c r="IB33" s="72">
        <v>14</v>
      </c>
      <c r="IC33" s="244"/>
      <c r="ID33" s="71">
        <v>21</v>
      </c>
      <c r="IE33" s="71">
        <v>8</v>
      </c>
      <c r="IF33" s="71">
        <v>19</v>
      </c>
      <c r="IG33" s="71">
        <v>11</v>
      </c>
      <c r="IH33" s="71">
        <v>3</v>
      </c>
      <c r="II33" s="72">
        <v>62</v>
      </c>
      <c r="IJ33" s="73">
        <v>76</v>
      </c>
      <c r="IK33" s="70">
        <v>12</v>
      </c>
      <c r="IL33" s="71">
        <v>14</v>
      </c>
      <c r="IM33" s="72">
        <v>26</v>
      </c>
      <c r="IN33" s="244"/>
      <c r="IO33" s="71">
        <v>39</v>
      </c>
      <c r="IP33" s="71">
        <v>22</v>
      </c>
      <c r="IQ33" s="71">
        <v>18</v>
      </c>
      <c r="IR33" s="71">
        <v>13</v>
      </c>
      <c r="IS33" s="71">
        <v>10</v>
      </c>
      <c r="IT33" s="72">
        <v>102</v>
      </c>
      <c r="IU33" s="73">
        <v>128</v>
      </c>
      <c r="IV33" s="70">
        <v>14</v>
      </c>
      <c r="IW33" s="71">
        <v>12</v>
      </c>
      <c r="IX33" s="72">
        <v>26</v>
      </c>
      <c r="IY33" s="244"/>
      <c r="IZ33" s="71">
        <v>38</v>
      </c>
      <c r="JA33" s="71">
        <v>30</v>
      </c>
      <c r="JB33" s="71">
        <v>22</v>
      </c>
      <c r="JC33" s="71">
        <v>33</v>
      </c>
      <c r="JD33" s="71">
        <v>16</v>
      </c>
      <c r="JE33" s="72">
        <v>139</v>
      </c>
      <c r="JF33" s="73">
        <v>165</v>
      </c>
      <c r="JG33" s="70">
        <v>10</v>
      </c>
      <c r="JH33" s="71">
        <v>11</v>
      </c>
      <c r="JI33" s="72">
        <v>21</v>
      </c>
      <c r="JJ33" s="244"/>
      <c r="JK33" s="71">
        <v>34</v>
      </c>
      <c r="JL33" s="71">
        <v>29</v>
      </c>
      <c r="JM33" s="71">
        <v>37</v>
      </c>
      <c r="JN33" s="71">
        <v>39</v>
      </c>
      <c r="JO33" s="71">
        <v>11</v>
      </c>
      <c r="JP33" s="72">
        <v>150</v>
      </c>
      <c r="JQ33" s="73">
        <v>171</v>
      </c>
      <c r="JR33" s="70">
        <v>0</v>
      </c>
      <c r="JS33" s="71">
        <v>0</v>
      </c>
      <c r="JT33" s="72">
        <v>0</v>
      </c>
      <c r="JU33" s="244"/>
      <c r="JV33" s="71">
        <v>1</v>
      </c>
      <c r="JW33" s="71">
        <v>0</v>
      </c>
      <c r="JX33" s="71">
        <v>3</v>
      </c>
      <c r="JY33" s="71">
        <v>1</v>
      </c>
      <c r="JZ33" s="71">
        <v>3</v>
      </c>
      <c r="KA33" s="72">
        <v>8</v>
      </c>
      <c r="KB33" s="73">
        <v>8</v>
      </c>
      <c r="KC33" s="70">
        <v>56</v>
      </c>
      <c r="KD33" s="71">
        <v>46</v>
      </c>
      <c r="KE33" s="72">
        <v>102</v>
      </c>
      <c r="KF33" s="244"/>
      <c r="KG33" s="71">
        <v>148</v>
      </c>
      <c r="KH33" s="71">
        <v>103</v>
      </c>
      <c r="KI33" s="71">
        <v>109</v>
      </c>
      <c r="KJ33" s="71">
        <v>106</v>
      </c>
      <c r="KK33" s="71">
        <v>49</v>
      </c>
      <c r="KL33" s="72">
        <v>515</v>
      </c>
      <c r="KM33" s="73">
        <v>617</v>
      </c>
    </row>
    <row r="34" spans="2:299" ht="19.8" customHeight="1" x14ac:dyDescent="0.2">
      <c r="B34" s="126" t="s">
        <v>31</v>
      </c>
      <c r="C34" s="316">
        <v>24</v>
      </c>
      <c r="D34" s="82">
        <v>38</v>
      </c>
      <c r="E34" s="83">
        <v>62</v>
      </c>
      <c r="F34" s="241"/>
      <c r="G34" s="82">
        <v>58</v>
      </c>
      <c r="H34" s="82">
        <v>49</v>
      </c>
      <c r="I34" s="82">
        <v>40</v>
      </c>
      <c r="J34" s="82">
        <v>25</v>
      </c>
      <c r="K34" s="82">
        <v>11</v>
      </c>
      <c r="L34" s="84">
        <v>183</v>
      </c>
      <c r="M34" s="85">
        <v>245</v>
      </c>
      <c r="N34" s="70">
        <v>0</v>
      </c>
      <c r="O34" s="71">
        <v>0</v>
      </c>
      <c r="P34" s="72">
        <v>0</v>
      </c>
      <c r="Q34" s="244"/>
      <c r="R34" s="71">
        <v>2</v>
      </c>
      <c r="S34" s="71">
        <v>2</v>
      </c>
      <c r="T34" s="71">
        <v>4</v>
      </c>
      <c r="U34" s="71">
        <v>2</v>
      </c>
      <c r="V34" s="71">
        <v>1</v>
      </c>
      <c r="W34" s="72">
        <v>11</v>
      </c>
      <c r="X34" s="73">
        <v>11</v>
      </c>
      <c r="Y34" s="70">
        <v>4</v>
      </c>
      <c r="Z34" s="71">
        <v>5</v>
      </c>
      <c r="AA34" s="72">
        <v>9</v>
      </c>
      <c r="AB34" s="244"/>
      <c r="AC34" s="71">
        <v>7</v>
      </c>
      <c r="AD34" s="71">
        <v>8</v>
      </c>
      <c r="AE34" s="71">
        <v>7</v>
      </c>
      <c r="AF34" s="71">
        <v>3</v>
      </c>
      <c r="AG34" s="71">
        <v>2</v>
      </c>
      <c r="AH34" s="72">
        <v>27</v>
      </c>
      <c r="AI34" s="73">
        <v>36</v>
      </c>
      <c r="AJ34" s="70">
        <v>2</v>
      </c>
      <c r="AK34" s="71">
        <v>5</v>
      </c>
      <c r="AL34" s="72">
        <v>7</v>
      </c>
      <c r="AM34" s="244"/>
      <c r="AN34" s="71">
        <v>8</v>
      </c>
      <c r="AO34" s="71">
        <v>5</v>
      </c>
      <c r="AP34" s="71">
        <v>6</v>
      </c>
      <c r="AQ34" s="71">
        <v>3</v>
      </c>
      <c r="AR34" s="71">
        <v>2</v>
      </c>
      <c r="AS34" s="72">
        <v>24</v>
      </c>
      <c r="AT34" s="73">
        <v>31</v>
      </c>
      <c r="AU34" s="70">
        <v>4</v>
      </c>
      <c r="AV34" s="71">
        <v>12</v>
      </c>
      <c r="AW34" s="72">
        <v>16</v>
      </c>
      <c r="AX34" s="244"/>
      <c r="AY34" s="71">
        <v>17</v>
      </c>
      <c r="AZ34" s="71">
        <v>16</v>
      </c>
      <c r="BA34" s="71">
        <v>4</v>
      </c>
      <c r="BB34" s="71">
        <v>2</v>
      </c>
      <c r="BC34" s="71">
        <v>2</v>
      </c>
      <c r="BD34" s="72">
        <v>41</v>
      </c>
      <c r="BE34" s="73">
        <v>57</v>
      </c>
      <c r="BF34" s="70">
        <v>8</v>
      </c>
      <c r="BG34" s="71">
        <v>9</v>
      </c>
      <c r="BH34" s="72">
        <v>17</v>
      </c>
      <c r="BI34" s="244"/>
      <c r="BJ34" s="71">
        <v>14</v>
      </c>
      <c r="BK34" s="71">
        <v>7</v>
      </c>
      <c r="BL34" s="71">
        <v>6</v>
      </c>
      <c r="BM34" s="71">
        <v>6</v>
      </c>
      <c r="BN34" s="71">
        <v>1</v>
      </c>
      <c r="BO34" s="72">
        <v>34</v>
      </c>
      <c r="BP34" s="73">
        <v>51</v>
      </c>
      <c r="BQ34" s="70">
        <v>6</v>
      </c>
      <c r="BR34" s="71">
        <v>7</v>
      </c>
      <c r="BS34" s="72">
        <v>13</v>
      </c>
      <c r="BT34" s="244"/>
      <c r="BU34" s="71">
        <v>10</v>
      </c>
      <c r="BV34" s="71">
        <v>11</v>
      </c>
      <c r="BW34" s="71">
        <v>13</v>
      </c>
      <c r="BX34" s="71">
        <v>9</v>
      </c>
      <c r="BY34" s="71">
        <v>3</v>
      </c>
      <c r="BZ34" s="72">
        <v>46</v>
      </c>
      <c r="CA34" s="73">
        <v>59</v>
      </c>
      <c r="CB34" s="70">
        <v>0</v>
      </c>
      <c r="CC34" s="71">
        <v>4</v>
      </c>
      <c r="CD34" s="72">
        <v>4</v>
      </c>
      <c r="CE34" s="244"/>
      <c r="CF34" s="71">
        <v>3</v>
      </c>
      <c r="CG34" s="71">
        <v>1</v>
      </c>
      <c r="CH34" s="71">
        <v>0</v>
      </c>
      <c r="CI34" s="71">
        <v>1</v>
      </c>
      <c r="CJ34" s="71">
        <v>1</v>
      </c>
      <c r="CK34" s="72">
        <v>6</v>
      </c>
      <c r="CL34" s="73">
        <v>10</v>
      </c>
      <c r="CM34" s="70">
        <v>24</v>
      </c>
      <c r="CN34" s="71">
        <v>42</v>
      </c>
      <c r="CO34" s="72">
        <v>66</v>
      </c>
      <c r="CP34" s="244"/>
      <c r="CQ34" s="71">
        <v>61</v>
      </c>
      <c r="CR34" s="71">
        <v>50</v>
      </c>
      <c r="CS34" s="71">
        <v>40</v>
      </c>
      <c r="CT34" s="71">
        <v>26</v>
      </c>
      <c r="CU34" s="71">
        <v>12</v>
      </c>
      <c r="CV34" s="72">
        <v>189</v>
      </c>
      <c r="CW34" s="73">
        <v>255</v>
      </c>
      <c r="CX34" s="123">
        <v>52</v>
      </c>
      <c r="CY34" s="82">
        <v>81</v>
      </c>
      <c r="CZ34" s="83">
        <v>133</v>
      </c>
      <c r="DA34" s="241"/>
      <c r="DB34" s="82">
        <v>112</v>
      </c>
      <c r="DC34" s="82">
        <v>89</v>
      </c>
      <c r="DD34" s="82">
        <v>84</v>
      </c>
      <c r="DE34" s="82">
        <v>56</v>
      </c>
      <c r="DF34" s="82">
        <v>42</v>
      </c>
      <c r="DG34" s="84">
        <v>383</v>
      </c>
      <c r="DH34" s="85">
        <v>516</v>
      </c>
      <c r="DI34" s="70">
        <v>0</v>
      </c>
      <c r="DJ34" s="71">
        <v>3</v>
      </c>
      <c r="DK34" s="72">
        <v>3</v>
      </c>
      <c r="DL34" s="244"/>
      <c r="DM34" s="71">
        <v>2</v>
      </c>
      <c r="DN34" s="71">
        <v>1</v>
      </c>
      <c r="DO34" s="71">
        <v>1</v>
      </c>
      <c r="DP34" s="71">
        <v>2</v>
      </c>
      <c r="DQ34" s="71">
        <v>2</v>
      </c>
      <c r="DR34" s="72">
        <v>8</v>
      </c>
      <c r="DS34" s="73">
        <v>11</v>
      </c>
      <c r="DT34" s="70">
        <v>1</v>
      </c>
      <c r="DU34" s="71">
        <v>6</v>
      </c>
      <c r="DV34" s="72">
        <v>7</v>
      </c>
      <c r="DW34" s="244"/>
      <c r="DX34" s="71">
        <v>11</v>
      </c>
      <c r="DY34" s="71">
        <v>6</v>
      </c>
      <c r="DZ34" s="71">
        <v>3</v>
      </c>
      <c r="EA34" s="71">
        <v>4</v>
      </c>
      <c r="EB34" s="71">
        <v>1</v>
      </c>
      <c r="EC34" s="72">
        <v>25</v>
      </c>
      <c r="ED34" s="73">
        <v>32</v>
      </c>
      <c r="EE34" s="70">
        <v>8</v>
      </c>
      <c r="EF34" s="71">
        <v>10</v>
      </c>
      <c r="EG34" s="72">
        <v>18</v>
      </c>
      <c r="EH34" s="244"/>
      <c r="EI34" s="71">
        <v>9</v>
      </c>
      <c r="EJ34" s="71">
        <v>3</v>
      </c>
      <c r="EK34" s="71">
        <v>3</v>
      </c>
      <c r="EL34" s="71">
        <v>4</v>
      </c>
      <c r="EM34" s="71">
        <v>1</v>
      </c>
      <c r="EN34" s="72">
        <v>20</v>
      </c>
      <c r="EO34" s="73">
        <v>38</v>
      </c>
      <c r="EP34" s="70">
        <v>17</v>
      </c>
      <c r="EQ34" s="71">
        <v>16</v>
      </c>
      <c r="ER34" s="72">
        <v>33</v>
      </c>
      <c r="ES34" s="244"/>
      <c r="ET34" s="71">
        <v>24</v>
      </c>
      <c r="EU34" s="71">
        <v>17</v>
      </c>
      <c r="EV34" s="71">
        <v>19</v>
      </c>
      <c r="EW34" s="71">
        <v>6</v>
      </c>
      <c r="EX34" s="71">
        <v>3</v>
      </c>
      <c r="EY34" s="72">
        <v>69</v>
      </c>
      <c r="EZ34" s="73">
        <v>102</v>
      </c>
      <c r="FA34" s="70">
        <v>21</v>
      </c>
      <c r="FB34" s="71">
        <v>26</v>
      </c>
      <c r="FC34" s="72">
        <v>47</v>
      </c>
      <c r="FD34" s="244"/>
      <c r="FE34" s="71">
        <v>27</v>
      </c>
      <c r="FF34" s="71">
        <v>29</v>
      </c>
      <c r="FG34" s="71">
        <v>20</v>
      </c>
      <c r="FH34" s="71">
        <v>13</v>
      </c>
      <c r="FI34" s="71">
        <v>7</v>
      </c>
      <c r="FJ34" s="72">
        <v>96</v>
      </c>
      <c r="FK34" s="73">
        <v>143</v>
      </c>
      <c r="FL34" s="70">
        <v>5</v>
      </c>
      <c r="FM34" s="71">
        <v>20</v>
      </c>
      <c r="FN34" s="72">
        <v>25</v>
      </c>
      <c r="FO34" s="244"/>
      <c r="FP34" s="71">
        <v>39</v>
      </c>
      <c r="FQ34" s="71">
        <v>33</v>
      </c>
      <c r="FR34" s="71">
        <v>38</v>
      </c>
      <c r="FS34" s="71">
        <v>27</v>
      </c>
      <c r="FT34" s="71">
        <v>28</v>
      </c>
      <c r="FU34" s="72">
        <v>165</v>
      </c>
      <c r="FV34" s="73">
        <v>190</v>
      </c>
      <c r="FW34" s="70">
        <v>0</v>
      </c>
      <c r="FX34" s="71">
        <v>0</v>
      </c>
      <c r="FY34" s="72">
        <v>0</v>
      </c>
      <c r="FZ34" s="244"/>
      <c r="GA34" s="71">
        <v>2</v>
      </c>
      <c r="GB34" s="71">
        <v>0</v>
      </c>
      <c r="GC34" s="71">
        <v>2</v>
      </c>
      <c r="GD34" s="71">
        <v>0</v>
      </c>
      <c r="GE34" s="71">
        <v>1</v>
      </c>
      <c r="GF34" s="72">
        <v>5</v>
      </c>
      <c r="GG34" s="73">
        <v>5</v>
      </c>
      <c r="GH34" s="70">
        <v>52</v>
      </c>
      <c r="GI34" s="71">
        <v>81</v>
      </c>
      <c r="GJ34" s="72">
        <v>133</v>
      </c>
      <c r="GK34" s="244"/>
      <c r="GL34" s="71">
        <v>114</v>
      </c>
      <c r="GM34" s="71">
        <v>89</v>
      </c>
      <c r="GN34" s="71">
        <v>86</v>
      </c>
      <c r="GO34" s="71">
        <v>56</v>
      </c>
      <c r="GP34" s="71">
        <v>43</v>
      </c>
      <c r="GQ34" s="72">
        <v>388</v>
      </c>
      <c r="GR34" s="73">
        <v>521</v>
      </c>
      <c r="GS34" s="123">
        <v>76</v>
      </c>
      <c r="GT34" s="82">
        <v>119</v>
      </c>
      <c r="GU34" s="83">
        <v>195</v>
      </c>
      <c r="GV34" s="241"/>
      <c r="GW34" s="82">
        <v>170</v>
      </c>
      <c r="GX34" s="82">
        <v>138</v>
      </c>
      <c r="GY34" s="82">
        <v>124</v>
      </c>
      <c r="GZ34" s="82">
        <v>81</v>
      </c>
      <c r="HA34" s="82">
        <v>53</v>
      </c>
      <c r="HB34" s="84">
        <v>566</v>
      </c>
      <c r="HC34" s="85">
        <v>761</v>
      </c>
      <c r="HD34" s="70">
        <v>0</v>
      </c>
      <c r="HE34" s="71">
        <v>3</v>
      </c>
      <c r="HF34" s="72">
        <v>3</v>
      </c>
      <c r="HG34" s="244"/>
      <c r="HH34" s="71">
        <v>4</v>
      </c>
      <c r="HI34" s="71">
        <v>3</v>
      </c>
      <c r="HJ34" s="71">
        <v>5</v>
      </c>
      <c r="HK34" s="71">
        <v>4</v>
      </c>
      <c r="HL34" s="71">
        <v>3</v>
      </c>
      <c r="HM34" s="72">
        <v>19</v>
      </c>
      <c r="HN34" s="73">
        <v>22</v>
      </c>
      <c r="HO34" s="70">
        <v>5</v>
      </c>
      <c r="HP34" s="71">
        <v>11</v>
      </c>
      <c r="HQ34" s="72">
        <v>16</v>
      </c>
      <c r="HR34" s="244"/>
      <c r="HS34" s="71">
        <v>18</v>
      </c>
      <c r="HT34" s="71">
        <v>14</v>
      </c>
      <c r="HU34" s="71">
        <v>10</v>
      </c>
      <c r="HV34" s="71">
        <v>7</v>
      </c>
      <c r="HW34" s="71">
        <v>3</v>
      </c>
      <c r="HX34" s="72">
        <v>52</v>
      </c>
      <c r="HY34" s="73">
        <v>68</v>
      </c>
      <c r="HZ34" s="70">
        <v>10</v>
      </c>
      <c r="IA34" s="71">
        <v>15</v>
      </c>
      <c r="IB34" s="72">
        <v>25</v>
      </c>
      <c r="IC34" s="244"/>
      <c r="ID34" s="71">
        <v>17</v>
      </c>
      <c r="IE34" s="71">
        <v>8</v>
      </c>
      <c r="IF34" s="71">
        <v>9</v>
      </c>
      <c r="IG34" s="71">
        <v>7</v>
      </c>
      <c r="IH34" s="71">
        <v>3</v>
      </c>
      <c r="II34" s="72">
        <v>44</v>
      </c>
      <c r="IJ34" s="73">
        <v>69</v>
      </c>
      <c r="IK34" s="70">
        <v>21</v>
      </c>
      <c r="IL34" s="71">
        <v>28</v>
      </c>
      <c r="IM34" s="72">
        <v>49</v>
      </c>
      <c r="IN34" s="244"/>
      <c r="IO34" s="71">
        <v>41</v>
      </c>
      <c r="IP34" s="71">
        <v>33</v>
      </c>
      <c r="IQ34" s="71">
        <v>23</v>
      </c>
      <c r="IR34" s="71">
        <v>8</v>
      </c>
      <c r="IS34" s="71">
        <v>5</v>
      </c>
      <c r="IT34" s="72">
        <v>110</v>
      </c>
      <c r="IU34" s="73">
        <v>159</v>
      </c>
      <c r="IV34" s="70">
        <v>29</v>
      </c>
      <c r="IW34" s="71">
        <v>35</v>
      </c>
      <c r="IX34" s="72">
        <v>64</v>
      </c>
      <c r="IY34" s="244"/>
      <c r="IZ34" s="71">
        <v>41</v>
      </c>
      <c r="JA34" s="71">
        <v>36</v>
      </c>
      <c r="JB34" s="71">
        <v>26</v>
      </c>
      <c r="JC34" s="71">
        <v>19</v>
      </c>
      <c r="JD34" s="71">
        <v>8</v>
      </c>
      <c r="JE34" s="72">
        <v>130</v>
      </c>
      <c r="JF34" s="73">
        <v>194</v>
      </c>
      <c r="JG34" s="70">
        <v>11</v>
      </c>
      <c r="JH34" s="71">
        <v>27</v>
      </c>
      <c r="JI34" s="72">
        <v>38</v>
      </c>
      <c r="JJ34" s="244"/>
      <c r="JK34" s="71">
        <v>49</v>
      </c>
      <c r="JL34" s="71">
        <v>44</v>
      </c>
      <c r="JM34" s="71">
        <v>51</v>
      </c>
      <c r="JN34" s="71">
        <v>36</v>
      </c>
      <c r="JO34" s="71">
        <v>31</v>
      </c>
      <c r="JP34" s="72">
        <v>211</v>
      </c>
      <c r="JQ34" s="73">
        <v>249</v>
      </c>
      <c r="JR34" s="70">
        <v>0</v>
      </c>
      <c r="JS34" s="71">
        <v>4</v>
      </c>
      <c r="JT34" s="72">
        <v>4</v>
      </c>
      <c r="JU34" s="244"/>
      <c r="JV34" s="71">
        <v>5</v>
      </c>
      <c r="JW34" s="71">
        <v>1</v>
      </c>
      <c r="JX34" s="71">
        <v>2</v>
      </c>
      <c r="JY34" s="71">
        <v>1</v>
      </c>
      <c r="JZ34" s="71">
        <v>2</v>
      </c>
      <c r="KA34" s="72">
        <v>11</v>
      </c>
      <c r="KB34" s="73">
        <v>15</v>
      </c>
      <c r="KC34" s="70">
        <v>76</v>
      </c>
      <c r="KD34" s="71">
        <v>123</v>
      </c>
      <c r="KE34" s="72">
        <v>199</v>
      </c>
      <c r="KF34" s="244"/>
      <c r="KG34" s="71">
        <v>175</v>
      </c>
      <c r="KH34" s="71">
        <v>139</v>
      </c>
      <c r="KI34" s="71">
        <v>126</v>
      </c>
      <c r="KJ34" s="71">
        <v>82</v>
      </c>
      <c r="KK34" s="71">
        <v>55</v>
      </c>
      <c r="KL34" s="72">
        <v>577</v>
      </c>
      <c r="KM34" s="73">
        <v>776</v>
      </c>
    </row>
    <row r="35" spans="2:299" ht="19.8" customHeight="1" x14ac:dyDescent="0.2">
      <c r="B35" s="126" t="s">
        <v>32</v>
      </c>
      <c r="C35" s="316">
        <v>30</v>
      </c>
      <c r="D35" s="82">
        <v>22</v>
      </c>
      <c r="E35" s="83">
        <v>52</v>
      </c>
      <c r="F35" s="241"/>
      <c r="G35" s="82">
        <v>64</v>
      </c>
      <c r="H35" s="82">
        <v>57</v>
      </c>
      <c r="I35" s="82">
        <v>38</v>
      </c>
      <c r="J35" s="82">
        <v>29</v>
      </c>
      <c r="K35" s="82">
        <v>22</v>
      </c>
      <c r="L35" s="84">
        <v>210</v>
      </c>
      <c r="M35" s="85">
        <v>262</v>
      </c>
      <c r="N35" s="70">
        <v>3</v>
      </c>
      <c r="O35" s="71">
        <v>2</v>
      </c>
      <c r="P35" s="72">
        <v>5</v>
      </c>
      <c r="Q35" s="244"/>
      <c r="R35" s="71">
        <v>5</v>
      </c>
      <c r="S35" s="71">
        <v>1</v>
      </c>
      <c r="T35" s="71">
        <v>1</v>
      </c>
      <c r="U35" s="71">
        <v>4</v>
      </c>
      <c r="V35" s="71">
        <v>1</v>
      </c>
      <c r="W35" s="72">
        <v>12</v>
      </c>
      <c r="X35" s="73">
        <v>17</v>
      </c>
      <c r="Y35" s="70">
        <v>8</v>
      </c>
      <c r="Z35" s="71">
        <v>2</v>
      </c>
      <c r="AA35" s="72">
        <v>10</v>
      </c>
      <c r="AB35" s="244"/>
      <c r="AC35" s="71">
        <v>5</v>
      </c>
      <c r="AD35" s="71">
        <v>3</v>
      </c>
      <c r="AE35" s="71">
        <v>5</v>
      </c>
      <c r="AF35" s="71">
        <v>4</v>
      </c>
      <c r="AG35" s="71">
        <v>3</v>
      </c>
      <c r="AH35" s="72">
        <v>20</v>
      </c>
      <c r="AI35" s="73">
        <v>30</v>
      </c>
      <c r="AJ35" s="70">
        <v>5</v>
      </c>
      <c r="AK35" s="71">
        <v>1</v>
      </c>
      <c r="AL35" s="72">
        <v>6</v>
      </c>
      <c r="AM35" s="244"/>
      <c r="AN35" s="71">
        <v>9</v>
      </c>
      <c r="AO35" s="71">
        <v>13</v>
      </c>
      <c r="AP35" s="71">
        <v>3</v>
      </c>
      <c r="AQ35" s="71">
        <v>2</v>
      </c>
      <c r="AR35" s="71">
        <v>7</v>
      </c>
      <c r="AS35" s="72">
        <v>34</v>
      </c>
      <c r="AT35" s="73">
        <v>40</v>
      </c>
      <c r="AU35" s="70">
        <v>6</v>
      </c>
      <c r="AV35" s="71">
        <v>5</v>
      </c>
      <c r="AW35" s="72">
        <v>11</v>
      </c>
      <c r="AX35" s="244"/>
      <c r="AY35" s="71">
        <v>16</v>
      </c>
      <c r="AZ35" s="71">
        <v>15</v>
      </c>
      <c r="BA35" s="71">
        <v>9</v>
      </c>
      <c r="BB35" s="71">
        <v>9</v>
      </c>
      <c r="BC35" s="71">
        <v>6</v>
      </c>
      <c r="BD35" s="72">
        <v>55</v>
      </c>
      <c r="BE35" s="73">
        <v>66</v>
      </c>
      <c r="BF35" s="70">
        <v>6</v>
      </c>
      <c r="BG35" s="71">
        <v>7</v>
      </c>
      <c r="BH35" s="72">
        <v>13</v>
      </c>
      <c r="BI35" s="244"/>
      <c r="BJ35" s="71">
        <v>19</v>
      </c>
      <c r="BK35" s="71">
        <v>15</v>
      </c>
      <c r="BL35" s="71">
        <v>12</v>
      </c>
      <c r="BM35" s="71">
        <v>7</v>
      </c>
      <c r="BN35" s="71">
        <v>4</v>
      </c>
      <c r="BO35" s="72">
        <v>57</v>
      </c>
      <c r="BP35" s="73">
        <v>70</v>
      </c>
      <c r="BQ35" s="70">
        <v>2</v>
      </c>
      <c r="BR35" s="71">
        <v>5</v>
      </c>
      <c r="BS35" s="72">
        <v>7</v>
      </c>
      <c r="BT35" s="244"/>
      <c r="BU35" s="71">
        <v>10</v>
      </c>
      <c r="BV35" s="71">
        <v>10</v>
      </c>
      <c r="BW35" s="71">
        <v>8</v>
      </c>
      <c r="BX35" s="71">
        <v>3</v>
      </c>
      <c r="BY35" s="71">
        <v>1</v>
      </c>
      <c r="BZ35" s="72">
        <v>32</v>
      </c>
      <c r="CA35" s="73">
        <v>39</v>
      </c>
      <c r="CB35" s="70">
        <v>1</v>
      </c>
      <c r="CC35" s="71">
        <v>1</v>
      </c>
      <c r="CD35" s="72">
        <v>2</v>
      </c>
      <c r="CE35" s="244"/>
      <c r="CF35" s="71">
        <v>6</v>
      </c>
      <c r="CG35" s="71">
        <v>5</v>
      </c>
      <c r="CH35" s="71">
        <v>1</v>
      </c>
      <c r="CI35" s="71">
        <v>3</v>
      </c>
      <c r="CJ35" s="71">
        <v>3</v>
      </c>
      <c r="CK35" s="72">
        <v>18</v>
      </c>
      <c r="CL35" s="73">
        <v>20</v>
      </c>
      <c r="CM35" s="70">
        <v>31</v>
      </c>
      <c r="CN35" s="71">
        <v>23</v>
      </c>
      <c r="CO35" s="72">
        <v>54</v>
      </c>
      <c r="CP35" s="244"/>
      <c r="CQ35" s="71">
        <v>70</v>
      </c>
      <c r="CR35" s="71">
        <v>62</v>
      </c>
      <c r="CS35" s="71">
        <v>39</v>
      </c>
      <c r="CT35" s="71">
        <v>32</v>
      </c>
      <c r="CU35" s="71">
        <v>25</v>
      </c>
      <c r="CV35" s="72">
        <v>228</v>
      </c>
      <c r="CW35" s="73">
        <v>282</v>
      </c>
      <c r="CX35" s="123">
        <v>46</v>
      </c>
      <c r="CY35" s="82">
        <v>63</v>
      </c>
      <c r="CZ35" s="83">
        <v>109</v>
      </c>
      <c r="DA35" s="241"/>
      <c r="DB35" s="82">
        <v>124</v>
      </c>
      <c r="DC35" s="82">
        <v>89</v>
      </c>
      <c r="DD35" s="82">
        <v>75</v>
      </c>
      <c r="DE35" s="82">
        <v>74</v>
      </c>
      <c r="DF35" s="82">
        <v>35</v>
      </c>
      <c r="DG35" s="84">
        <v>397</v>
      </c>
      <c r="DH35" s="85">
        <v>506</v>
      </c>
      <c r="DI35" s="70">
        <v>2</v>
      </c>
      <c r="DJ35" s="71">
        <v>2</v>
      </c>
      <c r="DK35" s="72">
        <v>4</v>
      </c>
      <c r="DL35" s="244"/>
      <c r="DM35" s="71">
        <v>2</v>
      </c>
      <c r="DN35" s="71">
        <v>3</v>
      </c>
      <c r="DO35" s="71">
        <v>1</v>
      </c>
      <c r="DP35" s="71">
        <v>1</v>
      </c>
      <c r="DQ35" s="71">
        <v>2</v>
      </c>
      <c r="DR35" s="72">
        <v>9</v>
      </c>
      <c r="DS35" s="73">
        <v>13</v>
      </c>
      <c r="DT35" s="70">
        <v>3</v>
      </c>
      <c r="DU35" s="71">
        <v>3</v>
      </c>
      <c r="DV35" s="72">
        <v>6</v>
      </c>
      <c r="DW35" s="244"/>
      <c r="DX35" s="71">
        <v>9</v>
      </c>
      <c r="DY35" s="71">
        <v>1</v>
      </c>
      <c r="DZ35" s="71">
        <v>3</v>
      </c>
      <c r="EA35" s="71">
        <v>4</v>
      </c>
      <c r="EB35" s="71">
        <v>2</v>
      </c>
      <c r="EC35" s="72">
        <v>19</v>
      </c>
      <c r="ED35" s="73">
        <v>25</v>
      </c>
      <c r="EE35" s="70">
        <v>6</v>
      </c>
      <c r="EF35" s="71">
        <v>8</v>
      </c>
      <c r="EG35" s="72">
        <v>14</v>
      </c>
      <c r="EH35" s="244"/>
      <c r="EI35" s="71">
        <v>15</v>
      </c>
      <c r="EJ35" s="71">
        <v>6</v>
      </c>
      <c r="EK35" s="71">
        <v>6</v>
      </c>
      <c r="EL35" s="71">
        <v>5</v>
      </c>
      <c r="EM35" s="71">
        <v>2</v>
      </c>
      <c r="EN35" s="72">
        <v>34</v>
      </c>
      <c r="EO35" s="73">
        <v>48</v>
      </c>
      <c r="EP35" s="70">
        <v>12</v>
      </c>
      <c r="EQ35" s="71">
        <v>16</v>
      </c>
      <c r="ER35" s="72">
        <v>28</v>
      </c>
      <c r="ES35" s="244"/>
      <c r="ET35" s="71">
        <v>28</v>
      </c>
      <c r="EU35" s="71">
        <v>25</v>
      </c>
      <c r="EV35" s="71">
        <v>12</v>
      </c>
      <c r="EW35" s="71">
        <v>8</v>
      </c>
      <c r="EX35" s="71">
        <v>10</v>
      </c>
      <c r="EY35" s="72">
        <v>83</v>
      </c>
      <c r="EZ35" s="73">
        <v>111</v>
      </c>
      <c r="FA35" s="70">
        <v>14</v>
      </c>
      <c r="FB35" s="71">
        <v>12</v>
      </c>
      <c r="FC35" s="72">
        <v>26</v>
      </c>
      <c r="FD35" s="244"/>
      <c r="FE35" s="71">
        <v>41</v>
      </c>
      <c r="FF35" s="71">
        <v>19</v>
      </c>
      <c r="FG35" s="71">
        <v>23</v>
      </c>
      <c r="FH35" s="71">
        <v>19</v>
      </c>
      <c r="FI35" s="71">
        <v>6</v>
      </c>
      <c r="FJ35" s="72">
        <v>108</v>
      </c>
      <c r="FK35" s="73">
        <v>134</v>
      </c>
      <c r="FL35" s="70">
        <v>9</v>
      </c>
      <c r="FM35" s="71">
        <v>22</v>
      </c>
      <c r="FN35" s="72">
        <v>31</v>
      </c>
      <c r="FO35" s="244"/>
      <c r="FP35" s="71">
        <v>29</v>
      </c>
      <c r="FQ35" s="71">
        <v>35</v>
      </c>
      <c r="FR35" s="71">
        <v>30</v>
      </c>
      <c r="FS35" s="71">
        <v>37</v>
      </c>
      <c r="FT35" s="71">
        <v>13</v>
      </c>
      <c r="FU35" s="72">
        <v>144</v>
      </c>
      <c r="FV35" s="73">
        <v>175</v>
      </c>
      <c r="FW35" s="70">
        <v>1</v>
      </c>
      <c r="FX35" s="71">
        <v>1</v>
      </c>
      <c r="FY35" s="72">
        <v>2</v>
      </c>
      <c r="FZ35" s="244"/>
      <c r="GA35" s="71">
        <v>4</v>
      </c>
      <c r="GB35" s="71">
        <v>2</v>
      </c>
      <c r="GC35" s="71">
        <v>0</v>
      </c>
      <c r="GD35" s="71">
        <v>0</v>
      </c>
      <c r="GE35" s="71">
        <v>2</v>
      </c>
      <c r="GF35" s="72">
        <v>8</v>
      </c>
      <c r="GG35" s="73">
        <v>10</v>
      </c>
      <c r="GH35" s="70">
        <v>47</v>
      </c>
      <c r="GI35" s="71">
        <v>64</v>
      </c>
      <c r="GJ35" s="72">
        <v>111</v>
      </c>
      <c r="GK35" s="244"/>
      <c r="GL35" s="71">
        <v>128</v>
      </c>
      <c r="GM35" s="71">
        <v>91</v>
      </c>
      <c r="GN35" s="71">
        <v>75</v>
      </c>
      <c r="GO35" s="71">
        <v>74</v>
      </c>
      <c r="GP35" s="71">
        <v>37</v>
      </c>
      <c r="GQ35" s="72">
        <v>405</v>
      </c>
      <c r="GR35" s="73">
        <v>516</v>
      </c>
      <c r="GS35" s="123">
        <v>76</v>
      </c>
      <c r="GT35" s="82">
        <v>85</v>
      </c>
      <c r="GU35" s="83">
        <v>161</v>
      </c>
      <c r="GV35" s="241"/>
      <c r="GW35" s="82">
        <v>188</v>
      </c>
      <c r="GX35" s="82">
        <v>146</v>
      </c>
      <c r="GY35" s="82">
        <v>113</v>
      </c>
      <c r="GZ35" s="82">
        <v>103</v>
      </c>
      <c r="HA35" s="82">
        <v>57</v>
      </c>
      <c r="HB35" s="84">
        <v>607</v>
      </c>
      <c r="HC35" s="85">
        <v>768</v>
      </c>
      <c r="HD35" s="70">
        <v>5</v>
      </c>
      <c r="HE35" s="71">
        <v>4</v>
      </c>
      <c r="HF35" s="72">
        <v>9</v>
      </c>
      <c r="HG35" s="244"/>
      <c r="HH35" s="71">
        <v>7</v>
      </c>
      <c r="HI35" s="71">
        <v>4</v>
      </c>
      <c r="HJ35" s="71">
        <v>2</v>
      </c>
      <c r="HK35" s="71">
        <v>5</v>
      </c>
      <c r="HL35" s="71">
        <v>3</v>
      </c>
      <c r="HM35" s="72">
        <v>21</v>
      </c>
      <c r="HN35" s="73">
        <v>30</v>
      </c>
      <c r="HO35" s="70">
        <v>11</v>
      </c>
      <c r="HP35" s="71">
        <v>5</v>
      </c>
      <c r="HQ35" s="72">
        <v>16</v>
      </c>
      <c r="HR35" s="244"/>
      <c r="HS35" s="71">
        <v>14</v>
      </c>
      <c r="HT35" s="71">
        <v>4</v>
      </c>
      <c r="HU35" s="71">
        <v>8</v>
      </c>
      <c r="HV35" s="71">
        <v>8</v>
      </c>
      <c r="HW35" s="71">
        <v>5</v>
      </c>
      <c r="HX35" s="72">
        <v>39</v>
      </c>
      <c r="HY35" s="73">
        <v>55</v>
      </c>
      <c r="HZ35" s="70">
        <v>11</v>
      </c>
      <c r="IA35" s="71">
        <v>9</v>
      </c>
      <c r="IB35" s="72">
        <v>20</v>
      </c>
      <c r="IC35" s="244"/>
      <c r="ID35" s="71">
        <v>24</v>
      </c>
      <c r="IE35" s="71">
        <v>19</v>
      </c>
      <c r="IF35" s="71">
        <v>9</v>
      </c>
      <c r="IG35" s="71">
        <v>7</v>
      </c>
      <c r="IH35" s="71">
        <v>9</v>
      </c>
      <c r="II35" s="72">
        <v>68</v>
      </c>
      <c r="IJ35" s="73">
        <v>88</v>
      </c>
      <c r="IK35" s="70">
        <v>18</v>
      </c>
      <c r="IL35" s="71">
        <v>21</v>
      </c>
      <c r="IM35" s="72">
        <v>39</v>
      </c>
      <c r="IN35" s="244"/>
      <c r="IO35" s="71">
        <v>44</v>
      </c>
      <c r="IP35" s="71">
        <v>40</v>
      </c>
      <c r="IQ35" s="71">
        <v>21</v>
      </c>
      <c r="IR35" s="71">
        <v>17</v>
      </c>
      <c r="IS35" s="71">
        <v>16</v>
      </c>
      <c r="IT35" s="72">
        <v>138</v>
      </c>
      <c r="IU35" s="73">
        <v>177</v>
      </c>
      <c r="IV35" s="70">
        <v>20</v>
      </c>
      <c r="IW35" s="71">
        <v>19</v>
      </c>
      <c r="IX35" s="72">
        <v>39</v>
      </c>
      <c r="IY35" s="244"/>
      <c r="IZ35" s="71">
        <v>60</v>
      </c>
      <c r="JA35" s="71">
        <v>34</v>
      </c>
      <c r="JB35" s="71">
        <v>35</v>
      </c>
      <c r="JC35" s="71">
        <v>26</v>
      </c>
      <c r="JD35" s="71">
        <v>10</v>
      </c>
      <c r="JE35" s="72">
        <v>165</v>
      </c>
      <c r="JF35" s="73">
        <v>204</v>
      </c>
      <c r="JG35" s="70">
        <v>11</v>
      </c>
      <c r="JH35" s="71">
        <v>27</v>
      </c>
      <c r="JI35" s="72">
        <v>38</v>
      </c>
      <c r="JJ35" s="244"/>
      <c r="JK35" s="71">
        <v>39</v>
      </c>
      <c r="JL35" s="71">
        <v>45</v>
      </c>
      <c r="JM35" s="71">
        <v>38</v>
      </c>
      <c r="JN35" s="71">
        <v>40</v>
      </c>
      <c r="JO35" s="71">
        <v>14</v>
      </c>
      <c r="JP35" s="72">
        <v>176</v>
      </c>
      <c r="JQ35" s="73">
        <v>214</v>
      </c>
      <c r="JR35" s="70">
        <v>2</v>
      </c>
      <c r="JS35" s="71">
        <v>2</v>
      </c>
      <c r="JT35" s="72">
        <v>4</v>
      </c>
      <c r="JU35" s="244"/>
      <c r="JV35" s="71">
        <v>10</v>
      </c>
      <c r="JW35" s="71">
        <v>7</v>
      </c>
      <c r="JX35" s="71">
        <v>1</v>
      </c>
      <c r="JY35" s="71">
        <v>3</v>
      </c>
      <c r="JZ35" s="71">
        <v>5</v>
      </c>
      <c r="KA35" s="72">
        <v>26</v>
      </c>
      <c r="KB35" s="73">
        <v>30</v>
      </c>
      <c r="KC35" s="70">
        <v>78</v>
      </c>
      <c r="KD35" s="71">
        <v>87</v>
      </c>
      <c r="KE35" s="72">
        <v>165</v>
      </c>
      <c r="KF35" s="244"/>
      <c r="KG35" s="71">
        <v>198</v>
      </c>
      <c r="KH35" s="71">
        <v>153</v>
      </c>
      <c r="KI35" s="71">
        <v>114</v>
      </c>
      <c r="KJ35" s="71">
        <v>106</v>
      </c>
      <c r="KK35" s="71">
        <v>62</v>
      </c>
      <c r="KL35" s="72">
        <v>633</v>
      </c>
      <c r="KM35" s="73">
        <v>798</v>
      </c>
    </row>
    <row r="36" spans="2:299" ht="19.8" customHeight="1" x14ac:dyDescent="0.2">
      <c r="B36" s="126" t="s">
        <v>33</v>
      </c>
      <c r="C36" s="316">
        <v>34</v>
      </c>
      <c r="D36" s="82">
        <v>19</v>
      </c>
      <c r="E36" s="83">
        <v>53</v>
      </c>
      <c r="F36" s="241"/>
      <c r="G36" s="82">
        <v>59</v>
      </c>
      <c r="H36" s="82">
        <v>43</v>
      </c>
      <c r="I36" s="82">
        <v>30</v>
      </c>
      <c r="J36" s="82">
        <v>26</v>
      </c>
      <c r="K36" s="82">
        <v>13</v>
      </c>
      <c r="L36" s="84">
        <v>171</v>
      </c>
      <c r="M36" s="85">
        <v>224</v>
      </c>
      <c r="N36" s="70">
        <v>2</v>
      </c>
      <c r="O36" s="71">
        <v>1</v>
      </c>
      <c r="P36" s="72">
        <v>3</v>
      </c>
      <c r="Q36" s="244"/>
      <c r="R36" s="71">
        <v>2</v>
      </c>
      <c r="S36" s="71">
        <v>1</v>
      </c>
      <c r="T36" s="71">
        <v>3</v>
      </c>
      <c r="U36" s="71">
        <v>1</v>
      </c>
      <c r="V36" s="71">
        <v>0</v>
      </c>
      <c r="W36" s="72">
        <v>7</v>
      </c>
      <c r="X36" s="73">
        <v>10</v>
      </c>
      <c r="Y36" s="70">
        <v>5</v>
      </c>
      <c r="Z36" s="71">
        <v>5</v>
      </c>
      <c r="AA36" s="72">
        <v>10</v>
      </c>
      <c r="AB36" s="244"/>
      <c r="AC36" s="71">
        <v>5</v>
      </c>
      <c r="AD36" s="71">
        <v>10</v>
      </c>
      <c r="AE36" s="71">
        <v>4</v>
      </c>
      <c r="AF36" s="71">
        <v>9</v>
      </c>
      <c r="AG36" s="71">
        <v>5</v>
      </c>
      <c r="AH36" s="72">
        <v>33</v>
      </c>
      <c r="AI36" s="73">
        <v>43</v>
      </c>
      <c r="AJ36" s="70">
        <v>7</v>
      </c>
      <c r="AK36" s="71">
        <v>4</v>
      </c>
      <c r="AL36" s="72">
        <v>11</v>
      </c>
      <c r="AM36" s="244"/>
      <c r="AN36" s="71">
        <v>12</v>
      </c>
      <c r="AO36" s="71">
        <v>7</v>
      </c>
      <c r="AP36" s="71">
        <v>6</v>
      </c>
      <c r="AQ36" s="71">
        <v>5</v>
      </c>
      <c r="AR36" s="71">
        <v>3</v>
      </c>
      <c r="AS36" s="72">
        <v>33</v>
      </c>
      <c r="AT36" s="73">
        <v>44</v>
      </c>
      <c r="AU36" s="70">
        <v>5</v>
      </c>
      <c r="AV36" s="71">
        <v>6</v>
      </c>
      <c r="AW36" s="72">
        <v>11</v>
      </c>
      <c r="AX36" s="244"/>
      <c r="AY36" s="71">
        <v>18</v>
      </c>
      <c r="AZ36" s="71">
        <v>12</v>
      </c>
      <c r="BA36" s="71">
        <v>4</v>
      </c>
      <c r="BB36" s="71">
        <v>3</v>
      </c>
      <c r="BC36" s="71">
        <v>1</v>
      </c>
      <c r="BD36" s="72">
        <v>38</v>
      </c>
      <c r="BE36" s="73">
        <v>49</v>
      </c>
      <c r="BF36" s="70">
        <v>8</v>
      </c>
      <c r="BG36" s="71">
        <v>1</v>
      </c>
      <c r="BH36" s="72">
        <v>9</v>
      </c>
      <c r="BI36" s="244"/>
      <c r="BJ36" s="71">
        <v>12</v>
      </c>
      <c r="BK36" s="71">
        <v>7</v>
      </c>
      <c r="BL36" s="71">
        <v>10</v>
      </c>
      <c r="BM36" s="71">
        <v>5</v>
      </c>
      <c r="BN36" s="71">
        <v>3</v>
      </c>
      <c r="BO36" s="72">
        <v>37</v>
      </c>
      <c r="BP36" s="73">
        <v>46</v>
      </c>
      <c r="BQ36" s="70">
        <v>7</v>
      </c>
      <c r="BR36" s="71">
        <v>2</v>
      </c>
      <c r="BS36" s="72">
        <v>9</v>
      </c>
      <c r="BT36" s="244"/>
      <c r="BU36" s="71">
        <v>10</v>
      </c>
      <c r="BV36" s="71">
        <v>6</v>
      </c>
      <c r="BW36" s="71">
        <v>3</v>
      </c>
      <c r="BX36" s="71">
        <v>3</v>
      </c>
      <c r="BY36" s="71">
        <v>1</v>
      </c>
      <c r="BZ36" s="72">
        <v>23</v>
      </c>
      <c r="CA36" s="73">
        <v>32</v>
      </c>
      <c r="CB36" s="70">
        <v>1</v>
      </c>
      <c r="CC36" s="71">
        <v>0</v>
      </c>
      <c r="CD36" s="72">
        <v>1</v>
      </c>
      <c r="CE36" s="244"/>
      <c r="CF36" s="71">
        <v>2</v>
      </c>
      <c r="CG36" s="71">
        <v>1</v>
      </c>
      <c r="CH36" s="71">
        <v>0</v>
      </c>
      <c r="CI36" s="71">
        <v>0</v>
      </c>
      <c r="CJ36" s="71">
        <v>1</v>
      </c>
      <c r="CK36" s="72">
        <v>4</v>
      </c>
      <c r="CL36" s="73">
        <v>5</v>
      </c>
      <c r="CM36" s="70">
        <v>35</v>
      </c>
      <c r="CN36" s="71">
        <v>19</v>
      </c>
      <c r="CO36" s="72">
        <v>54</v>
      </c>
      <c r="CP36" s="244"/>
      <c r="CQ36" s="71">
        <v>61</v>
      </c>
      <c r="CR36" s="71">
        <v>44</v>
      </c>
      <c r="CS36" s="71">
        <v>30</v>
      </c>
      <c r="CT36" s="71">
        <v>26</v>
      </c>
      <c r="CU36" s="71">
        <v>14</v>
      </c>
      <c r="CV36" s="72">
        <v>175</v>
      </c>
      <c r="CW36" s="73">
        <v>229</v>
      </c>
      <c r="CX36" s="123">
        <v>63</v>
      </c>
      <c r="CY36" s="82">
        <v>66</v>
      </c>
      <c r="CZ36" s="83">
        <v>129</v>
      </c>
      <c r="DA36" s="241"/>
      <c r="DB36" s="82">
        <v>113</v>
      </c>
      <c r="DC36" s="82">
        <v>87</v>
      </c>
      <c r="DD36" s="82">
        <v>73</v>
      </c>
      <c r="DE36" s="82">
        <v>77</v>
      </c>
      <c r="DF36" s="82">
        <v>54</v>
      </c>
      <c r="DG36" s="84">
        <v>404</v>
      </c>
      <c r="DH36" s="85">
        <v>533</v>
      </c>
      <c r="DI36" s="70">
        <v>3</v>
      </c>
      <c r="DJ36" s="71">
        <v>2</v>
      </c>
      <c r="DK36" s="72">
        <v>5</v>
      </c>
      <c r="DL36" s="244"/>
      <c r="DM36" s="71">
        <v>1</v>
      </c>
      <c r="DN36" s="71">
        <v>3</v>
      </c>
      <c r="DO36" s="71">
        <v>2</v>
      </c>
      <c r="DP36" s="71">
        <v>2</v>
      </c>
      <c r="DQ36" s="71">
        <v>3</v>
      </c>
      <c r="DR36" s="72">
        <v>11</v>
      </c>
      <c r="DS36" s="73">
        <v>16</v>
      </c>
      <c r="DT36" s="70">
        <v>7</v>
      </c>
      <c r="DU36" s="71">
        <v>6</v>
      </c>
      <c r="DV36" s="72">
        <v>13</v>
      </c>
      <c r="DW36" s="244"/>
      <c r="DX36" s="71">
        <v>3</v>
      </c>
      <c r="DY36" s="71">
        <v>5</v>
      </c>
      <c r="DZ36" s="71">
        <v>5</v>
      </c>
      <c r="EA36" s="71">
        <v>3</v>
      </c>
      <c r="EB36" s="71">
        <v>2</v>
      </c>
      <c r="EC36" s="72">
        <v>18</v>
      </c>
      <c r="ED36" s="73">
        <v>31</v>
      </c>
      <c r="EE36" s="70">
        <v>4</v>
      </c>
      <c r="EF36" s="71">
        <v>6</v>
      </c>
      <c r="EG36" s="72">
        <v>10</v>
      </c>
      <c r="EH36" s="244"/>
      <c r="EI36" s="71">
        <v>15</v>
      </c>
      <c r="EJ36" s="71">
        <v>8</v>
      </c>
      <c r="EK36" s="71">
        <v>8</v>
      </c>
      <c r="EL36" s="71">
        <v>6</v>
      </c>
      <c r="EM36" s="71">
        <v>9</v>
      </c>
      <c r="EN36" s="72">
        <v>46</v>
      </c>
      <c r="EO36" s="73">
        <v>56</v>
      </c>
      <c r="EP36" s="70">
        <v>9</v>
      </c>
      <c r="EQ36" s="71">
        <v>11</v>
      </c>
      <c r="ER36" s="72">
        <v>20</v>
      </c>
      <c r="ES36" s="244"/>
      <c r="ET36" s="71">
        <v>27</v>
      </c>
      <c r="EU36" s="71">
        <v>21</v>
      </c>
      <c r="EV36" s="71">
        <v>10</v>
      </c>
      <c r="EW36" s="71">
        <v>20</v>
      </c>
      <c r="EX36" s="71">
        <v>7</v>
      </c>
      <c r="EY36" s="72">
        <v>85</v>
      </c>
      <c r="EZ36" s="73">
        <v>105</v>
      </c>
      <c r="FA36" s="70">
        <v>30</v>
      </c>
      <c r="FB36" s="71">
        <v>22</v>
      </c>
      <c r="FC36" s="72">
        <v>52</v>
      </c>
      <c r="FD36" s="244"/>
      <c r="FE36" s="71">
        <v>33</v>
      </c>
      <c r="FF36" s="71">
        <v>17</v>
      </c>
      <c r="FG36" s="71">
        <v>18</v>
      </c>
      <c r="FH36" s="71">
        <v>15</v>
      </c>
      <c r="FI36" s="71">
        <v>13</v>
      </c>
      <c r="FJ36" s="72">
        <v>96</v>
      </c>
      <c r="FK36" s="73">
        <v>148</v>
      </c>
      <c r="FL36" s="70">
        <v>10</v>
      </c>
      <c r="FM36" s="71">
        <v>19</v>
      </c>
      <c r="FN36" s="72">
        <v>29</v>
      </c>
      <c r="FO36" s="244"/>
      <c r="FP36" s="71">
        <v>34</v>
      </c>
      <c r="FQ36" s="71">
        <v>33</v>
      </c>
      <c r="FR36" s="71">
        <v>30</v>
      </c>
      <c r="FS36" s="71">
        <v>31</v>
      </c>
      <c r="FT36" s="71">
        <v>20</v>
      </c>
      <c r="FU36" s="72">
        <v>148</v>
      </c>
      <c r="FV36" s="73">
        <v>177</v>
      </c>
      <c r="FW36" s="70">
        <v>0</v>
      </c>
      <c r="FX36" s="71">
        <v>0</v>
      </c>
      <c r="FY36" s="72">
        <v>0</v>
      </c>
      <c r="FZ36" s="244"/>
      <c r="GA36" s="71">
        <v>1</v>
      </c>
      <c r="GB36" s="71">
        <v>0</v>
      </c>
      <c r="GC36" s="71">
        <v>0</v>
      </c>
      <c r="GD36" s="71">
        <v>1</v>
      </c>
      <c r="GE36" s="71">
        <v>1</v>
      </c>
      <c r="GF36" s="72">
        <v>3</v>
      </c>
      <c r="GG36" s="73">
        <v>3</v>
      </c>
      <c r="GH36" s="70">
        <v>63</v>
      </c>
      <c r="GI36" s="71">
        <v>66</v>
      </c>
      <c r="GJ36" s="72">
        <v>129</v>
      </c>
      <c r="GK36" s="244"/>
      <c r="GL36" s="71">
        <v>114</v>
      </c>
      <c r="GM36" s="71">
        <v>87</v>
      </c>
      <c r="GN36" s="71">
        <v>73</v>
      </c>
      <c r="GO36" s="71">
        <v>78</v>
      </c>
      <c r="GP36" s="71">
        <v>55</v>
      </c>
      <c r="GQ36" s="72">
        <v>407</v>
      </c>
      <c r="GR36" s="73">
        <v>536</v>
      </c>
      <c r="GS36" s="123">
        <v>97</v>
      </c>
      <c r="GT36" s="82">
        <v>85</v>
      </c>
      <c r="GU36" s="83">
        <v>182</v>
      </c>
      <c r="GV36" s="241"/>
      <c r="GW36" s="82">
        <v>172</v>
      </c>
      <c r="GX36" s="82">
        <v>130</v>
      </c>
      <c r="GY36" s="82">
        <v>103</v>
      </c>
      <c r="GZ36" s="82">
        <v>103</v>
      </c>
      <c r="HA36" s="82">
        <v>67</v>
      </c>
      <c r="HB36" s="84">
        <v>575</v>
      </c>
      <c r="HC36" s="85">
        <v>757</v>
      </c>
      <c r="HD36" s="70">
        <v>5</v>
      </c>
      <c r="HE36" s="71">
        <v>3</v>
      </c>
      <c r="HF36" s="72">
        <v>8</v>
      </c>
      <c r="HG36" s="244"/>
      <c r="HH36" s="71">
        <v>3</v>
      </c>
      <c r="HI36" s="71">
        <v>4</v>
      </c>
      <c r="HJ36" s="71">
        <v>5</v>
      </c>
      <c r="HK36" s="71">
        <v>3</v>
      </c>
      <c r="HL36" s="71">
        <v>3</v>
      </c>
      <c r="HM36" s="72">
        <v>18</v>
      </c>
      <c r="HN36" s="73">
        <v>26</v>
      </c>
      <c r="HO36" s="70">
        <v>12</v>
      </c>
      <c r="HP36" s="71">
        <v>11</v>
      </c>
      <c r="HQ36" s="72">
        <v>23</v>
      </c>
      <c r="HR36" s="244"/>
      <c r="HS36" s="71">
        <v>8</v>
      </c>
      <c r="HT36" s="71">
        <v>15</v>
      </c>
      <c r="HU36" s="71">
        <v>9</v>
      </c>
      <c r="HV36" s="71">
        <v>12</v>
      </c>
      <c r="HW36" s="71">
        <v>7</v>
      </c>
      <c r="HX36" s="72">
        <v>51</v>
      </c>
      <c r="HY36" s="73">
        <v>74</v>
      </c>
      <c r="HZ36" s="70">
        <v>11</v>
      </c>
      <c r="IA36" s="71">
        <v>10</v>
      </c>
      <c r="IB36" s="72">
        <v>21</v>
      </c>
      <c r="IC36" s="244"/>
      <c r="ID36" s="71">
        <v>27</v>
      </c>
      <c r="IE36" s="71">
        <v>15</v>
      </c>
      <c r="IF36" s="71">
        <v>14</v>
      </c>
      <c r="IG36" s="71">
        <v>11</v>
      </c>
      <c r="IH36" s="71">
        <v>12</v>
      </c>
      <c r="II36" s="72">
        <v>79</v>
      </c>
      <c r="IJ36" s="73">
        <v>100</v>
      </c>
      <c r="IK36" s="70">
        <v>14</v>
      </c>
      <c r="IL36" s="71">
        <v>17</v>
      </c>
      <c r="IM36" s="72">
        <v>31</v>
      </c>
      <c r="IN36" s="244"/>
      <c r="IO36" s="71">
        <v>45</v>
      </c>
      <c r="IP36" s="71">
        <v>33</v>
      </c>
      <c r="IQ36" s="71">
        <v>14</v>
      </c>
      <c r="IR36" s="71">
        <v>23</v>
      </c>
      <c r="IS36" s="71">
        <v>8</v>
      </c>
      <c r="IT36" s="72">
        <v>123</v>
      </c>
      <c r="IU36" s="73">
        <v>154</v>
      </c>
      <c r="IV36" s="70">
        <v>38</v>
      </c>
      <c r="IW36" s="71">
        <v>23</v>
      </c>
      <c r="IX36" s="72">
        <v>61</v>
      </c>
      <c r="IY36" s="244"/>
      <c r="IZ36" s="71">
        <v>45</v>
      </c>
      <c r="JA36" s="71">
        <v>24</v>
      </c>
      <c r="JB36" s="71">
        <v>28</v>
      </c>
      <c r="JC36" s="71">
        <v>20</v>
      </c>
      <c r="JD36" s="71">
        <v>16</v>
      </c>
      <c r="JE36" s="72">
        <v>133</v>
      </c>
      <c r="JF36" s="73">
        <v>194</v>
      </c>
      <c r="JG36" s="70">
        <v>17</v>
      </c>
      <c r="JH36" s="71">
        <v>21</v>
      </c>
      <c r="JI36" s="72">
        <v>38</v>
      </c>
      <c r="JJ36" s="244"/>
      <c r="JK36" s="71">
        <v>44</v>
      </c>
      <c r="JL36" s="71">
        <v>39</v>
      </c>
      <c r="JM36" s="71">
        <v>33</v>
      </c>
      <c r="JN36" s="71">
        <v>34</v>
      </c>
      <c r="JO36" s="71">
        <v>21</v>
      </c>
      <c r="JP36" s="72">
        <v>171</v>
      </c>
      <c r="JQ36" s="73">
        <v>209</v>
      </c>
      <c r="JR36" s="70">
        <v>1</v>
      </c>
      <c r="JS36" s="71">
        <v>0</v>
      </c>
      <c r="JT36" s="72">
        <v>1</v>
      </c>
      <c r="JU36" s="244"/>
      <c r="JV36" s="71">
        <v>3</v>
      </c>
      <c r="JW36" s="71">
        <v>1</v>
      </c>
      <c r="JX36" s="71">
        <v>0</v>
      </c>
      <c r="JY36" s="71">
        <v>1</v>
      </c>
      <c r="JZ36" s="71">
        <v>2</v>
      </c>
      <c r="KA36" s="72">
        <v>7</v>
      </c>
      <c r="KB36" s="73">
        <v>8</v>
      </c>
      <c r="KC36" s="70">
        <v>98</v>
      </c>
      <c r="KD36" s="71">
        <v>85</v>
      </c>
      <c r="KE36" s="72">
        <v>183</v>
      </c>
      <c r="KF36" s="244"/>
      <c r="KG36" s="71">
        <v>175</v>
      </c>
      <c r="KH36" s="71">
        <v>131</v>
      </c>
      <c r="KI36" s="71">
        <v>103</v>
      </c>
      <c r="KJ36" s="71">
        <v>104</v>
      </c>
      <c r="KK36" s="71">
        <v>69</v>
      </c>
      <c r="KL36" s="72">
        <v>582</v>
      </c>
      <c r="KM36" s="73">
        <v>765</v>
      </c>
    </row>
    <row r="37" spans="2:299" ht="19.8" customHeight="1" x14ac:dyDescent="0.2">
      <c r="B37" s="126" t="s">
        <v>34</v>
      </c>
      <c r="C37" s="316">
        <v>16</v>
      </c>
      <c r="D37" s="82">
        <v>19</v>
      </c>
      <c r="E37" s="83">
        <v>35</v>
      </c>
      <c r="F37" s="241"/>
      <c r="G37" s="82">
        <v>42</v>
      </c>
      <c r="H37" s="82">
        <v>33</v>
      </c>
      <c r="I37" s="82">
        <v>17</v>
      </c>
      <c r="J37" s="82">
        <v>25</v>
      </c>
      <c r="K37" s="82">
        <v>8</v>
      </c>
      <c r="L37" s="84">
        <v>125</v>
      </c>
      <c r="M37" s="85">
        <v>160</v>
      </c>
      <c r="N37" s="70">
        <v>0</v>
      </c>
      <c r="O37" s="71">
        <v>5</v>
      </c>
      <c r="P37" s="72">
        <v>5</v>
      </c>
      <c r="Q37" s="244"/>
      <c r="R37" s="71">
        <v>1</v>
      </c>
      <c r="S37" s="71">
        <v>2</v>
      </c>
      <c r="T37" s="71">
        <v>1</v>
      </c>
      <c r="U37" s="71">
        <v>3</v>
      </c>
      <c r="V37" s="71">
        <v>0</v>
      </c>
      <c r="W37" s="72">
        <v>7</v>
      </c>
      <c r="X37" s="73">
        <v>12</v>
      </c>
      <c r="Y37" s="70">
        <v>1</v>
      </c>
      <c r="Z37" s="71">
        <v>2</v>
      </c>
      <c r="AA37" s="72">
        <v>3</v>
      </c>
      <c r="AB37" s="244"/>
      <c r="AC37" s="71">
        <v>3</v>
      </c>
      <c r="AD37" s="71">
        <v>2</v>
      </c>
      <c r="AE37" s="71">
        <v>2</v>
      </c>
      <c r="AF37" s="71">
        <v>2</v>
      </c>
      <c r="AG37" s="71">
        <v>1</v>
      </c>
      <c r="AH37" s="72">
        <v>10</v>
      </c>
      <c r="AI37" s="73">
        <v>13</v>
      </c>
      <c r="AJ37" s="70">
        <v>3</v>
      </c>
      <c r="AK37" s="71">
        <v>3</v>
      </c>
      <c r="AL37" s="72">
        <v>6</v>
      </c>
      <c r="AM37" s="244"/>
      <c r="AN37" s="71">
        <v>4</v>
      </c>
      <c r="AO37" s="71">
        <v>4</v>
      </c>
      <c r="AP37" s="71">
        <v>4</v>
      </c>
      <c r="AQ37" s="71">
        <v>6</v>
      </c>
      <c r="AR37" s="71">
        <v>3</v>
      </c>
      <c r="AS37" s="72">
        <v>21</v>
      </c>
      <c r="AT37" s="73">
        <v>27</v>
      </c>
      <c r="AU37" s="70">
        <v>6</v>
      </c>
      <c r="AV37" s="71">
        <v>4</v>
      </c>
      <c r="AW37" s="72">
        <v>10</v>
      </c>
      <c r="AX37" s="244"/>
      <c r="AY37" s="71">
        <v>14</v>
      </c>
      <c r="AZ37" s="71">
        <v>11</v>
      </c>
      <c r="BA37" s="71">
        <v>3</v>
      </c>
      <c r="BB37" s="71">
        <v>5</v>
      </c>
      <c r="BC37" s="71">
        <v>1</v>
      </c>
      <c r="BD37" s="72">
        <v>34</v>
      </c>
      <c r="BE37" s="73">
        <v>44</v>
      </c>
      <c r="BF37" s="70">
        <v>4</v>
      </c>
      <c r="BG37" s="71">
        <v>4</v>
      </c>
      <c r="BH37" s="72">
        <v>8</v>
      </c>
      <c r="BI37" s="244"/>
      <c r="BJ37" s="71">
        <v>12</v>
      </c>
      <c r="BK37" s="71">
        <v>7</v>
      </c>
      <c r="BL37" s="71">
        <v>6</v>
      </c>
      <c r="BM37" s="71">
        <v>7</v>
      </c>
      <c r="BN37" s="71">
        <v>3</v>
      </c>
      <c r="BO37" s="72">
        <v>35</v>
      </c>
      <c r="BP37" s="73">
        <v>43</v>
      </c>
      <c r="BQ37" s="70">
        <v>2</v>
      </c>
      <c r="BR37" s="71">
        <v>1</v>
      </c>
      <c r="BS37" s="72">
        <v>3</v>
      </c>
      <c r="BT37" s="244"/>
      <c r="BU37" s="71">
        <v>8</v>
      </c>
      <c r="BV37" s="71">
        <v>7</v>
      </c>
      <c r="BW37" s="71">
        <v>1</v>
      </c>
      <c r="BX37" s="71">
        <v>2</v>
      </c>
      <c r="BY37" s="71">
        <v>0</v>
      </c>
      <c r="BZ37" s="72">
        <v>18</v>
      </c>
      <c r="CA37" s="73">
        <v>21</v>
      </c>
      <c r="CB37" s="70">
        <v>0</v>
      </c>
      <c r="CC37" s="71">
        <v>0</v>
      </c>
      <c r="CD37" s="72">
        <v>0</v>
      </c>
      <c r="CE37" s="244"/>
      <c r="CF37" s="71">
        <v>3</v>
      </c>
      <c r="CG37" s="71">
        <v>1</v>
      </c>
      <c r="CH37" s="71">
        <v>1</v>
      </c>
      <c r="CI37" s="71">
        <v>1</v>
      </c>
      <c r="CJ37" s="71">
        <v>2</v>
      </c>
      <c r="CK37" s="72">
        <v>8</v>
      </c>
      <c r="CL37" s="73">
        <v>8</v>
      </c>
      <c r="CM37" s="70">
        <v>16</v>
      </c>
      <c r="CN37" s="71">
        <v>19</v>
      </c>
      <c r="CO37" s="72">
        <v>35</v>
      </c>
      <c r="CP37" s="244"/>
      <c r="CQ37" s="71">
        <v>45</v>
      </c>
      <c r="CR37" s="71">
        <v>34</v>
      </c>
      <c r="CS37" s="71">
        <v>18</v>
      </c>
      <c r="CT37" s="71">
        <v>26</v>
      </c>
      <c r="CU37" s="71">
        <v>10</v>
      </c>
      <c r="CV37" s="72">
        <v>133</v>
      </c>
      <c r="CW37" s="73">
        <v>168</v>
      </c>
      <c r="CX37" s="123">
        <v>44</v>
      </c>
      <c r="CY37" s="82">
        <v>38</v>
      </c>
      <c r="CZ37" s="83">
        <v>82</v>
      </c>
      <c r="DA37" s="241"/>
      <c r="DB37" s="82">
        <v>83</v>
      </c>
      <c r="DC37" s="82">
        <v>62</v>
      </c>
      <c r="DD37" s="82">
        <v>49</v>
      </c>
      <c r="DE37" s="82">
        <v>47</v>
      </c>
      <c r="DF37" s="82">
        <v>29</v>
      </c>
      <c r="DG37" s="84">
        <v>270</v>
      </c>
      <c r="DH37" s="85">
        <v>352</v>
      </c>
      <c r="DI37" s="70">
        <v>1</v>
      </c>
      <c r="DJ37" s="71">
        <v>0</v>
      </c>
      <c r="DK37" s="72">
        <v>1</v>
      </c>
      <c r="DL37" s="244"/>
      <c r="DM37" s="71">
        <v>1</v>
      </c>
      <c r="DN37" s="71">
        <v>1</v>
      </c>
      <c r="DO37" s="71">
        <v>2</v>
      </c>
      <c r="DP37" s="71">
        <v>1</v>
      </c>
      <c r="DQ37" s="71">
        <v>0</v>
      </c>
      <c r="DR37" s="72">
        <v>5</v>
      </c>
      <c r="DS37" s="73">
        <v>6</v>
      </c>
      <c r="DT37" s="70">
        <v>3</v>
      </c>
      <c r="DU37" s="71">
        <v>0</v>
      </c>
      <c r="DV37" s="72">
        <v>3</v>
      </c>
      <c r="DW37" s="244"/>
      <c r="DX37" s="71">
        <v>4</v>
      </c>
      <c r="DY37" s="71">
        <v>3</v>
      </c>
      <c r="DZ37" s="71">
        <v>1</v>
      </c>
      <c r="EA37" s="71">
        <v>0</v>
      </c>
      <c r="EB37" s="71">
        <v>4</v>
      </c>
      <c r="EC37" s="72">
        <v>12</v>
      </c>
      <c r="ED37" s="73">
        <v>15</v>
      </c>
      <c r="EE37" s="70">
        <v>6</v>
      </c>
      <c r="EF37" s="71">
        <v>2</v>
      </c>
      <c r="EG37" s="72">
        <v>8</v>
      </c>
      <c r="EH37" s="244"/>
      <c r="EI37" s="71">
        <v>10</v>
      </c>
      <c r="EJ37" s="71">
        <v>4</v>
      </c>
      <c r="EK37" s="71">
        <v>5</v>
      </c>
      <c r="EL37" s="71">
        <v>5</v>
      </c>
      <c r="EM37" s="71">
        <v>2</v>
      </c>
      <c r="EN37" s="72">
        <v>26</v>
      </c>
      <c r="EO37" s="73">
        <v>34</v>
      </c>
      <c r="EP37" s="70">
        <v>10</v>
      </c>
      <c r="EQ37" s="71">
        <v>10</v>
      </c>
      <c r="ER37" s="72">
        <v>20</v>
      </c>
      <c r="ES37" s="244"/>
      <c r="ET37" s="71">
        <v>17</v>
      </c>
      <c r="EU37" s="71">
        <v>13</v>
      </c>
      <c r="EV37" s="71">
        <v>4</v>
      </c>
      <c r="EW37" s="71">
        <v>11</v>
      </c>
      <c r="EX37" s="71">
        <v>1</v>
      </c>
      <c r="EY37" s="72">
        <v>46</v>
      </c>
      <c r="EZ37" s="73">
        <v>66</v>
      </c>
      <c r="FA37" s="70">
        <v>14</v>
      </c>
      <c r="FB37" s="71">
        <v>15</v>
      </c>
      <c r="FC37" s="72">
        <v>29</v>
      </c>
      <c r="FD37" s="244"/>
      <c r="FE37" s="71">
        <v>28</v>
      </c>
      <c r="FF37" s="71">
        <v>13</v>
      </c>
      <c r="FG37" s="71">
        <v>14</v>
      </c>
      <c r="FH37" s="71">
        <v>13</v>
      </c>
      <c r="FI37" s="71">
        <v>8</v>
      </c>
      <c r="FJ37" s="72">
        <v>76</v>
      </c>
      <c r="FK37" s="73">
        <v>105</v>
      </c>
      <c r="FL37" s="70">
        <v>10</v>
      </c>
      <c r="FM37" s="71">
        <v>11</v>
      </c>
      <c r="FN37" s="72">
        <v>21</v>
      </c>
      <c r="FO37" s="244"/>
      <c r="FP37" s="71">
        <v>23</v>
      </c>
      <c r="FQ37" s="71">
        <v>28</v>
      </c>
      <c r="FR37" s="71">
        <v>23</v>
      </c>
      <c r="FS37" s="71">
        <v>17</v>
      </c>
      <c r="FT37" s="71">
        <v>14</v>
      </c>
      <c r="FU37" s="72">
        <v>105</v>
      </c>
      <c r="FV37" s="73">
        <v>126</v>
      </c>
      <c r="FW37" s="70">
        <v>0</v>
      </c>
      <c r="FX37" s="71">
        <v>0</v>
      </c>
      <c r="FY37" s="72">
        <v>0</v>
      </c>
      <c r="FZ37" s="244"/>
      <c r="GA37" s="71">
        <v>1</v>
      </c>
      <c r="GB37" s="71">
        <v>1</v>
      </c>
      <c r="GC37" s="71">
        <v>1</v>
      </c>
      <c r="GD37" s="71">
        <v>0</v>
      </c>
      <c r="GE37" s="71">
        <v>1</v>
      </c>
      <c r="GF37" s="72">
        <v>4</v>
      </c>
      <c r="GG37" s="73">
        <v>4</v>
      </c>
      <c r="GH37" s="70">
        <v>44</v>
      </c>
      <c r="GI37" s="71">
        <v>38</v>
      </c>
      <c r="GJ37" s="72">
        <v>82</v>
      </c>
      <c r="GK37" s="244"/>
      <c r="GL37" s="71">
        <v>84</v>
      </c>
      <c r="GM37" s="71">
        <v>63</v>
      </c>
      <c r="GN37" s="71">
        <v>50</v>
      </c>
      <c r="GO37" s="71">
        <v>47</v>
      </c>
      <c r="GP37" s="71">
        <v>30</v>
      </c>
      <c r="GQ37" s="72">
        <v>274</v>
      </c>
      <c r="GR37" s="73">
        <v>356</v>
      </c>
      <c r="GS37" s="123">
        <v>60</v>
      </c>
      <c r="GT37" s="82">
        <v>57</v>
      </c>
      <c r="GU37" s="83">
        <v>117</v>
      </c>
      <c r="GV37" s="241"/>
      <c r="GW37" s="82">
        <v>125</v>
      </c>
      <c r="GX37" s="82">
        <v>95</v>
      </c>
      <c r="GY37" s="82">
        <v>66</v>
      </c>
      <c r="GZ37" s="82">
        <v>72</v>
      </c>
      <c r="HA37" s="82">
        <v>37</v>
      </c>
      <c r="HB37" s="84">
        <v>395</v>
      </c>
      <c r="HC37" s="85">
        <v>512</v>
      </c>
      <c r="HD37" s="70">
        <v>1</v>
      </c>
      <c r="HE37" s="71">
        <v>5</v>
      </c>
      <c r="HF37" s="72">
        <v>6</v>
      </c>
      <c r="HG37" s="244"/>
      <c r="HH37" s="71">
        <v>2</v>
      </c>
      <c r="HI37" s="71">
        <v>3</v>
      </c>
      <c r="HJ37" s="71">
        <v>3</v>
      </c>
      <c r="HK37" s="71">
        <v>4</v>
      </c>
      <c r="HL37" s="71">
        <v>0</v>
      </c>
      <c r="HM37" s="72">
        <v>12</v>
      </c>
      <c r="HN37" s="73">
        <v>18</v>
      </c>
      <c r="HO37" s="70">
        <v>4</v>
      </c>
      <c r="HP37" s="71">
        <v>2</v>
      </c>
      <c r="HQ37" s="72">
        <v>6</v>
      </c>
      <c r="HR37" s="244"/>
      <c r="HS37" s="71">
        <v>7</v>
      </c>
      <c r="HT37" s="71">
        <v>5</v>
      </c>
      <c r="HU37" s="71">
        <v>3</v>
      </c>
      <c r="HV37" s="71">
        <v>2</v>
      </c>
      <c r="HW37" s="71">
        <v>5</v>
      </c>
      <c r="HX37" s="72">
        <v>22</v>
      </c>
      <c r="HY37" s="73">
        <v>28</v>
      </c>
      <c r="HZ37" s="70">
        <v>9</v>
      </c>
      <c r="IA37" s="71">
        <v>5</v>
      </c>
      <c r="IB37" s="72">
        <v>14</v>
      </c>
      <c r="IC37" s="244"/>
      <c r="ID37" s="71">
        <v>14</v>
      </c>
      <c r="IE37" s="71">
        <v>8</v>
      </c>
      <c r="IF37" s="71">
        <v>9</v>
      </c>
      <c r="IG37" s="71">
        <v>11</v>
      </c>
      <c r="IH37" s="71">
        <v>5</v>
      </c>
      <c r="II37" s="72">
        <v>47</v>
      </c>
      <c r="IJ37" s="73">
        <v>61</v>
      </c>
      <c r="IK37" s="70">
        <v>16</v>
      </c>
      <c r="IL37" s="71">
        <v>14</v>
      </c>
      <c r="IM37" s="72">
        <v>30</v>
      </c>
      <c r="IN37" s="244"/>
      <c r="IO37" s="71">
        <v>31</v>
      </c>
      <c r="IP37" s="71">
        <v>24</v>
      </c>
      <c r="IQ37" s="71">
        <v>7</v>
      </c>
      <c r="IR37" s="71">
        <v>16</v>
      </c>
      <c r="IS37" s="71">
        <v>2</v>
      </c>
      <c r="IT37" s="72">
        <v>80</v>
      </c>
      <c r="IU37" s="73">
        <v>110</v>
      </c>
      <c r="IV37" s="70">
        <v>18</v>
      </c>
      <c r="IW37" s="71">
        <v>19</v>
      </c>
      <c r="IX37" s="72">
        <v>37</v>
      </c>
      <c r="IY37" s="244"/>
      <c r="IZ37" s="71">
        <v>40</v>
      </c>
      <c r="JA37" s="71">
        <v>20</v>
      </c>
      <c r="JB37" s="71">
        <v>20</v>
      </c>
      <c r="JC37" s="71">
        <v>20</v>
      </c>
      <c r="JD37" s="71">
        <v>11</v>
      </c>
      <c r="JE37" s="72">
        <v>111</v>
      </c>
      <c r="JF37" s="73">
        <v>148</v>
      </c>
      <c r="JG37" s="70">
        <v>12</v>
      </c>
      <c r="JH37" s="71">
        <v>12</v>
      </c>
      <c r="JI37" s="72">
        <v>24</v>
      </c>
      <c r="JJ37" s="244"/>
      <c r="JK37" s="71">
        <v>31</v>
      </c>
      <c r="JL37" s="71">
        <v>35</v>
      </c>
      <c r="JM37" s="71">
        <v>24</v>
      </c>
      <c r="JN37" s="71">
        <v>19</v>
      </c>
      <c r="JO37" s="71">
        <v>14</v>
      </c>
      <c r="JP37" s="72">
        <v>123</v>
      </c>
      <c r="JQ37" s="73">
        <v>147</v>
      </c>
      <c r="JR37" s="70">
        <v>0</v>
      </c>
      <c r="JS37" s="71">
        <v>0</v>
      </c>
      <c r="JT37" s="72">
        <v>0</v>
      </c>
      <c r="JU37" s="244"/>
      <c r="JV37" s="71">
        <v>4</v>
      </c>
      <c r="JW37" s="71">
        <v>2</v>
      </c>
      <c r="JX37" s="71">
        <v>2</v>
      </c>
      <c r="JY37" s="71">
        <v>1</v>
      </c>
      <c r="JZ37" s="71">
        <v>3</v>
      </c>
      <c r="KA37" s="72">
        <v>12</v>
      </c>
      <c r="KB37" s="73">
        <v>12</v>
      </c>
      <c r="KC37" s="70">
        <v>60</v>
      </c>
      <c r="KD37" s="71">
        <v>57</v>
      </c>
      <c r="KE37" s="72">
        <v>117</v>
      </c>
      <c r="KF37" s="244"/>
      <c r="KG37" s="71">
        <v>129</v>
      </c>
      <c r="KH37" s="71">
        <v>97</v>
      </c>
      <c r="KI37" s="71">
        <v>68</v>
      </c>
      <c r="KJ37" s="71">
        <v>73</v>
      </c>
      <c r="KK37" s="71">
        <v>40</v>
      </c>
      <c r="KL37" s="72">
        <v>407</v>
      </c>
      <c r="KM37" s="73">
        <v>524</v>
      </c>
    </row>
    <row r="38" spans="2:299" ht="19.8" customHeight="1" x14ac:dyDescent="0.2">
      <c r="B38" s="126" t="s">
        <v>35</v>
      </c>
      <c r="C38" s="316">
        <v>50</v>
      </c>
      <c r="D38" s="82">
        <v>46</v>
      </c>
      <c r="E38" s="83">
        <v>96</v>
      </c>
      <c r="F38" s="241"/>
      <c r="G38" s="82">
        <v>168</v>
      </c>
      <c r="H38" s="82">
        <v>100</v>
      </c>
      <c r="I38" s="82">
        <v>55</v>
      </c>
      <c r="J38" s="82">
        <v>52</v>
      </c>
      <c r="K38" s="82">
        <v>23</v>
      </c>
      <c r="L38" s="84">
        <v>398</v>
      </c>
      <c r="M38" s="85">
        <v>494</v>
      </c>
      <c r="N38" s="70">
        <v>2</v>
      </c>
      <c r="O38" s="71">
        <v>2</v>
      </c>
      <c r="P38" s="72">
        <v>4</v>
      </c>
      <c r="Q38" s="244"/>
      <c r="R38" s="71">
        <v>12</v>
      </c>
      <c r="S38" s="71">
        <v>3</v>
      </c>
      <c r="T38" s="71">
        <v>10</v>
      </c>
      <c r="U38" s="71">
        <v>2</v>
      </c>
      <c r="V38" s="71">
        <v>1</v>
      </c>
      <c r="W38" s="72">
        <v>28</v>
      </c>
      <c r="X38" s="73">
        <v>32</v>
      </c>
      <c r="Y38" s="70">
        <v>7</v>
      </c>
      <c r="Z38" s="71">
        <v>3</v>
      </c>
      <c r="AA38" s="72">
        <v>10</v>
      </c>
      <c r="AB38" s="244"/>
      <c r="AC38" s="71">
        <v>10</v>
      </c>
      <c r="AD38" s="71">
        <v>11</v>
      </c>
      <c r="AE38" s="71">
        <v>5</v>
      </c>
      <c r="AF38" s="71">
        <v>5</v>
      </c>
      <c r="AG38" s="71">
        <v>6</v>
      </c>
      <c r="AH38" s="72">
        <v>37</v>
      </c>
      <c r="AI38" s="73">
        <v>47</v>
      </c>
      <c r="AJ38" s="70">
        <v>8</v>
      </c>
      <c r="AK38" s="71">
        <v>13</v>
      </c>
      <c r="AL38" s="72">
        <v>21</v>
      </c>
      <c r="AM38" s="244"/>
      <c r="AN38" s="71">
        <v>29</v>
      </c>
      <c r="AO38" s="71">
        <v>15</v>
      </c>
      <c r="AP38" s="71">
        <v>7</v>
      </c>
      <c r="AQ38" s="71">
        <v>11</v>
      </c>
      <c r="AR38" s="71">
        <v>2</v>
      </c>
      <c r="AS38" s="72">
        <v>64</v>
      </c>
      <c r="AT38" s="73">
        <v>85</v>
      </c>
      <c r="AU38" s="70">
        <v>11</v>
      </c>
      <c r="AV38" s="71">
        <v>10</v>
      </c>
      <c r="AW38" s="72">
        <v>21</v>
      </c>
      <c r="AX38" s="244"/>
      <c r="AY38" s="71">
        <v>49</v>
      </c>
      <c r="AZ38" s="71">
        <v>22</v>
      </c>
      <c r="BA38" s="71">
        <v>9</v>
      </c>
      <c r="BB38" s="71">
        <v>13</v>
      </c>
      <c r="BC38" s="71">
        <v>3</v>
      </c>
      <c r="BD38" s="72">
        <v>96</v>
      </c>
      <c r="BE38" s="73">
        <v>117</v>
      </c>
      <c r="BF38" s="70">
        <v>12</v>
      </c>
      <c r="BG38" s="71">
        <v>12</v>
      </c>
      <c r="BH38" s="72">
        <v>24</v>
      </c>
      <c r="BI38" s="244"/>
      <c r="BJ38" s="71">
        <v>45</v>
      </c>
      <c r="BK38" s="71">
        <v>22</v>
      </c>
      <c r="BL38" s="71">
        <v>12</v>
      </c>
      <c r="BM38" s="71">
        <v>6</v>
      </c>
      <c r="BN38" s="71">
        <v>5</v>
      </c>
      <c r="BO38" s="72">
        <v>90</v>
      </c>
      <c r="BP38" s="73">
        <v>114</v>
      </c>
      <c r="BQ38" s="70">
        <v>10</v>
      </c>
      <c r="BR38" s="71">
        <v>6</v>
      </c>
      <c r="BS38" s="72">
        <v>16</v>
      </c>
      <c r="BT38" s="244"/>
      <c r="BU38" s="71">
        <v>23</v>
      </c>
      <c r="BV38" s="71">
        <v>27</v>
      </c>
      <c r="BW38" s="71">
        <v>12</v>
      </c>
      <c r="BX38" s="71">
        <v>15</v>
      </c>
      <c r="BY38" s="71">
        <v>6</v>
      </c>
      <c r="BZ38" s="72">
        <v>83</v>
      </c>
      <c r="CA38" s="73">
        <v>99</v>
      </c>
      <c r="CB38" s="70">
        <v>0</v>
      </c>
      <c r="CC38" s="71">
        <v>2</v>
      </c>
      <c r="CD38" s="72">
        <v>2</v>
      </c>
      <c r="CE38" s="244"/>
      <c r="CF38" s="71">
        <v>2</v>
      </c>
      <c r="CG38" s="71">
        <v>1</v>
      </c>
      <c r="CH38" s="71">
        <v>1</v>
      </c>
      <c r="CI38" s="71">
        <v>2</v>
      </c>
      <c r="CJ38" s="71">
        <v>1</v>
      </c>
      <c r="CK38" s="72">
        <v>7</v>
      </c>
      <c r="CL38" s="73">
        <v>9</v>
      </c>
      <c r="CM38" s="70">
        <v>50</v>
      </c>
      <c r="CN38" s="71">
        <v>48</v>
      </c>
      <c r="CO38" s="72">
        <v>98</v>
      </c>
      <c r="CP38" s="244"/>
      <c r="CQ38" s="71">
        <v>170</v>
      </c>
      <c r="CR38" s="71">
        <v>101</v>
      </c>
      <c r="CS38" s="71">
        <v>56</v>
      </c>
      <c r="CT38" s="71">
        <v>54</v>
      </c>
      <c r="CU38" s="71">
        <v>24</v>
      </c>
      <c r="CV38" s="72">
        <v>405</v>
      </c>
      <c r="CW38" s="73">
        <v>503</v>
      </c>
      <c r="CX38" s="123">
        <v>123</v>
      </c>
      <c r="CY38" s="82">
        <v>148</v>
      </c>
      <c r="CZ38" s="83">
        <v>271</v>
      </c>
      <c r="DA38" s="241"/>
      <c r="DB38" s="82">
        <v>305</v>
      </c>
      <c r="DC38" s="82">
        <v>197</v>
      </c>
      <c r="DD38" s="82">
        <v>152</v>
      </c>
      <c r="DE38" s="82">
        <v>147</v>
      </c>
      <c r="DF38" s="82">
        <v>91</v>
      </c>
      <c r="DG38" s="84">
        <v>892</v>
      </c>
      <c r="DH38" s="85">
        <v>1163</v>
      </c>
      <c r="DI38" s="70">
        <v>4</v>
      </c>
      <c r="DJ38" s="71">
        <v>5</v>
      </c>
      <c r="DK38" s="72">
        <v>9</v>
      </c>
      <c r="DL38" s="244"/>
      <c r="DM38" s="71">
        <v>3</v>
      </c>
      <c r="DN38" s="71">
        <v>6</v>
      </c>
      <c r="DO38" s="71">
        <v>4</v>
      </c>
      <c r="DP38" s="71">
        <v>5</v>
      </c>
      <c r="DQ38" s="71">
        <v>1</v>
      </c>
      <c r="DR38" s="72">
        <v>19</v>
      </c>
      <c r="DS38" s="73">
        <v>28</v>
      </c>
      <c r="DT38" s="70">
        <v>6</v>
      </c>
      <c r="DU38" s="71">
        <v>13</v>
      </c>
      <c r="DV38" s="72">
        <v>19</v>
      </c>
      <c r="DW38" s="244"/>
      <c r="DX38" s="71">
        <v>21</v>
      </c>
      <c r="DY38" s="71">
        <v>5</v>
      </c>
      <c r="DZ38" s="71">
        <v>5</v>
      </c>
      <c r="EA38" s="71">
        <v>6</v>
      </c>
      <c r="EB38" s="71">
        <v>4</v>
      </c>
      <c r="EC38" s="72">
        <v>41</v>
      </c>
      <c r="ED38" s="73">
        <v>60</v>
      </c>
      <c r="EE38" s="70">
        <v>15</v>
      </c>
      <c r="EF38" s="71">
        <v>18</v>
      </c>
      <c r="EG38" s="72">
        <v>33</v>
      </c>
      <c r="EH38" s="244"/>
      <c r="EI38" s="71">
        <v>38</v>
      </c>
      <c r="EJ38" s="71">
        <v>19</v>
      </c>
      <c r="EK38" s="71">
        <v>8</v>
      </c>
      <c r="EL38" s="71">
        <v>13</v>
      </c>
      <c r="EM38" s="71">
        <v>13</v>
      </c>
      <c r="EN38" s="72">
        <v>91</v>
      </c>
      <c r="EO38" s="73">
        <v>124</v>
      </c>
      <c r="EP38" s="70">
        <v>41</v>
      </c>
      <c r="EQ38" s="71">
        <v>32</v>
      </c>
      <c r="ER38" s="72">
        <v>73</v>
      </c>
      <c r="ES38" s="244"/>
      <c r="ET38" s="71">
        <v>68</v>
      </c>
      <c r="EU38" s="71">
        <v>46</v>
      </c>
      <c r="EV38" s="71">
        <v>27</v>
      </c>
      <c r="EW38" s="71">
        <v>24</v>
      </c>
      <c r="EX38" s="71">
        <v>9</v>
      </c>
      <c r="EY38" s="72">
        <v>174</v>
      </c>
      <c r="EZ38" s="73">
        <v>247</v>
      </c>
      <c r="FA38" s="70">
        <v>29</v>
      </c>
      <c r="FB38" s="71">
        <v>49</v>
      </c>
      <c r="FC38" s="72">
        <v>78</v>
      </c>
      <c r="FD38" s="244"/>
      <c r="FE38" s="71">
        <v>101</v>
      </c>
      <c r="FF38" s="71">
        <v>50</v>
      </c>
      <c r="FG38" s="71">
        <v>40</v>
      </c>
      <c r="FH38" s="71">
        <v>33</v>
      </c>
      <c r="FI38" s="71">
        <v>23</v>
      </c>
      <c r="FJ38" s="72">
        <v>247</v>
      </c>
      <c r="FK38" s="73">
        <v>325</v>
      </c>
      <c r="FL38" s="70">
        <v>28</v>
      </c>
      <c r="FM38" s="71">
        <v>31</v>
      </c>
      <c r="FN38" s="72">
        <v>59</v>
      </c>
      <c r="FO38" s="244"/>
      <c r="FP38" s="71">
        <v>74</v>
      </c>
      <c r="FQ38" s="71">
        <v>71</v>
      </c>
      <c r="FR38" s="71">
        <v>68</v>
      </c>
      <c r="FS38" s="71">
        <v>66</v>
      </c>
      <c r="FT38" s="71">
        <v>41</v>
      </c>
      <c r="FU38" s="72">
        <v>320</v>
      </c>
      <c r="FV38" s="73">
        <v>379</v>
      </c>
      <c r="FW38" s="70">
        <v>1</v>
      </c>
      <c r="FX38" s="71">
        <v>1</v>
      </c>
      <c r="FY38" s="72">
        <v>2</v>
      </c>
      <c r="FZ38" s="244"/>
      <c r="GA38" s="71">
        <v>0</v>
      </c>
      <c r="GB38" s="71">
        <v>7</v>
      </c>
      <c r="GC38" s="71">
        <v>2</v>
      </c>
      <c r="GD38" s="71">
        <v>1</v>
      </c>
      <c r="GE38" s="71">
        <v>1</v>
      </c>
      <c r="GF38" s="72">
        <v>11</v>
      </c>
      <c r="GG38" s="73">
        <v>13</v>
      </c>
      <c r="GH38" s="70">
        <v>124</v>
      </c>
      <c r="GI38" s="71">
        <v>149</v>
      </c>
      <c r="GJ38" s="72">
        <v>273</v>
      </c>
      <c r="GK38" s="244"/>
      <c r="GL38" s="71">
        <v>305</v>
      </c>
      <c r="GM38" s="71">
        <v>204</v>
      </c>
      <c r="GN38" s="71">
        <v>154</v>
      </c>
      <c r="GO38" s="71">
        <v>148</v>
      </c>
      <c r="GP38" s="71">
        <v>92</v>
      </c>
      <c r="GQ38" s="72">
        <v>903</v>
      </c>
      <c r="GR38" s="73">
        <v>1176</v>
      </c>
      <c r="GS38" s="123">
        <v>173</v>
      </c>
      <c r="GT38" s="82">
        <v>194</v>
      </c>
      <c r="GU38" s="83">
        <v>367</v>
      </c>
      <c r="GV38" s="241"/>
      <c r="GW38" s="82">
        <v>473</v>
      </c>
      <c r="GX38" s="82">
        <v>297</v>
      </c>
      <c r="GY38" s="82">
        <v>207</v>
      </c>
      <c r="GZ38" s="82">
        <v>199</v>
      </c>
      <c r="HA38" s="82">
        <v>114</v>
      </c>
      <c r="HB38" s="84">
        <v>1290</v>
      </c>
      <c r="HC38" s="85">
        <v>1657</v>
      </c>
      <c r="HD38" s="70">
        <v>6</v>
      </c>
      <c r="HE38" s="71">
        <v>7</v>
      </c>
      <c r="HF38" s="72">
        <v>13</v>
      </c>
      <c r="HG38" s="244"/>
      <c r="HH38" s="71">
        <v>15</v>
      </c>
      <c r="HI38" s="71">
        <v>9</v>
      </c>
      <c r="HJ38" s="71">
        <v>14</v>
      </c>
      <c r="HK38" s="71">
        <v>7</v>
      </c>
      <c r="HL38" s="71">
        <v>2</v>
      </c>
      <c r="HM38" s="72">
        <v>47</v>
      </c>
      <c r="HN38" s="73">
        <v>60</v>
      </c>
      <c r="HO38" s="70">
        <v>13</v>
      </c>
      <c r="HP38" s="71">
        <v>16</v>
      </c>
      <c r="HQ38" s="72">
        <v>29</v>
      </c>
      <c r="HR38" s="244"/>
      <c r="HS38" s="71">
        <v>31</v>
      </c>
      <c r="HT38" s="71">
        <v>16</v>
      </c>
      <c r="HU38" s="71">
        <v>10</v>
      </c>
      <c r="HV38" s="71">
        <v>11</v>
      </c>
      <c r="HW38" s="71">
        <v>10</v>
      </c>
      <c r="HX38" s="72">
        <v>78</v>
      </c>
      <c r="HY38" s="73">
        <v>107</v>
      </c>
      <c r="HZ38" s="70">
        <v>23</v>
      </c>
      <c r="IA38" s="71">
        <v>31</v>
      </c>
      <c r="IB38" s="72">
        <v>54</v>
      </c>
      <c r="IC38" s="244"/>
      <c r="ID38" s="71">
        <v>67</v>
      </c>
      <c r="IE38" s="71">
        <v>34</v>
      </c>
      <c r="IF38" s="71">
        <v>15</v>
      </c>
      <c r="IG38" s="71">
        <v>24</v>
      </c>
      <c r="IH38" s="71">
        <v>15</v>
      </c>
      <c r="II38" s="72">
        <v>155</v>
      </c>
      <c r="IJ38" s="73">
        <v>209</v>
      </c>
      <c r="IK38" s="70">
        <v>52</v>
      </c>
      <c r="IL38" s="71">
        <v>42</v>
      </c>
      <c r="IM38" s="72">
        <v>94</v>
      </c>
      <c r="IN38" s="244"/>
      <c r="IO38" s="71">
        <v>117</v>
      </c>
      <c r="IP38" s="71">
        <v>68</v>
      </c>
      <c r="IQ38" s="71">
        <v>36</v>
      </c>
      <c r="IR38" s="71">
        <v>37</v>
      </c>
      <c r="IS38" s="71">
        <v>12</v>
      </c>
      <c r="IT38" s="72">
        <v>270</v>
      </c>
      <c r="IU38" s="73">
        <v>364</v>
      </c>
      <c r="IV38" s="70">
        <v>41</v>
      </c>
      <c r="IW38" s="71">
        <v>61</v>
      </c>
      <c r="IX38" s="72">
        <v>102</v>
      </c>
      <c r="IY38" s="244"/>
      <c r="IZ38" s="71">
        <v>146</v>
      </c>
      <c r="JA38" s="71">
        <v>72</v>
      </c>
      <c r="JB38" s="71">
        <v>52</v>
      </c>
      <c r="JC38" s="71">
        <v>39</v>
      </c>
      <c r="JD38" s="71">
        <v>28</v>
      </c>
      <c r="JE38" s="72">
        <v>337</v>
      </c>
      <c r="JF38" s="73">
        <v>439</v>
      </c>
      <c r="JG38" s="70">
        <v>38</v>
      </c>
      <c r="JH38" s="71">
        <v>37</v>
      </c>
      <c r="JI38" s="72">
        <v>75</v>
      </c>
      <c r="JJ38" s="244"/>
      <c r="JK38" s="71">
        <v>97</v>
      </c>
      <c r="JL38" s="71">
        <v>98</v>
      </c>
      <c r="JM38" s="71">
        <v>80</v>
      </c>
      <c r="JN38" s="71">
        <v>81</v>
      </c>
      <c r="JO38" s="71">
        <v>47</v>
      </c>
      <c r="JP38" s="72">
        <v>403</v>
      </c>
      <c r="JQ38" s="73">
        <v>478</v>
      </c>
      <c r="JR38" s="70">
        <v>1</v>
      </c>
      <c r="JS38" s="71">
        <v>3</v>
      </c>
      <c r="JT38" s="72">
        <v>4</v>
      </c>
      <c r="JU38" s="244"/>
      <c r="JV38" s="71">
        <v>2</v>
      </c>
      <c r="JW38" s="71">
        <v>8</v>
      </c>
      <c r="JX38" s="71">
        <v>3</v>
      </c>
      <c r="JY38" s="71">
        <v>3</v>
      </c>
      <c r="JZ38" s="71">
        <v>2</v>
      </c>
      <c r="KA38" s="72">
        <v>18</v>
      </c>
      <c r="KB38" s="73">
        <v>22</v>
      </c>
      <c r="KC38" s="70">
        <v>174</v>
      </c>
      <c r="KD38" s="71">
        <v>197</v>
      </c>
      <c r="KE38" s="72">
        <v>371</v>
      </c>
      <c r="KF38" s="244"/>
      <c r="KG38" s="71">
        <v>475</v>
      </c>
      <c r="KH38" s="71">
        <v>305</v>
      </c>
      <c r="KI38" s="71">
        <v>210</v>
      </c>
      <c r="KJ38" s="71">
        <v>202</v>
      </c>
      <c r="KK38" s="71">
        <v>116</v>
      </c>
      <c r="KL38" s="72">
        <v>1308</v>
      </c>
      <c r="KM38" s="73">
        <v>1679</v>
      </c>
    </row>
    <row r="39" spans="2:299" ht="19.8" customHeight="1" x14ac:dyDescent="0.2">
      <c r="B39" s="126" t="s">
        <v>36</v>
      </c>
      <c r="C39" s="316">
        <v>65</v>
      </c>
      <c r="D39" s="82">
        <v>89</v>
      </c>
      <c r="E39" s="83">
        <v>154</v>
      </c>
      <c r="F39" s="241"/>
      <c r="G39" s="82">
        <v>151</v>
      </c>
      <c r="H39" s="82">
        <v>145</v>
      </c>
      <c r="I39" s="82">
        <v>106</v>
      </c>
      <c r="J39" s="82">
        <v>61</v>
      </c>
      <c r="K39" s="82">
        <v>46</v>
      </c>
      <c r="L39" s="84">
        <v>509</v>
      </c>
      <c r="M39" s="85">
        <v>663</v>
      </c>
      <c r="N39" s="70">
        <v>6</v>
      </c>
      <c r="O39" s="71">
        <v>7</v>
      </c>
      <c r="P39" s="72">
        <v>13</v>
      </c>
      <c r="Q39" s="244"/>
      <c r="R39" s="71">
        <v>8</v>
      </c>
      <c r="S39" s="71">
        <v>15</v>
      </c>
      <c r="T39" s="71">
        <v>7</v>
      </c>
      <c r="U39" s="71">
        <v>4</v>
      </c>
      <c r="V39" s="71">
        <v>7</v>
      </c>
      <c r="W39" s="72">
        <v>41</v>
      </c>
      <c r="X39" s="73">
        <v>54</v>
      </c>
      <c r="Y39" s="70">
        <v>10</v>
      </c>
      <c r="Z39" s="71">
        <v>15</v>
      </c>
      <c r="AA39" s="72">
        <v>25</v>
      </c>
      <c r="AB39" s="244"/>
      <c r="AC39" s="71">
        <v>21</v>
      </c>
      <c r="AD39" s="71">
        <v>20</v>
      </c>
      <c r="AE39" s="71">
        <v>12</v>
      </c>
      <c r="AF39" s="71">
        <v>14</v>
      </c>
      <c r="AG39" s="71">
        <v>9</v>
      </c>
      <c r="AH39" s="72">
        <v>76</v>
      </c>
      <c r="AI39" s="73">
        <v>101</v>
      </c>
      <c r="AJ39" s="70">
        <v>11</v>
      </c>
      <c r="AK39" s="71">
        <v>17</v>
      </c>
      <c r="AL39" s="72">
        <v>28</v>
      </c>
      <c r="AM39" s="244"/>
      <c r="AN39" s="71">
        <v>29</v>
      </c>
      <c r="AO39" s="71">
        <v>30</v>
      </c>
      <c r="AP39" s="71">
        <v>19</v>
      </c>
      <c r="AQ39" s="71">
        <v>9</v>
      </c>
      <c r="AR39" s="71">
        <v>7</v>
      </c>
      <c r="AS39" s="72">
        <v>94</v>
      </c>
      <c r="AT39" s="73">
        <v>122</v>
      </c>
      <c r="AU39" s="70">
        <v>20</v>
      </c>
      <c r="AV39" s="71">
        <v>27</v>
      </c>
      <c r="AW39" s="72">
        <v>47</v>
      </c>
      <c r="AX39" s="244"/>
      <c r="AY39" s="71">
        <v>39</v>
      </c>
      <c r="AZ39" s="71">
        <v>34</v>
      </c>
      <c r="BA39" s="71">
        <v>26</v>
      </c>
      <c r="BB39" s="71">
        <v>12</v>
      </c>
      <c r="BC39" s="71">
        <v>11</v>
      </c>
      <c r="BD39" s="72">
        <v>122</v>
      </c>
      <c r="BE39" s="73">
        <v>169</v>
      </c>
      <c r="BF39" s="70">
        <v>14</v>
      </c>
      <c r="BG39" s="71">
        <v>17</v>
      </c>
      <c r="BH39" s="72">
        <v>31</v>
      </c>
      <c r="BI39" s="244"/>
      <c r="BJ39" s="71">
        <v>32</v>
      </c>
      <c r="BK39" s="71">
        <v>29</v>
      </c>
      <c r="BL39" s="71">
        <v>26</v>
      </c>
      <c r="BM39" s="71">
        <v>14</v>
      </c>
      <c r="BN39" s="71">
        <v>5</v>
      </c>
      <c r="BO39" s="72">
        <v>106</v>
      </c>
      <c r="BP39" s="73">
        <v>137</v>
      </c>
      <c r="BQ39" s="70">
        <v>4</v>
      </c>
      <c r="BR39" s="71">
        <v>6</v>
      </c>
      <c r="BS39" s="72">
        <v>10</v>
      </c>
      <c r="BT39" s="244"/>
      <c r="BU39" s="71">
        <v>22</v>
      </c>
      <c r="BV39" s="71">
        <v>17</v>
      </c>
      <c r="BW39" s="71">
        <v>16</v>
      </c>
      <c r="BX39" s="71">
        <v>8</v>
      </c>
      <c r="BY39" s="71">
        <v>7</v>
      </c>
      <c r="BZ39" s="72">
        <v>70</v>
      </c>
      <c r="CA39" s="73">
        <v>80</v>
      </c>
      <c r="CB39" s="70">
        <v>2</v>
      </c>
      <c r="CC39" s="71">
        <v>4</v>
      </c>
      <c r="CD39" s="72">
        <v>6</v>
      </c>
      <c r="CE39" s="244"/>
      <c r="CF39" s="71">
        <v>5</v>
      </c>
      <c r="CG39" s="71">
        <v>6</v>
      </c>
      <c r="CH39" s="71">
        <v>7</v>
      </c>
      <c r="CI39" s="71">
        <v>7</v>
      </c>
      <c r="CJ39" s="71">
        <v>3</v>
      </c>
      <c r="CK39" s="72">
        <v>28</v>
      </c>
      <c r="CL39" s="73">
        <v>34</v>
      </c>
      <c r="CM39" s="70">
        <v>67</v>
      </c>
      <c r="CN39" s="71">
        <v>93</v>
      </c>
      <c r="CO39" s="72">
        <v>160</v>
      </c>
      <c r="CP39" s="244"/>
      <c r="CQ39" s="71">
        <v>156</v>
      </c>
      <c r="CR39" s="71">
        <v>151</v>
      </c>
      <c r="CS39" s="71">
        <v>113</v>
      </c>
      <c r="CT39" s="71">
        <v>68</v>
      </c>
      <c r="CU39" s="71">
        <v>49</v>
      </c>
      <c r="CV39" s="72">
        <v>537</v>
      </c>
      <c r="CW39" s="73">
        <v>697</v>
      </c>
      <c r="CX39" s="123">
        <v>103</v>
      </c>
      <c r="CY39" s="82">
        <v>164</v>
      </c>
      <c r="CZ39" s="83">
        <v>267</v>
      </c>
      <c r="DA39" s="241"/>
      <c r="DB39" s="82">
        <v>265</v>
      </c>
      <c r="DC39" s="82">
        <v>197</v>
      </c>
      <c r="DD39" s="82">
        <v>176</v>
      </c>
      <c r="DE39" s="82">
        <v>168</v>
      </c>
      <c r="DF39" s="82">
        <v>139</v>
      </c>
      <c r="DG39" s="84">
        <v>945</v>
      </c>
      <c r="DH39" s="85">
        <v>1212</v>
      </c>
      <c r="DI39" s="70">
        <v>2</v>
      </c>
      <c r="DJ39" s="71">
        <v>8</v>
      </c>
      <c r="DK39" s="72">
        <v>10</v>
      </c>
      <c r="DL39" s="244"/>
      <c r="DM39" s="71">
        <v>7</v>
      </c>
      <c r="DN39" s="71">
        <v>8</v>
      </c>
      <c r="DO39" s="71">
        <v>4</v>
      </c>
      <c r="DP39" s="71">
        <v>5</v>
      </c>
      <c r="DQ39" s="71">
        <v>4</v>
      </c>
      <c r="DR39" s="72">
        <v>28</v>
      </c>
      <c r="DS39" s="73">
        <v>38</v>
      </c>
      <c r="DT39" s="70">
        <v>9</v>
      </c>
      <c r="DU39" s="71">
        <v>23</v>
      </c>
      <c r="DV39" s="72">
        <v>32</v>
      </c>
      <c r="DW39" s="244"/>
      <c r="DX39" s="71">
        <v>26</v>
      </c>
      <c r="DY39" s="71">
        <v>14</v>
      </c>
      <c r="DZ39" s="71">
        <v>14</v>
      </c>
      <c r="EA39" s="71">
        <v>11</v>
      </c>
      <c r="EB39" s="71">
        <v>10</v>
      </c>
      <c r="EC39" s="72">
        <v>75</v>
      </c>
      <c r="ED39" s="73">
        <v>107</v>
      </c>
      <c r="EE39" s="70">
        <v>19</v>
      </c>
      <c r="EF39" s="71">
        <v>25</v>
      </c>
      <c r="EG39" s="72">
        <v>44</v>
      </c>
      <c r="EH39" s="244"/>
      <c r="EI39" s="71">
        <v>32</v>
      </c>
      <c r="EJ39" s="71">
        <v>23</v>
      </c>
      <c r="EK39" s="71">
        <v>16</v>
      </c>
      <c r="EL39" s="71">
        <v>17</v>
      </c>
      <c r="EM39" s="71">
        <v>22</v>
      </c>
      <c r="EN39" s="72">
        <v>110</v>
      </c>
      <c r="EO39" s="73">
        <v>154</v>
      </c>
      <c r="EP39" s="70">
        <v>34</v>
      </c>
      <c r="EQ39" s="71">
        <v>51</v>
      </c>
      <c r="ER39" s="72">
        <v>85</v>
      </c>
      <c r="ES39" s="244"/>
      <c r="ET39" s="71">
        <v>80</v>
      </c>
      <c r="EU39" s="71">
        <v>44</v>
      </c>
      <c r="EV39" s="71">
        <v>41</v>
      </c>
      <c r="EW39" s="71">
        <v>29</v>
      </c>
      <c r="EX39" s="71">
        <v>31</v>
      </c>
      <c r="EY39" s="72">
        <v>225</v>
      </c>
      <c r="EZ39" s="73">
        <v>310</v>
      </c>
      <c r="FA39" s="70">
        <v>27</v>
      </c>
      <c r="FB39" s="71">
        <v>36</v>
      </c>
      <c r="FC39" s="72">
        <v>63</v>
      </c>
      <c r="FD39" s="244"/>
      <c r="FE39" s="71">
        <v>73</v>
      </c>
      <c r="FF39" s="71">
        <v>53</v>
      </c>
      <c r="FG39" s="71">
        <v>43</v>
      </c>
      <c r="FH39" s="71">
        <v>41</v>
      </c>
      <c r="FI39" s="71">
        <v>27</v>
      </c>
      <c r="FJ39" s="72">
        <v>237</v>
      </c>
      <c r="FK39" s="73">
        <v>300</v>
      </c>
      <c r="FL39" s="70">
        <v>12</v>
      </c>
      <c r="FM39" s="71">
        <v>21</v>
      </c>
      <c r="FN39" s="72">
        <v>33</v>
      </c>
      <c r="FO39" s="244"/>
      <c r="FP39" s="71">
        <v>47</v>
      </c>
      <c r="FQ39" s="71">
        <v>55</v>
      </c>
      <c r="FR39" s="71">
        <v>58</v>
      </c>
      <c r="FS39" s="71">
        <v>65</v>
      </c>
      <c r="FT39" s="71">
        <v>45</v>
      </c>
      <c r="FU39" s="72">
        <v>270</v>
      </c>
      <c r="FV39" s="73">
        <v>303</v>
      </c>
      <c r="FW39" s="70">
        <v>2</v>
      </c>
      <c r="FX39" s="71">
        <v>1</v>
      </c>
      <c r="FY39" s="72">
        <v>3</v>
      </c>
      <c r="FZ39" s="244"/>
      <c r="GA39" s="71">
        <v>2</v>
      </c>
      <c r="GB39" s="71">
        <v>3</v>
      </c>
      <c r="GC39" s="71">
        <v>1</v>
      </c>
      <c r="GD39" s="71">
        <v>2</v>
      </c>
      <c r="GE39" s="71">
        <v>2</v>
      </c>
      <c r="GF39" s="72">
        <v>10</v>
      </c>
      <c r="GG39" s="73">
        <v>13</v>
      </c>
      <c r="GH39" s="70">
        <v>105</v>
      </c>
      <c r="GI39" s="71">
        <v>165</v>
      </c>
      <c r="GJ39" s="72">
        <v>270</v>
      </c>
      <c r="GK39" s="244"/>
      <c r="GL39" s="71">
        <v>267</v>
      </c>
      <c r="GM39" s="71">
        <v>200</v>
      </c>
      <c r="GN39" s="71">
        <v>177</v>
      </c>
      <c r="GO39" s="71">
        <v>170</v>
      </c>
      <c r="GP39" s="71">
        <v>141</v>
      </c>
      <c r="GQ39" s="72">
        <v>955</v>
      </c>
      <c r="GR39" s="73">
        <v>1225</v>
      </c>
      <c r="GS39" s="123">
        <v>168</v>
      </c>
      <c r="GT39" s="82">
        <v>253</v>
      </c>
      <c r="GU39" s="83">
        <v>421</v>
      </c>
      <c r="GV39" s="241"/>
      <c r="GW39" s="82">
        <v>416</v>
      </c>
      <c r="GX39" s="82">
        <v>342</v>
      </c>
      <c r="GY39" s="82">
        <v>282</v>
      </c>
      <c r="GZ39" s="82">
        <v>229</v>
      </c>
      <c r="HA39" s="82">
        <v>185</v>
      </c>
      <c r="HB39" s="84">
        <v>1454</v>
      </c>
      <c r="HC39" s="85">
        <v>1875</v>
      </c>
      <c r="HD39" s="70">
        <v>8</v>
      </c>
      <c r="HE39" s="71">
        <v>15</v>
      </c>
      <c r="HF39" s="72">
        <v>23</v>
      </c>
      <c r="HG39" s="244"/>
      <c r="HH39" s="71">
        <v>15</v>
      </c>
      <c r="HI39" s="71">
        <v>23</v>
      </c>
      <c r="HJ39" s="71">
        <v>11</v>
      </c>
      <c r="HK39" s="71">
        <v>9</v>
      </c>
      <c r="HL39" s="71">
        <v>11</v>
      </c>
      <c r="HM39" s="72">
        <v>69</v>
      </c>
      <c r="HN39" s="73">
        <v>92</v>
      </c>
      <c r="HO39" s="70">
        <v>19</v>
      </c>
      <c r="HP39" s="71">
        <v>38</v>
      </c>
      <c r="HQ39" s="72">
        <v>57</v>
      </c>
      <c r="HR39" s="244"/>
      <c r="HS39" s="71">
        <v>47</v>
      </c>
      <c r="HT39" s="71">
        <v>34</v>
      </c>
      <c r="HU39" s="71">
        <v>26</v>
      </c>
      <c r="HV39" s="71">
        <v>25</v>
      </c>
      <c r="HW39" s="71">
        <v>19</v>
      </c>
      <c r="HX39" s="72">
        <v>151</v>
      </c>
      <c r="HY39" s="73">
        <v>208</v>
      </c>
      <c r="HZ39" s="70">
        <v>30</v>
      </c>
      <c r="IA39" s="71">
        <v>42</v>
      </c>
      <c r="IB39" s="72">
        <v>72</v>
      </c>
      <c r="IC39" s="244"/>
      <c r="ID39" s="71">
        <v>61</v>
      </c>
      <c r="IE39" s="71">
        <v>53</v>
      </c>
      <c r="IF39" s="71">
        <v>35</v>
      </c>
      <c r="IG39" s="71">
        <v>26</v>
      </c>
      <c r="IH39" s="71">
        <v>29</v>
      </c>
      <c r="II39" s="72">
        <v>204</v>
      </c>
      <c r="IJ39" s="73">
        <v>276</v>
      </c>
      <c r="IK39" s="70">
        <v>54</v>
      </c>
      <c r="IL39" s="71">
        <v>78</v>
      </c>
      <c r="IM39" s="72">
        <v>132</v>
      </c>
      <c r="IN39" s="244"/>
      <c r="IO39" s="71">
        <v>119</v>
      </c>
      <c r="IP39" s="71">
        <v>78</v>
      </c>
      <c r="IQ39" s="71">
        <v>67</v>
      </c>
      <c r="IR39" s="71">
        <v>41</v>
      </c>
      <c r="IS39" s="71">
        <v>42</v>
      </c>
      <c r="IT39" s="72">
        <v>347</v>
      </c>
      <c r="IU39" s="73">
        <v>479</v>
      </c>
      <c r="IV39" s="70">
        <v>41</v>
      </c>
      <c r="IW39" s="71">
        <v>53</v>
      </c>
      <c r="IX39" s="72">
        <v>94</v>
      </c>
      <c r="IY39" s="244"/>
      <c r="IZ39" s="71">
        <v>105</v>
      </c>
      <c r="JA39" s="71">
        <v>82</v>
      </c>
      <c r="JB39" s="71">
        <v>69</v>
      </c>
      <c r="JC39" s="71">
        <v>55</v>
      </c>
      <c r="JD39" s="71">
        <v>32</v>
      </c>
      <c r="JE39" s="72">
        <v>343</v>
      </c>
      <c r="JF39" s="73">
        <v>437</v>
      </c>
      <c r="JG39" s="70">
        <v>16</v>
      </c>
      <c r="JH39" s="71">
        <v>27</v>
      </c>
      <c r="JI39" s="72">
        <v>43</v>
      </c>
      <c r="JJ39" s="244"/>
      <c r="JK39" s="71">
        <v>69</v>
      </c>
      <c r="JL39" s="71">
        <v>72</v>
      </c>
      <c r="JM39" s="71">
        <v>74</v>
      </c>
      <c r="JN39" s="71">
        <v>73</v>
      </c>
      <c r="JO39" s="71">
        <v>52</v>
      </c>
      <c r="JP39" s="72">
        <v>340</v>
      </c>
      <c r="JQ39" s="73">
        <v>383</v>
      </c>
      <c r="JR39" s="70">
        <v>4</v>
      </c>
      <c r="JS39" s="71">
        <v>5</v>
      </c>
      <c r="JT39" s="72">
        <v>9</v>
      </c>
      <c r="JU39" s="244"/>
      <c r="JV39" s="71">
        <v>7</v>
      </c>
      <c r="JW39" s="71">
        <v>9</v>
      </c>
      <c r="JX39" s="71">
        <v>8</v>
      </c>
      <c r="JY39" s="71">
        <v>9</v>
      </c>
      <c r="JZ39" s="71">
        <v>5</v>
      </c>
      <c r="KA39" s="72">
        <v>38</v>
      </c>
      <c r="KB39" s="73">
        <v>47</v>
      </c>
      <c r="KC39" s="70">
        <v>172</v>
      </c>
      <c r="KD39" s="71">
        <v>258</v>
      </c>
      <c r="KE39" s="72">
        <v>430</v>
      </c>
      <c r="KF39" s="244"/>
      <c r="KG39" s="71">
        <v>423</v>
      </c>
      <c r="KH39" s="71">
        <v>351</v>
      </c>
      <c r="KI39" s="71">
        <v>290</v>
      </c>
      <c r="KJ39" s="71">
        <v>238</v>
      </c>
      <c r="KK39" s="71">
        <v>190</v>
      </c>
      <c r="KL39" s="72">
        <v>1492</v>
      </c>
      <c r="KM39" s="73">
        <v>1922</v>
      </c>
    </row>
    <row r="40" spans="2:299" ht="19.8" customHeight="1" thickBot="1" x14ac:dyDescent="0.25">
      <c r="B40" s="127" t="s">
        <v>37</v>
      </c>
      <c r="C40" s="317">
        <v>3</v>
      </c>
      <c r="D40" s="87">
        <v>4</v>
      </c>
      <c r="E40" s="88">
        <v>7</v>
      </c>
      <c r="F40" s="242"/>
      <c r="G40" s="87">
        <v>12</v>
      </c>
      <c r="H40" s="87">
        <v>5</v>
      </c>
      <c r="I40" s="87">
        <v>13</v>
      </c>
      <c r="J40" s="87">
        <v>4</v>
      </c>
      <c r="K40" s="87">
        <v>6</v>
      </c>
      <c r="L40" s="89">
        <v>40</v>
      </c>
      <c r="M40" s="90">
        <v>47</v>
      </c>
      <c r="N40" s="74">
        <v>0</v>
      </c>
      <c r="O40" s="75">
        <v>1</v>
      </c>
      <c r="P40" s="76">
        <v>1</v>
      </c>
      <c r="Q40" s="245"/>
      <c r="R40" s="75">
        <v>2</v>
      </c>
      <c r="S40" s="75">
        <v>0</v>
      </c>
      <c r="T40" s="75">
        <v>1</v>
      </c>
      <c r="U40" s="75">
        <v>0</v>
      </c>
      <c r="V40" s="75">
        <v>1</v>
      </c>
      <c r="W40" s="76">
        <v>4</v>
      </c>
      <c r="X40" s="77">
        <v>5</v>
      </c>
      <c r="Y40" s="74">
        <v>1</v>
      </c>
      <c r="Z40" s="75">
        <v>1</v>
      </c>
      <c r="AA40" s="76">
        <v>2</v>
      </c>
      <c r="AB40" s="245"/>
      <c r="AC40" s="75">
        <v>0</v>
      </c>
      <c r="AD40" s="75">
        <v>0</v>
      </c>
      <c r="AE40" s="75">
        <v>3</v>
      </c>
      <c r="AF40" s="75">
        <v>0</v>
      </c>
      <c r="AG40" s="75">
        <v>0</v>
      </c>
      <c r="AH40" s="76">
        <v>3</v>
      </c>
      <c r="AI40" s="77">
        <v>5</v>
      </c>
      <c r="AJ40" s="74">
        <v>0</v>
      </c>
      <c r="AK40" s="75">
        <v>0</v>
      </c>
      <c r="AL40" s="76">
        <v>0</v>
      </c>
      <c r="AM40" s="245"/>
      <c r="AN40" s="75">
        <v>1</v>
      </c>
      <c r="AO40" s="75">
        <v>1</v>
      </c>
      <c r="AP40" s="75">
        <v>2</v>
      </c>
      <c r="AQ40" s="75">
        <v>1</v>
      </c>
      <c r="AR40" s="75">
        <v>1</v>
      </c>
      <c r="AS40" s="76">
        <v>6</v>
      </c>
      <c r="AT40" s="77">
        <v>6</v>
      </c>
      <c r="AU40" s="74">
        <v>2</v>
      </c>
      <c r="AV40" s="75">
        <v>1</v>
      </c>
      <c r="AW40" s="76">
        <v>3</v>
      </c>
      <c r="AX40" s="245"/>
      <c r="AY40" s="75">
        <v>4</v>
      </c>
      <c r="AZ40" s="75">
        <v>2</v>
      </c>
      <c r="BA40" s="75">
        <v>2</v>
      </c>
      <c r="BB40" s="75">
        <v>1</v>
      </c>
      <c r="BC40" s="75">
        <v>1</v>
      </c>
      <c r="BD40" s="76">
        <v>10</v>
      </c>
      <c r="BE40" s="77">
        <v>13</v>
      </c>
      <c r="BF40" s="74">
        <v>0</v>
      </c>
      <c r="BG40" s="75">
        <v>1</v>
      </c>
      <c r="BH40" s="76">
        <v>1</v>
      </c>
      <c r="BI40" s="245"/>
      <c r="BJ40" s="75">
        <v>1</v>
      </c>
      <c r="BK40" s="75">
        <v>1</v>
      </c>
      <c r="BL40" s="75">
        <v>4</v>
      </c>
      <c r="BM40" s="75">
        <v>1</v>
      </c>
      <c r="BN40" s="75">
        <v>2</v>
      </c>
      <c r="BO40" s="76">
        <v>9</v>
      </c>
      <c r="BP40" s="77">
        <v>10</v>
      </c>
      <c r="BQ40" s="74">
        <v>0</v>
      </c>
      <c r="BR40" s="75">
        <v>0</v>
      </c>
      <c r="BS40" s="76">
        <v>0</v>
      </c>
      <c r="BT40" s="245"/>
      <c r="BU40" s="75">
        <v>4</v>
      </c>
      <c r="BV40" s="75">
        <v>1</v>
      </c>
      <c r="BW40" s="75">
        <v>1</v>
      </c>
      <c r="BX40" s="75">
        <v>1</v>
      </c>
      <c r="BY40" s="75">
        <v>1</v>
      </c>
      <c r="BZ40" s="76">
        <v>8</v>
      </c>
      <c r="CA40" s="77">
        <v>8</v>
      </c>
      <c r="CB40" s="74">
        <v>0</v>
      </c>
      <c r="CC40" s="75">
        <v>0</v>
      </c>
      <c r="CD40" s="76">
        <v>0</v>
      </c>
      <c r="CE40" s="245"/>
      <c r="CF40" s="75">
        <v>1</v>
      </c>
      <c r="CG40" s="75">
        <v>0</v>
      </c>
      <c r="CH40" s="75">
        <v>0</v>
      </c>
      <c r="CI40" s="75">
        <v>1</v>
      </c>
      <c r="CJ40" s="75">
        <v>0</v>
      </c>
      <c r="CK40" s="76">
        <v>2</v>
      </c>
      <c r="CL40" s="77">
        <v>2</v>
      </c>
      <c r="CM40" s="74">
        <v>3</v>
      </c>
      <c r="CN40" s="75">
        <v>4</v>
      </c>
      <c r="CO40" s="76">
        <v>7</v>
      </c>
      <c r="CP40" s="245"/>
      <c r="CQ40" s="75">
        <v>13</v>
      </c>
      <c r="CR40" s="75">
        <v>5</v>
      </c>
      <c r="CS40" s="75">
        <v>13</v>
      </c>
      <c r="CT40" s="75">
        <v>5</v>
      </c>
      <c r="CU40" s="75">
        <v>6</v>
      </c>
      <c r="CV40" s="76">
        <v>42</v>
      </c>
      <c r="CW40" s="77">
        <v>49</v>
      </c>
      <c r="CX40" s="124">
        <v>13</v>
      </c>
      <c r="CY40" s="87">
        <v>5</v>
      </c>
      <c r="CZ40" s="88">
        <v>18</v>
      </c>
      <c r="DA40" s="242"/>
      <c r="DB40" s="87">
        <v>26</v>
      </c>
      <c r="DC40" s="87">
        <v>16</v>
      </c>
      <c r="DD40" s="87">
        <v>25</v>
      </c>
      <c r="DE40" s="87">
        <v>13</v>
      </c>
      <c r="DF40" s="87">
        <v>10</v>
      </c>
      <c r="DG40" s="89">
        <v>90</v>
      </c>
      <c r="DH40" s="90">
        <v>108</v>
      </c>
      <c r="DI40" s="74">
        <v>0</v>
      </c>
      <c r="DJ40" s="75">
        <v>0</v>
      </c>
      <c r="DK40" s="76">
        <v>0</v>
      </c>
      <c r="DL40" s="245"/>
      <c r="DM40" s="75">
        <v>0</v>
      </c>
      <c r="DN40" s="75">
        <v>0</v>
      </c>
      <c r="DO40" s="75">
        <v>1</v>
      </c>
      <c r="DP40" s="75">
        <v>0</v>
      </c>
      <c r="DQ40" s="75">
        <v>2</v>
      </c>
      <c r="DR40" s="76">
        <v>3</v>
      </c>
      <c r="DS40" s="77">
        <v>3</v>
      </c>
      <c r="DT40" s="74">
        <v>1</v>
      </c>
      <c r="DU40" s="75">
        <v>0</v>
      </c>
      <c r="DV40" s="76">
        <v>1</v>
      </c>
      <c r="DW40" s="245"/>
      <c r="DX40" s="75">
        <v>1</v>
      </c>
      <c r="DY40" s="75">
        <v>2</v>
      </c>
      <c r="DZ40" s="75">
        <v>0</v>
      </c>
      <c r="EA40" s="75">
        <v>1</v>
      </c>
      <c r="EB40" s="75">
        <v>0</v>
      </c>
      <c r="EC40" s="76">
        <v>4</v>
      </c>
      <c r="ED40" s="77">
        <v>5</v>
      </c>
      <c r="EE40" s="74">
        <v>2</v>
      </c>
      <c r="EF40" s="75">
        <v>0</v>
      </c>
      <c r="EG40" s="76">
        <v>2</v>
      </c>
      <c r="EH40" s="245"/>
      <c r="EI40" s="75">
        <v>3</v>
      </c>
      <c r="EJ40" s="75">
        <v>3</v>
      </c>
      <c r="EK40" s="75">
        <v>3</v>
      </c>
      <c r="EL40" s="75">
        <v>3</v>
      </c>
      <c r="EM40" s="75">
        <v>1</v>
      </c>
      <c r="EN40" s="76">
        <v>13</v>
      </c>
      <c r="EO40" s="77">
        <v>15</v>
      </c>
      <c r="EP40" s="74">
        <v>4</v>
      </c>
      <c r="EQ40" s="75">
        <v>1</v>
      </c>
      <c r="ER40" s="76">
        <v>5</v>
      </c>
      <c r="ES40" s="245"/>
      <c r="ET40" s="75">
        <v>6</v>
      </c>
      <c r="EU40" s="75">
        <v>5</v>
      </c>
      <c r="EV40" s="75">
        <v>5</v>
      </c>
      <c r="EW40" s="75">
        <v>0</v>
      </c>
      <c r="EX40" s="75">
        <v>2</v>
      </c>
      <c r="EY40" s="76">
        <v>18</v>
      </c>
      <c r="EZ40" s="77">
        <v>23</v>
      </c>
      <c r="FA40" s="74">
        <v>5</v>
      </c>
      <c r="FB40" s="75">
        <v>3</v>
      </c>
      <c r="FC40" s="76">
        <v>8</v>
      </c>
      <c r="FD40" s="245"/>
      <c r="FE40" s="75">
        <v>11</v>
      </c>
      <c r="FF40" s="75">
        <v>2</v>
      </c>
      <c r="FG40" s="75">
        <v>8</v>
      </c>
      <c r="FH40" s="75">
        <v>2</v>
      </c>
      <c r="FI40" s="75">
        <v>1</v>
      </c>
      <c r="FJ40" s="76">
        <v>24</v>
      </c>
      <c r="FK40" s="77">
        <v>32</v>
      </c>
      <c r="FL40" s="74">
        <v>1</v>
      </c>
      <c r="FM40" s="75">
        <v>1</v>
      </c>
      <c r="FN40" s="76">
        <v>2</v>
      </c>
      <c r="FO40" s="245"/>
      <c r="FP40" s="75">
        <v>5</v>
      </c>
      <c r="FQ40" s="75">
        <v>4</v>
      </c>
      <c r="FR40" s="75">
        <v>8</v>
      </c>
      <c r="FS40" s="75">
        <v>7</v>
      </c>
      <c r="FT40" s="75">
        <v>4</v>
      </c>
      <c r="FU40" s="76">
        <v>28</v>
      </c>
      <c r="FV40" s="77">
        <v>30</v>
      </c>
      <c r="FW40" s="74">
        <v>0</v>
      </c>
      <c r="FX40" s="75">
        <v>0</v>
      </c>
      <c r="FY40" s="76">
        <v>0</v>
      </c>
      <c r="FZ40" s="245"/>
      <c r="GA40" s="75">
        <v>0</v>
      </c>
      <c r="GB40" s="75">
        <v>1</v>
      </c>
      <c r="GC40" s="75">
        <v>2</v>
      </c>
      <c r="GD40" s="75">
        <v>0</v>
      </c>
      <c r="GE40" s="75">
        <v>0</v>
      </c>
      <c r="GF40" s="76">
        <v>3</v>
      </c>
      <c r="GG40" s="77">
        <v>3</v>
      </c>
      <c r="GH40" s="74">
        <v>13</v>
      </c>
      <c r="GI40" s="75">
        <v>5</v>
      </c>
      <c r="GJ40" s="76">
        <v>18</v>
      </c>
      <c r="GK40" s="245"/>
      <c r="GL40" s="75">
        <v>26</v>
      </c>
      <c r="GM40" s="75">
        <v>17</v>
      </c>
      <c r="GN40" s="75">
        <v>27</v>
      </c>
      <c r="GO40" s="75">
        <v>13</v>
      </c>
      <c r="GP40" s="75">
        <v>10</v>
      </c>
      <c r="GQ40" s="76">
        <v>93</v>
      </c>
      <c r="GR40" s="77">
        <v>111</v>
      </c>
      <c r="GS40" s="124">
        <v>16</v>
      </c>
      <c r="GT40" s="87">
        <v>9</v>
      </c>
      <c r="GU40" s="88">
        <v>25</v>
      </c>
      <c r="GV40" s="242"/>
      <c r="GW40" s="87">
        <v>38</v>
      </c>
      <c r="GX40" s="87">
        <v>21</v>
      </c>
      <c r="GY40" s="87">
        <v>38</v>
      </c>
      <c r="GZ40" s="87">
        <v>17</v>
      </c>
      <c r="HA40" s="87">
        <v>16</v>
      </c>
      <c r="HB40" s="89">
        <v>130</v>
      </c>
      <c r="HC40" s="90">
        <v>155</v>
      </c>
      <c r="HD40" s="74">
        <v>0</v>
      </c>
      <c r="HE40" s="75">
        <v>1</v>
      </c>
      <c r="HF40" s="76">
        <v>1</v>
      </c>
      <c r="HG40" s="245"/>
      <c r="HH40" s="75">
        <v>2</v>
      </c>
      <c r="HI40" s="75">
        <v>0</v>
      </c>
      <c r="HJ40" s="75">
        <v>2</v>
      </c>
      <c r="HK40" s="75">
        <v>0</v>
      </c>
      <c r="HL40" s="75">
        <v>3</v>
      </c>
      <c r="HM40" s="76">
        <v>7</v>
      </c>
      <c r="HN40" s="77">
        <v>8</v>
      </c>
      <c r="HO40" s="74">
        <v>2</v>
      </c>
      <c r="HP40" s="75">
        <v>1</v>
      </c>
      <c r="HQ40" s="76">
        <v>3</v>
      </c>
      <c r="HR40" s="245"/>
      <c r="HS40" s="75">
        <v>1</v>
      </c>
      <c r="HT40" s="75">
        <v>2</v>
      </c>
      <c r="HU40" s="75">
        <v>3</v>
      </c>
      <c r="HV40" s="75">
        <v>1</v>
      </c>
      <c r="HW40" s="75">
        <v>0</v>
      </c>
      <c r="HX40" s="76">
        <v>7</v>
      </c>
      <c r="HY40" s="77">
        <v>10</v>
      </c>
      <c r="HZ40" s="74">
        <v>2</v>
      </c>
      <c r="IA40" s="75">
        <v>0</v>
      </c>
      <c r="IB40" s="76">
        <v>2</v>
      </c>
      <c r="IC40" s="245"/>
      <c r="ID40" s="75">
        <v>4</v>
      </c>
      <c r="IE40" s="75">
        <v>4</v>
      </c>
      <c r="IF40" s="75">
        <v>5</v>
      </c>
      <c r="IG40" s="75">
        <v>4</v>
      </c>
      <c r="IH40" s="75">
        <v>2</v>
      </c>
      <c r="II40" s="76">
        <v>19</v>
      </c>
      <c r="IJ40" s="77">
        <v>21</v>
      </c>
      <c r="IK40" s="74">
        <v>6</v>
      </c>
      <c r="IL40" s="75">
        <v>2</v>
      </c>
      <c r="IM40" s="76">
        <v>8</v>
      </c>
      <c r="IN40" s="245"/>
      <c r="IO40" s="75">
        <v>10</v>
      </c>
      <c r="IP40" s="75">
        <v>7</v>
      </c>
      <c r="IQ40" s="75">
        <v>7</v>
      </c>
      <c r="IR40" s="75">
        <v>1</v>
      </c>
      <c r="IS40" s="75">
        <v>3</v>
      </c>
      <c r="IT40" s="76">
        <v>28</v>
      </c>
      <c r="IU40" s="77">
        <v>36</v>
      </c>
      <c r="IV40" s="74">
        <v>5</v>
      </c>
      <c r="IW40" s="75">
        <v>4</v>
      </c>
      <c r="IX40" s="76">
        <v>9</v>
      </c>
      <c r="IY40" s="245"/>
      <c r="IZ40" s="75">
        <v>12</v>
      </c>
      <c r="JA40" s="75">
        <v>3</v>
      </c>
      <c r="JB40" s="75">
        <v>12</v>
      </c>
      <c r="JC40" s="75">
        <v>3</v>
      </c>
      <c r="JD40" s="75">
        <v>3</v>
      </c>
      <c r="JE40" s="76">
        <v>33</v>
      </c>
      <c r="JF40" s="77">
        <v>42</v>
      </c>
      <c r="JG40" s="74">
        <v>1</v>
      </c>
      <c r="JH40" s="75">
        <v>1</v>
      </c>
      <c r="JI40" s="76">
        <v>2</v>
      </c>
      <c r="JJ40" s="245"/>
      <c r="JK40" s="75">
        <v>9</v>
      </c>
      <c r="JL40" s="75">
        <v>5</v>
      </c>
      <c r="JM40" s="75">
        <v>9</v>
      </c>
      <c r="JN40" s="75">
        <v>8</v>
      </c>
      <c r="JO40" s="75">
        <v>5</v>
      </c>
      <c r="JP40" s="76">
        <v>36</v>
      </c>
      <c r="JQ40" s="77">
        <v>38</v>
      </c>
      <c r="JR40" s="74">
        <v>0</v>
      </c>
      <c r="JS40" s="75">
        <v>0</v>
      </c>
      <c r="JT40" s="76">
        <v>0</v>
      </c>
      <c r="JU40" s="245"/>
      <c r="JV40" s="75">
        <v>1</v>
      </c>
      <c r="JW40" s="75">
        <v>1</v>
      </c>
      <c r="JX40" s="75">
        <v>2</v>
      </c>
      <c r="JY40" s="75">
        <v>1</v>
      </c>
      <c r="JZ40" s="75">
        <v>0</v>
      </c>
      <c r="KA40" s="76">
        <v>5</v>
      </c>
      <c r="KB40" s="77">
        <v>5</v>
      </c>
      <c r="KC40" s="74">
        <v>16</v>
      </c>
      <c r="KD40" s="75">
        <v>9</v>
      </c>
      <c r="KE40" s="76">
        <v>25</v>
      </c>
      <c r="KF40" s="245"/>
      <c r="KG40" s="75">
        <v>39</v>
      </c>
      <c r="KH40" s="75">
        <v>22</v>
      </c>
      <c r="KI40" s="75">
        <v>40</v>
      </c>
      <c r="KJ40" s="75">
        <v>18</v>
      </c>
      <c r="KK40" s="75">
        <v>16</v>
      </c>
      <c r="KL40" s="76">
        <v>135</v>
      </c>
      <c r="KM40" s="77">
        <v>160</v>
      </c>
    </row>
    <row r="41" spans="2:299" ht="32.25" customHeight="1" x14ac:dyDescent="0.2">
      <c r="C41" s="311" t="s">
        <v>126</v>
      </c>
    </row>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E1" s="368">
        <f>第１表!F2</f>
        <v>4</v>
      </c>
      <c r="F1" s="251">
        <f>第１表!G2</f>
        <v>8</v>
      </c>
      <c r="G1" s="555">
        <f>IF(F1&lt;3,F1-2+12,F1-2)</f>
        <v>6</v>
      </c>
      <c r="H1" s="555"/>
    </row>
    <row r="2" spans="2:43" ht="24" customHeight="1" thickBot="1" x14ac:dyDescent="0.25">
      <c r="B2" s="20" t="s">
        <v>158</v>
      </c>
      <c r="F2" s="20" t="s">
        <v>140</v>
      </c>
    </row>
    <row r="3" spans="2:43" ht="24.75" customHeight="1" x14ac:dyDescent="0.2">
      <c r="B3" s="601"/>
      <c r="C3" s="591" t="s">
        <v>57</v>
      </c>
      <c r="D3" s="592"/>
      <c r="E3" s="592"/>
      <c r="F3" s="592"/>
      <c r="G3" s="592"/>
      <c r="H3" s="592"/>
      <c r="I3" s="592"/>
      <c r="J3" s="592"/>
      <c r="K3" s="592"/>
      <c r="L3" s="592"/>
      <c r="M3" s="591" t="s">
        <v>58</v>
      </c>
      <c r="N3" s="604"/>
      <c r="O3" s="604"/>
      <c r="P3" s="604"/>
      <c r="Q3" s="604"/>
      <c r="R3" s="604"/>
      <c r="S3" s="604"/>
      <c r="T3" s="604"/>
      <c r="U3" s="604"/>
      <c r="V3" s="604"/>
      <c r="W3" s="591" t="s">
        <v>59</v>
      </c>
      <c r="X3" s="592"/>
      <c r="Y3" s="592"/>
      <c r="Z3" s="592"/>
      <c r="AA3" s="592"/>
      <c r="AB3" s="592"/>
      <c r="AC3" s="592"/>
      <c r="AD3" s="592"/>
      <c r="AE3" s="592"/>
      <c r="AF3" s="592"/>
      <c r="AG3" s="600" t="s">
        <v>151</v>
      </c>
      <c r="AH3" s="592"/>
      <c r="AI3" s="592"/>
      <c r="AJ3" s="592"/>
      <c r="AK3" s="592"/>
      <c r="AL3" s="592"/>
      <c r="AM3" s="592"/>
      <c r="AN3" s="592"/>
      <c r="AO3" s="592"/>
      <c r="AP3" s="593"/>
    </row>
    <row r="4" spans="2:43" ht="24.75" customHeight="1" x14ac:dyDescent="0.2">
      <c r="B4" s="603"/>
      <c r="C4" s="573" t="s">
        <v>61</v>
      </c>
      <c r="D4" s="574"/>
      <c r="E4" s="575"/>
      <c r="F4" s="576" t="s">
        <v>62</v>
      </c>
      <c r="G4" s="577"/>
      <c r="H4" s="577"/>
      <c r="I4" s="577"/>
      <c r="J4" s="577"/>
      <c r="K4" s="578"/>
      <c r="L4" s="588" t="s">
        <v>52</v>
      </c>
      <c r="M4" s="573" t="s">
        <v>61</v>
      </c>
      <c r="N4" s="574"/>
      <c r="O4" s="575"/>
      <c r="P4" s="576" t="s">
        <v>62</v>
      </c>
      <c r="Q4" s="577"/>
      <c r="R4" s="577"/>
      <c r="S4" s="577"/>
      <c r="T4" s="577"/>
      <c r="U4" s="578"/>
      <c r="V4" s="579" t="s">
        <v>52</v>
      </c>
      <c r="W4" s="573" t="s">
        <v>61</v>
      </c>
      <c r="X4" s="574"/>
      <c r="Y4" s="575"/>
      <c r="Z4" s="576" t="s">
        <v>62</v>
      </c>
      <c r="AA4" s="577"/>
      <c r="AB4" s="577"/>
      <c r="AC4" s="577"/>
      <c r="AD4" s="577"/>
      <c r="AE4" s="578"/>
      <c r="AF4" s="588" t="s">
        <v>52</v>
      </c>
      <c r="AG4" s="573" t="s">
        <v>61</v>
      </c>
      <c r="AH4" s="574"/>
      <c r="AI4" s="575"/>
      <c r="AJ4" s="576" t="s">
        <v>62</v>
      </c>
      <c r="AK4" s="577"/>
      <c r="AL4" s="577"/>
      <c r="AM4" s="577"/>
      <c r="AN4" s="577"/>
      <c r="AO4" s="578"/>
      <c r="AP4" s="579" t="s">
        <v>52</v>
      </c>
    </row>
    <row r="5" spans="2:43" ht="24.75" customHeight="1" thickBot="1" x14ac:dyDescent="0.25">
      <c r="B5" s="363" t="s">
        <v>42</v>
      </c>
      <c r="C5" s="31" t="s">
        <v>43</v>
      </c>
      <c r="D5" s="32" t="s">
        <v>44</v>
      </c>
      <c r="E5" s="32" t="s">
        <v>45</v>
      </c>
      <c r="F5" s="33" t="s">
        <v>47</v>
      </c>
      <c r="G5" s="34" t="s">
        <v>48</v>
      </c>
      <c r="H5" s="34" t="s">
        <v>49</v>
      </c>
      <c r="I5" s="35" t="s">
        <v>50</v>
      </c>
      <c r="J5" s="32" t="s">
        <v>51</v>
      </c>
      <c r="K5" s="36" t="s">
        <v>95</v>
      </c>
      <c r="L5" s="589"/>
      <c r="M5" s="31" t="s">
        <v>43</v>
      </c>
      <c r="N5" s="32" t="s">
        <v>44</v>
      </c>
      <c r="O5" s="36" t="s">
        <v>45</v>
      </c>
      <c r="P5" s="15" t="s">
        <v>47</v>
      </c>
      <c r="Q5" s="34" t="s">
        <v>48</v>
      </c>
      <c r="R5" s="34" t="s">
        <v>49</v>
      </c>
      <c r="S5" s="35" t="s">
        <v>50</v>
      </c>
      <c r="T5" s="32" t="s">
        <v>51</v>
      </c>
      <c r="U5" s="36" t="s">
        <v>45</v>
      </c>
      <c r="V5" s="580"/>
      <c r="W5" s="31" t="s">
        <v>43</v>
      </c>
      <c r="X5" s="32" t="s">
        <v>44</v>
      </c>
      <c r="Y5" s="32" t="s">
        <v>45</v>
      </c>
      <c r="Z5" s="33" t="s">
        <v>47</v>
      </c>
      <c r="AA5" s="34" t="s">
        <v>48</v>
      </c>
      <c r="AB5" s="34" t="s">
        <v>49</v>
      </c>
      <c r="AC5" s="35" t="s">
        <v>50</v>
      </c>
      <c r="AD5" s="32" t="s">
        <v>51</v>
      </c>
      <c r="AE5" s="36" t="s">
        <v>45</v>
      </c>
      <c r="AF5" s="589"/>
      <c r="AG5" s="31" t="s">
        <v>43</v>
      </c>
      <c r="AH5" s="32" t="s">
        <v>44</v>
      </c>
      <c r="AI5" s="32" t="s">
        <v>45</v>
      </c>
      <c r="AJ5" s="33" t="s">
        <v>47</v>
      </c>
      <c r="AK5" s="34" t="s">
        <v>48</v>
      </c>
      <c r="AL5" s="34" t="s">
        <v>49</v>
      </c>
      <c r="AM5" s="35" t="s">
        <v>50</v>
      </c>
      <c r="AN5" s="32" t="s">
        <v>51</v>
      </c>
      <c r="AO5" s="36" t="s">
        <v>45</v>
      </c>
      <c r="AP5" s="580"/>
    </row>
    <row r="6" spans="2:43" ht="20.25" customHeight="1" x14ac:dyDescent="0.2">
      <c r="B6" s="362" t="s">
        <v>4</v>
      </c>
      <c r="C6" s="185">
        <v>0</v>
      </c>
      <c r="D6" s="186">
        <v>0</v>
      </c>
      <c r="E6" s="186">
        <v>0</v>
      </c>
      <c r="F6" s="187">
        <v>12</v>
      </c>
      <c r="G6" s="188">
        <v>56</v>
      </c>
      <c r="H6" s="188">
        <v>442</v>
      </c>
      <c r="I6" s="188">
        <v>665</v>
      </c>
      <c r="J6" s="186">
        <v>380</v>
      </c>
      <c r="K6" s="189">
        <v>1555</v>
      </c>
      <c r="L6" s="190">
        <v>1555</v>
      </c>
      <c r="M6" s="185">
        <v>0</v>
      </c>
      <c r="N6" s="186">
        <v>0</v>
      </c>
      <c r="O6" s="189">
        <v>0</v>
      </c>
      <c r="P6" s="192">
        <v>92</v>
      </c>
      <c r="Q6" s="188">
        <v>198</v>
      </c>
      <c r="R6" s="188">
        <v>277</v>
      </c>
      <c r="S6" s="188">
        <v>345</v>
      </c>
      <c r="T6" s="186">
        <v>161</v>
      </c>
      <c r="U6" s="189">
        <v>1073</v>
      </c>
      <c r="V6" s="193">
        <v>1073</v>
      </c>
      <c r="W6" s="192">
        <v>0</v>
      </c>
      <c r="X6" s="186">
        <v>0</v>
      </c>
      <c r="Y6" s="186">
        <v>0</v>
      </c>
      <c r="Z6" s="187">
        <v>0</v>
      </c>
      <c r="AA6" s="188">
        <v>0</v>
      </c>
      <c r="AB6" s="188">
        <v>2</v>
      </c>
      <c r="AC6" s="188">
        <v>15</v>
      </c>
      <c r="AD6" s="186">
        <v>14</v>
      </c>
      <c r="AE6" s="189">
        <v>31</v>
      </c>
      <c r="AF6" s="190">
        <v>31</v>
      </c>
      <c r="AG6" s="185">
        <v>0</v>
      </c>
      <c r="AH6" s="186">
        <v>0</v>
      </c>
      <c r="AI6" s="186">
        <v>0</v>
      </c>
      <c r="AJ6" s="187">
        <v>0</v>
      </c>
      <c r="AK6" s="188">
        <v>1</v>
      </c>
      <c r="AL6" s="188">
        <v>3</v>
      </c>
      <c r="AM6" s="188">
        <v>16</v>
      </c>
      <c r="AN6" s="186">
        <v>24</v>
      </c>
      <c r="AO6" s="189">
        <v>44</v>
      </c>
      <c r="AP6" s="191">
        <v>44</v>
      </c>
      <c r="AQ6" s="37"/>
    </row>
    <row r="7" spans="2:43" ht="20.25" customHeight="1" x14ac:dyDescent="0.2">
      <c r="B7" s="62" t="s">
        <v>5</v>
      </c>
      <c r="C7" s="194">
        <v>0</v>
      </c>
      <c r="D7" s="195">
        <v>0</v>
      </c>
      <c r="E7" s="195">
        <v>0</v>
      </c>
      <c r="F7" s="196">
        <v>5</v>
      </c>
      <c r="G7" s="197">
        <v>36</v>
      </c>
      <c r="H7" s="197">
        <v>227</v>
      </c>
      <c r="I7" s="197">
        <v>294</v>
      </c>
      <c r="J7" s="195">
        <v>175</v>
      </c>
      <c r="K7" s="198">
        <v>737</v>
      </c>
      <c r="L7" s="199">
        <v>737</v>
      </c>
      <c r="M7" s="194">
        <v>0</v>
      </c>
      <c r="N7" s="195">
        <v>0</v>
      </c>
      <c r="O7" s="198">
        <v>0</v>
      </c>
      <c r="P7" s="201">
        <v>34</v>
      </c>
      <c r="Q7" s="197">
        <v>107</v>
      </c>
      <c r="R7" s="197">
        <v>137</v>
      </c>
      <c r="S7" s="197">
        <v>171</v>
      </c>
      <c r="T7" s="195">
        <v>86</v>
      </c>
      <c r="U7" s="198">
        <v>535</v>
      </c>
      <c r="V7" s="202">
        <v>535</v>
      </c>
      <c r="W7" s="201">
        <v>0</v>
      </c>
      <c r="X7" s="195">
        <v>0</v>
      </c>
      <c r="Y7" s="195">
        <v>0</v>
      </c>
      <c r="Z7" s="196">
        <v>0</v>
      </c>
      <c r="AA7" s="197">
        <v>0</v>
      </c>
      <c r="AB7" s="197">
        <v>0</v>
      </c>
      <c r="AC7" s="197">
        <v>4</v>
      </c>
      <c r="AD7" s="195">
        <v>5</v>
      </c>
      <c r="AE7" s="198">
        <v>9</v>
      </c>
      <c r="AF7" s="199">
        <v>9</v>
      </c>
      <c r="AG7" s="194">
        <v>0</v>
      </c>
      <c r="AH7" s="195">
        <v>0</v>
      </c>
      <c r="AI7" s="195">
        <v>0</v>
      </c>
      <c r="AJ7" s="196">
        <v>0</v>
      </c>
      <c r="AK7" s="197">
        <v>0</v>
      </c>
      <c r="AL7" s="197">
        <v>1</v>
      </c>
      <c r="AM7" s="197">
        <v>6</v>
      </c>
      <c r="AN7" s="195">
        <v>8</v>
      </c>
      <c r="AO7" s="198">
        <v>15</v>
      </c>
      <c r="AP7" s="200">
        <v>15</v>
      </c>
      <c r="AQ7" s="37"/>
    </row>
    <row r="8" spans="2:43" ht="20.25" customHeight="1" x14ac:dyDescent="0.2">
      <c r="B8" s="62" t="s">
        <v>6</v>
      </c>
      <c r="C8" s="194">
        <v>0</v>
      </c>
      <c r="D8" s="195">
        <v>0</v>
      </c>
      <c r="E8" s="195">
        <v>0</v>
      </c>
      <c r="F8" s="196">
        <v>1</v>
      </c>
      <c r="G8" s="197">
        <v>6</v>
      </c>
      <c r="H8" s="197">
        <v>44</v>
      </c>
      <c r="I8" s="197">
        <v>55</v>
      </c>
      <c r="J8" s="195">
        <v>45</v>
      </c>
      <c r="K8" s="198">
        <v>151</v>
      </c>
      <c r="L8" s="199">
        <v>151</v>
      </c>
      <c r="M8" s="194">
        <v>0</v>
      </c>
      <c r="N8" s="195">
        <v>0</v>
      </c>
      <c r="O8" s="198">
        <v>0</v>
      </c>
      <c r="P8" s="201">
        <v>11</v>
      </c>
      <c r="Q8" s="197">
        <v>22</v>
      </c>
      <c r="R8" s="197">
        <v>27</v>
      </c>
      <c r="S8" s="197">
        <v>39</v>
      </c>
      <c r="T8" s="195">
        <v>19</v>
      </c>
      <c r="U8" s="198">
        <v>118</v>
      </c>
      <c r="V8" s="202">
        <v>118</v>
      </c>
      <c r="W8" s="201">
        <v>0</v>
      </c>
      <c r="X8" s="195">
        <v>0</v>
      </c>
      <c r="Y8" s="195">
        <v>0</v>
      </c>
      <c r="Z8" s="196">
        <v>0</v>
      </c>
      <c r="AA8" s="197">
        <v>0</v>
      </c>
      <c r="AB8" s="197">
        <v>2</v>
      </c>
      <c r="AC8" s="197">
        <v>8</v>
      </c>
      <c r="AD8" s="195">
        <v>7</v>
      </c>
      <c r="AE8" s="198">
        <v>17</v>
      </c>
      <c r="AF8" s="199">
        <v>17</v>
      </c>
      <c r="AG8" s="194">
        <v>0</v>
      </c>
      <c r="AH8" s="195">
        <v>0</v>
      </c>
      <c r="AI8" s="195">
        <v>0</v>
      </c>
      <c r="AJ8" s="196">
        <v>0</v>
      </c>
      <c r="AK8" s="197">
        <v>0</v>
      </c>
      <c r="AL8" s="197">
        <v>0</v>
      </c>
      <c r="AM8" s="197">
        <v>1</v>
      </c>
      <c r="AN8" s="195">
        <v>6</v>
      </c>
      <c r="AO8" s="198">
        <v>7</v>
      </c>
      <c r="AP8" s="200">
        <v>7</v>
      </c>
      <c r="AQ8" s="37"/>
    </row>
    <row r="9" spans="2:43" ht="20.25" customHeight="1" x14ac:dyDescent="0.2">
      <c r="B9" s="62" t="s">
        <v>14</v>
      </c>
      <c r="C9" s="194">
        <v>0</v>
      </c>
      <c r="D9" s="195">
        <v>0</v>
      </c>
      <c r="E9" s="195">
        <v>0</v>
      </c>
      <c r="F9" s="196">
        <v>1</v>
      </c>
      <c r="G9" s="197">
        <v>1</v>
      </c>
      <c r="H9" s="197">
        <v>27</v>
      </c>
      <c r="I9" s="197">
        <v>52</v>
      </c>
      <c r="J9" s="195">
        <v>30</v>
      </c>
      <c r="K9" s="198">
        <v>111</v>
      </c>
      <c r="L9" s="199">
        <v>111</v>
      </c>
      <c r="M9" s="194">
        <v>0</v>
      </c>
      <c r="N9" s="195">
        <v>0</v>
      </c>
      <c r="O9" s="198">
        <v>0</v>
      </c>
      <c r="P9" s="201">
        <v>4</v>
      </c>
      <c r="Q9" s="197">
        <v>7</v>
      </c>
      <c r="R9" s="197">
        <v>12</v>
      </c>
      <c r="S9" s="197">
        <v>21</v>
      </c>
      <c r="T9" s="195">
        <v>9</v>
      </c>
      <c r="U9" s="198">
        <v>53</v>
      </c>
      <c r="V9" s="202">
        <v>53</v>
      </c>
      <c r="W9" s="201">
        <v>0</v>
      </c>
      <c r="X9" s="195">
        <v>0</v>
      </c>
      <c r="Y9" s="195">
        <v>0</v>
      </c>
      <c r="Z9" s="196">
        <v>0</v>
      </c>
      <c r="AA9" s="197">
        <v>0</v>
      </c>
      <c r="AB9" s="197">
        <v>0</v>
      </c>
      <c r="AC9" s="197">
        <v>2</v>
      </c>
      <c r="AD9" s="195">
        <v>2</v>
      </c>
      <c r="AE9" s="198">
        <v>4</v>
      </c>
      <c r="AF9" s="199">
        <v>4</v>
      </c>
      <c r="AG9" s="194">
        <v>0</v>
      </c>
      <c r="AH9" s="195">
        <v>0</v>
      </c>
      <c r="AI9" s="195">
        <v>0</v>
      </c>
      <c r="AJ9" s="196">
        <v>0</v>
      </c>
      <c r="AK9" s="197">
        <v>0</v>
      </c>
      <c r="AL9" s="197">
        <v>0</v>
      </c>
      <c r="AM9" s="197">
        <v>1</v>
      </c>
      <c r="AN9" s="195">
        <v>3</v>
      </c>
      <c r="AO9" s="198">
        <v>4</v>
      </c>
      <c r="AP9" s="200">
        <v>4</v>
      </c>
      <c r="AQ9" s="37"/>
    </row>
    <row r="10" spans="2:43" ht="20.25" customHeight="1" x14ac:dyDescent="0.2">
      <c r="B10" s="62" t="s">
        <v>7</v>
      </c>
      <c r="C10" s="194">
        <v>0</v>
      </c>
      <c r="D10" s="195">
        <v>0</v>
      </c>
      <c r="E10" s="195">
        <v>0</v>
      </c>
      <c r="F10" s="196">
        <v>0</v>
      </c>
      <c r="G10" s="197">
        <v>5</v>
      </c>
      <c r="H10" s="197">
        <v>26</v>
      </c>
      <c r="I10" s="197">
        <v>60</v>
      </c>
      <c r="J10" s="195">
        <v>30</v>
      </c>
      <c r="K10" s="198">
        <v>121</v>
      </c>
      <c r="L10" s="199">
        <v>121</v>
      </c>
      <c r="M10" s="194">
        <v>0</v>
      </c>
      <c r="N10" s="195">
        <v>0</v>
      </c>
      <c r="O10" s="198">
        <v>0</v>
      </c>
      <c r="P10" s="201">
        <v>13</v>
      </c>
      <c r="Q10" s="197">
        <v>17</v>
      </c>
      <c r="R10" s="197">
        <v>15</v>
      </c>
      <c r="S10" s="197">
        <v>27</v>
      </c>
      <c r="T10" s="195">
        <v>8</v>
      </c>
      <c r="U10" s="198">
        <v>80</v>
      </c>
      <c r="V10" s="202">
        <v>80</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0.25" customHeight="1" x14ac:dyDescent="0.2">
      <c r="B11" s="62" t="s">
        <v>8</v>
      </c>
      <c r="C11" s="194">
        <v>0</v>
      </c>
      <c r="D11" s="195">
        <v>0</v>
      </c>
      <c r="E11" s="195">
        <v>0</v>
      </c>
      <c r="F11" s="196">
        <v>2</v>
      </c>
      <c r="G11" s="197">
        <v>3</v>
      </c>
      <c r="H11" s="197">
        <v>8</v>
      </c>
      <c r="I11" s="197">
        <v>7</v>
      </c>
      <c r="J11" s="195">
        <v>7</v>
      </c>
      <c r="K11" s="198">
        <v>27</v>
      </c>
      <c r="L11" s="199">
        <v>27</v>
      </c>
      <c r="M11" s="194">
        <v>0</v>
      </c>
      <c r="N11" s="195">
        <v>0</v>
      </c>
      <c r="O11" s="198">
        <v>0</v>
      </c>
      <c r="P11" s="201">
        <v>1</v>
      </c>
      <c r="Q11" s="197">
        <v>4</v>
      </c>
      <c r="R11" s="197">
        <v>9</v>
      </c>
      <c r="S11" s="197">
        <v>6</v>
      </c>
      <c r="T11" s="195">
        <v>2</v>
      </c>
      <c r="U11" s="198">
        <v>22</v>
      </c>
      <c r="V11" s="202">
        <v>22</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1</v>
      </c>
      <c r="AN11" s="195">
        <v>0</v>
      </c>
      <c r="AO11" s="198">
        <v>1</v>
      </c>
      <c r="AP11" s="200">
        <v>1</v>
      </c>
      <c r="AQ11" s="37"/>
    </row>
    <row r="12" spans="2:43" ht="20.25" customHeight="1" x14ac:dyDescent="0.2">
      <c r="B12" s="62" t="s">
        <v>9</v>
      </c>
      <c r="C12" s="194">
        <v>0</v>
      </c>
      <c r="D12" s="195">
        <v>0</v>
      </c>
      <c r="E12" s="195">
        <v>0</v>
      </c>
      <c r="F12" s="196">
        <v>0</v>
      </c>
      <c r="G12" s="197">
        <v>0</v>
      </c>
      <c r="H12" s="197">
        <v>16</v>
      </c>
      <c r="I12" s="197">
        <v>27</v>
      </c>
      <c r="J12" s="195">
        <v>7</v>
      </c>
      <c r="K12" s="198">
        <v>50</v>
      </c>
      <c r="L12" s="199">
        <v>50</v>
      </c>
      <c r="M12" s="194">
        <v>0</v>
      </c>
      <c r="N12" s="195">
        <v>0</v>
      </c>
      <c r="O12" s="198">
        <v>0</v>
      </c>
      <c r="P12" s="201">
        <v>4</v>
      </c>
      <c r="Q12" s="197">
        <v>5</v>
      </c>
      <c r="R12" s="197">
        <v>9</v>
      </c>
      <c r="S12" s="197">
        <v>5</v>
      </c>
      <c r="T12" s="195">
        <v>2</v>
      </c>
      <c r="U12" s="198">
        <v>25</v>
      </c>
      <c r="V12" s="202">
        <v>25</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1</v>
      </c>
      <c r="AM12" s="197">
        <v>0</v>
      </c>
      <c r="AN12" s="195">
        <v>0</v>
      </c>
      <c r="AO12" s="198">
        <v>1</v>
      </c>
      <c r="AP12" s="200">
        <v>1</v>
      </c>
      <c r="AQ12" s="37"/>
    </row>
    <row r="13" spans="2:43" ht="20.25" customHeight="1" x14ac:dyDescent="0.2">
      <c r="B13" s="62" t="s">
        <v>10</v>
      </c>
      <c r="C13" s="194">
        <v>0</v>
      </c>
      <c r="D13" s="195">
        <v>0</v>
      </c>
      <c r="E13" s="195">
        <v>0</v>
      </c>
      <c r="F13" s="196">
        <v>1</v>
      </c>
      <c r="G13" s="197">
        <v>0</v>
      </c>
      <c r="H13" s="197">
        <v>20</v>
      </c>
      <c r="I13" s="197">
        <v>34</v>
      </c>
      <c r="J13" s="195">
        <v>19</v>
      </c>
      <c r="K13" s="198">
        <v>74</v>
      </c>
      <c r="L13" s="199">
        <v>74</v>
      </c>
      <c r="M13" s="194">
        <v>0</v>
      </c>
      <c r="N13" s="195">
        <v>0</v>
      </c>
      <c r="O13" s="198">
        <v>0</v>
      </c>
      <c r="P13" s="201">
        <v>6</v>
      </c>
      <c r="Q13" s="197">
        <v>5</v>
      </c>
      <c r="R13" s="197">
        <v>11</v>
      </c>
      <c r="S13" s="197">
        <v>15</v>
      </c>
      <c r="T13" s="195">
        <v>4</v>
      </c>
      <c r="U13" s="198">
        <v>41</v>
      </c>
      <c r="V13" s="202">
        <v>41</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1</v>
      </c>
      <c r="AN13" s="195">
        <v>0</v>
      </c>
      <c r="AO13" s="198">
        <v>1</v>
      </c>
      <c r="AP13" s="200">
        <v>1</v>
      </c>
      <c r="AQ13" s="37"/>
    </row>
    <row r="14" spans="2:43" ht="20.25" customHeight="1" x14ac:dyDescent="0.2">
      <c r="B14" s="62" t="s">
        <v>11</v>
      </c>
      <c r="C14" s="194">
        <v>0</v>
      </c>
      <c r="D14" s="195">
        <v>0</v>
      </c>
      <c r="E14" s="195">
        <v>0</v>
      </c>
      <c r="F14" s="196">
        <v>0</v>
      </c>
      <c r="G14" s="197">
        <v>0</v>
      </c>
      <c r="H14" s="197">
        <v>6</v>
      </c>
      <c r="I14" s="197">
        <v>11</v>
      </c>
      <c r="J14" s="195">
        <v>8</v>
      </c>
      <c r="K14" s="198">
        <v>25</v>
      </c>
      <c r="L14" s="199">
        <v>25</v>
      </c>
      <c r="M14" s="194">
        <v>0</v>
      </c>
      <c r="N14" s="195">
        <v>0</v>
      </c>
      <c r="O14" s="198">
        <v>0</v>
      </c>
      <c r="P14" s="201">
        <v>1</v>
      </c>
      <c r="Q14" s="197">
        <v>5</v>
      </c>
      <c r="R14" s="197">
        <v>6</v>
      </c>
      <c r="S14" s="197">
        <v>7</v>
      </c>
      <c r="T14" s="195">
        <v>4</v>
      </c>
      <c r="U14" s="198">
        <v>23</v>
      </c>
      <c r="V14" s="202">
        <v>23</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1</v>
      </c>
      <c r="AL14" s="197">
        <v>0</v>
      </c>
      <c r="AM14" s="197">
        <v>1</v>
      </c>
      <c r="AN14" s="195">
        <v>0</v>
      </c>
      <c r="AO14" s="198">
        <v>2</v>
      </c>
      <c r="AP14" s="200">
        <v>2</v>
      </c>
      <c r="AQ14" s="37"/>
    </row>
    <row r="15" spans="2:43" ht="20.25" customHeight="1" x14ac:dyDescent="0.2">
      <c r="B15" s="62" t="s">
        <v>12</v>
      </c>
      <c r="C15" s="194">
        <v>0</v>
      </c>
      <c r="D15" s="195">
        <v>0</v>
      </c>
      <c r="E15" s="195">
        <v>0</v>
      </c>
      <c r="F15" s="196">
        <v>0</v>
      </c>
      <c r="G15" s="197">
        <v>0</v>
      </c>
      <c r="H15" s="197">
        <v>8</v>
      </c>
      <c r="I15" s="197">
        <v>14</v>
      </c>
      <c r="J15" s="195">
        <v>4</v>
      </c>
      <c r="K15" s="198">
        <v>26</v>
      </c>
      <c r="L15" s="199">
        <v>26</v>
      </c>
      <c r="M15" s="194">
        <v>0</v>
      </c>
      <c r="N15" s="195">
        <v>0</v>
      </c>
      <c r="O15" s="198">
        <v>0</v>
      </c>
      <c r="P15" s="201">
        <v>3</v>
      </c>
      <c r="Q15" s="197">
        <v>3</v>
      </c>
      <c r="R15" s="197">
        <v>6</v>
      </c>
      <c r="S15" s="197">
        <v>10</v>
      </c>
      <c r="T15" s="195">
        <v>3</v>
      </c>
      <c r="U15" s="198">
        <v>25</v>
      </c>
      <c r="V15" s="202">
        <v>25</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0.25" customHeight="1" x14ac:dyDescent="0.2">
      <c r="B16" s="62" t="s">
        <v>13</v>
      </c>
      <c r="C16" s="194">
        <v>0</v>
      </c>
      <c r="D16" s="195">
        <v>0</v>
      </c>
      <c r="E16" s="195">
        <v>0</v>
      </c>
      <c r="F16" s="196">
        <v>1</v>
      </c>
      <c r="G16" s="197">
        <v>0</v>
      </c>
      <c r="H16" s="197">
        <v>2</v>
      </c>
      <c r="I16" s="197">
        <v>8</v>
      </c>
      <c r="J16" s="195">
        <v>6</v>
      </c>
      <c r="K16" s="198">
        <v>17</v>
      </c>
      <c r="L16" s="199">
        <v>17</v>
      </c>
      <c r="M16" s="194">
        <v>0</v>
      </c>
      <c r="N16" s="195">
        <v>0</v>
      </c>
      <c r="O16" s="198">
        <v>0</v>
      </c>
      <c r="P16" s="201">
        <v>1</v>
      </c>
      <c r="Q16" s="197">
        <v>3</v>
      </c>
      <c r="R16" s="197">
        <v>2</v>
      </c>
      <c r="S16" s="197">
        <v>3</v>
      </c>
      <c r="T16" s="195">
        <v>1</v>
      </c>
      <c r="U16" s="198">
        <v>10</v>
      </c>
      <c r="V16" s="202">
        <v>10</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0.25" customHeight="1" x14ac:dyDescent="0.2">
      <c r="B17" s="62" t="s">
        <v>15</v>
      </c>
      <c r="C17" s="194">
        <v>0</v>
      </c>
      <c r="D17" s="195">
        <v>0</v>
      </c>
      <c r="E17" s="195">
        <v>0</v>
      </c>
      <c r="F17" s="196">
        <v>0</v>
      </c>
      <c r="G17" s="197">
        <v>0</v>
      </c>
      <c r="H17" s="197">
        <v>3</v>
      </c>
      <c r="I17" s="197">
        <v>3</v>
      </c>
      <c r="J17" s="195">
        <v>0</v>
      </c>
      <c r="K17" s="198">
        <v>6</v>
      </c>
      <c r="L17" s="199">
        <v>6</v>
      </c>
      <c r="M17" s="194">
        <v>0</v>
      </c>
      <c r="N17" s="195">
        <v>0</v>
      </c>
      <c r="O17" s="198">
        <v>0</v>
      </c>
      <c r="P17" s="201">
        <v>2</v>
      </c>
      <c r="Q17" s="197">
        <v>2</v>
      </c>
      <c r="R17" s="197">
        <v>2</v>
      </c>
      <c r="S17" s="197">
        <v>3</v>
      </c>
      <c r="T17" s="195">
        <v>2</v>
      </c>
      <c r="U17" s="198">
        <v>11</v>
      </c>
      <c r="V17" s="202">
        <v>11</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0.25" customHeight="1" x14ac:dyDescent="0.2">
      <c r="B18" s="62" t="s">
        <v>16</v>
      </c>
      <c r="C18" s="194">
        <v>0</v>
      </c>
      <c r="D18" s="195">
        <v>0</v>
      </c>
      <c r="E18" s="195">
        <v>0</v>
      </c>
      <c r="F18" s="196">
        <v>0</v>
      </c>
      <c r="G18" s="197">
        <v>1</v>
      </c>
      <c r="H18" s="197">
        <v>3</v>
      </c>
      <c r="I18" s="197">
        <v>10</v>
      </c>
      <c r="J18" s="195">
        <v>8</v>
      </c>
      <c r="K18" s="198">
        <v>22</v>
      </c>
      <c r="L18" s="199">
        <v>22</v>
      </c>
      <c r="M18" s="194">
        <v>0</v>
      </c>
      <c r="N18" s="195">
        <v>0</v>
      </c>
      <c r="O18" s="198">
        <v>0</v>
      </c>
      <c r="P18" s="201">
        <v>1</v>
      </c>
      <c r="Q18" s="197">
        <v>3</v>
      </c>
      <c r="R18" s="197">
        <v>5</v>
      </c>
      <c r="S18" s="197">
        <v>3</v>
      </c>
      <c r="T18" s="195">
        <v>3</v>
      </c>
      <c r="U18" s="198">
        <v>15</v>
      </c>
      <c r="V18" s="202">
        <v>15</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1</v>
      </c>
      <c r="AO18" s="198">
        <v>1</v>
      </c>
      <c r="AP18" s="200">
        <v>1</v>
      </c>
      <c r="AQ18" s="37"/>
    </row>
    <row r="19" spans="2:43" ht="20.25" customHeight="1" x14ac:dyDescent="0.2">
      <c r="B19" s="62" t="s">
        <v>17</v>
      </c>
      <c r="C19" s="194">
        <v>0</v>
      </c>
      <c r="D19" s="195">
        <v>0</v>
      </c>
      <c r="E19" s="195">
        <v>0</v>
      </c>
      <c r="F19" s="196">
        <v>0</v>
      </c>
      <c r="G19" s="197">
        <v>2</v>
      </c>
      <c r="H19" s="197">
        <v>8</v>
      </c>
      <c r="I19" s="197">
        <v>18</v>
      </c>
      <c r="J19" s="195">
        <v>4</v>
      </c>
      <c r="K19" s="198">
        <v>32</v>
      </c>
      <c r="L19" s="199">
        <v>32</v>
      </c>
      <c r="M19" s="194">
        <v>0</v>
      </c>
      <c r="N19" s="195">
        <v>0</v>
      </c>
      <c r="O19" s="198">
        <v>0</v>
      </c>
      <c r="P19" s="201">
        <v>2</v>
      </c>
      <c r="Q19" s="197">
        <v>4</v>
      </c>
      <c r="R19" s="197">
        <v>7</v>
      </c>
      <c r="S19" s="197">
        <v>7</v>
      </c>
      <c r="T19" s="195">
        <v>5</v>
      </c>
      <c r="U19" s="198">
        <v>25</v>
      </c>
      <c r="V19" s="202">
        <v>25</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0.25" customHeight="1" x14ac:dyDescent="0.2">
      <c r="B20" s="62" t="s">
        <v>18</v>
      </c>
      <c r="C20" s="194">
        <v>0</v>
      </c>
      <c r="D20" s="195">
        <v>0</v>
      </c>
      <c r="E20" s="195">
        <v>0</v>
      </c>
      <c r="F20" s="196">
        <v>0</v>
      </c>
      <c r="G20" s="197">
        <v>0</v>
      </c>
      <c r="H20" s="197">
        <v>9</v>
      </c>
      <c r="I20" s="197">
        <v>19</v>
      </c>
      <c r="J20" s="195">
        <v>7</v>
      </c>
      <c r="K20" s="198">
        <v>35</v>
      </c>
      <c r="L20" s="199">
        <v>35</v>
      </c>
      <c r="M20" s="194">
        <v>0</v>
      </c>
      <c r="N20" s="195">
        <v>0</v>
      </c>
      <c r="O20" s="198">
        <v>0</v>
      </c>
      <c r="P20" s="201">
        <v>1</v>
      </c>
      <c r="Q20" s="197">
        <v>2</v>
      </c>
      <c r="R20" s="197">
        <v>2</v>
      </c>
      <c r="S20" s="197">
        <v>6</v>
      </c>
      <c r="T20" s="195">
        <v>2</v>
      </c>
      <c r="U20" s="198">
        <v>13</v>
      </c>
      <c r="V20" s="202">
        <v>13</v>
      </c>
      <c r="W20" s="201">
        <v>0</v>
      </c>
      <c r="X20" s="195">
        <v>0</v>
      </c>
      <c r="Y20" s="195">
        <v>0</v>
      </c>
      <c r="Z20" s="196">
        <v>0</v>
      </c>
      <c r="AA20" s="197">
        <v>0</v>
      </c>
      <c r="AB20" s="197">
        <v>0</v>
      </c>
      <c r="AC20" s="197">
        <v>1</v>
      </c>
      <c r="AD20" s="195">
        <v>0</v>
      </c>
      <c r="AE20" s="198">
        <v>1</v>
      </c>
      <c r="AF20" s="199">
        <v>1</v>
      </c>
      <c r="AG20" s="194">
        <v>0</v>
      </c>
      <c r="AH20" s="195">
        <v>0</v>
      </c>
      <c r="AI20" s="195">
        <v>0</v>
      </c>
      <c r="AJ20" s="196">
        <v>0</v>
      </c>
      <c r="AK20" s="197">
        <v>0</v>
      </c>
      <c r="AL20" s="197">
        <v>0</v>
      </c>
      <c r="AM20" s="197">
        <v>0</v>
      </c>
      <c r="AN20" s="195">
        <v>1</v>
      </c>
      <c r="AO20" s="198">
        <v>1</v>
      </c>
      <c r="AP20" s="200">
        <v>1</v>
      </c>
      <c r="AQ20" s="37"/>
    </row>
    <row r="21" spans="2:43" ht="20.25" customHeight="1" x14ac:dyDescent="0.2">
      <c r="B21" s="62" t="s">
        <v>19</v>
      </c>
      <c r="C21" s="194">
        <v>0</v>
      </c>
      <c r="D21" s="195">
        <v>0</v>
      </c>
      <c r="E21" s="195">
        <v>0</v>
      </c>
      <c r="F21" s="196">
        <v>0</v>
      </c>
      <c r="G21" s="197">
        <v>0</v>
      </c>
      <c r="H21" s="197">
        <v>4</v>
      </c>
      <c r="I21" s="197">
        <v>4</v>
      </c>
      <c r="J21" s="195">
        <v>3</v>
      </c>
      <c r="K21" s="198">
        <v>11</v>
      </c>
      <c r="L21" s="199">
        <v>11</v>
      </c>
      <c r="M21" s="194">
        <v>0</v>
      </c>
      <c r="N21" s="195">
        <v>0</v>
      </c>
      <c r="O21" s="198">
        <v>0</v>
      </c>
      <c r="P21" s="201">
        <v>3</v>
      </c>
      <c r="Q21" s="197">
        <v>1</v>
      </c>
      <c r="R21" s="197">
        <v>3</v>
      </c>
      <c r="S21" s="197">
        <v>3</v>
      </c>
      <c r="T21" s="195">
        <v>2</v>
      </c>
      <c r="U21" s="198">
        <v>12</v>
      </c>
      <c r="V21" s="202">
        <v>12</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0.25" customHeight="1" x14ac:dyDescent="0.2">
      <c r="B22" s="62" t="s">
        <v>20</v>
      </c>
      <c r="C22" s="194">
        <v>0</v>
      </c>
      <c r="D22" s="195">
        <v>0</v>
      </c>
      <c r="E22" s="195">
        <v>0</v>
      </c>
      <c r="F22" s="196">
        <v>0</v>
      </c>
      <c r="G22" s="197">
        <v>0</v>
      </c>
      <c r="H22" s="197">
        <v>5</v>
      </c>
      <c r="I22" s="197">
        <v>7</v>
      </c>
      <c r="J22" s="195">
        <v>4</v>
      </c>
      <c r="K22" s="198">
        <v>16</v>
      </c>
      <c r="L22" s="199">
        <v>16</v>
      </c>
      <c r="M22" s="194">
        <v>0</v>
      </c>
      <c r="N22" s="195">
        <v>0</v>
      </c>
      <c r="O22" s="198">
        <v>0</v>
      </c>
      <c r="P22" s="201">
        <v>2</v>
      </c>
      <c r="Q22" s="197">
        <v>2</v>
      </c>
      <c r="R22" s="197">
        <v>5</v>
      </c>
      <c r="S22" s="197">
        <v>1</v>
      </c>
      <c r="T22" s="195">
        <v>0</v>
      </c>
      <c r="U22" s="198">
        <v>10</v>
      </c>
      <c r="V22" s="202">
        <v>10</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2</v>
      </c>
      <c r="AO22" s="198">
        <v>2</v>
      </c>
      <c r="AP22" s="200">
        <v>2</v>
      </c>
      <c r="AQ22" s="37"/>
    </row>
    <row r="23" spans="2:43" ht="20.25" customHeight="1" x14ac:dyDescent="0.2">
      <c r="B23" s="62" t="s">
        <v>21</v>
      </c>
      <c r="C23" s="194">
        <v>0</v>
      </c>
      <c r="D23" s="195">
        <v>0</v>
      </c>
      <c r="E23" s="195">
        <v>0</v>
      </c>
      <c r="F23" s="196">
        <v>0</v>
      </c>
      <c r="G23" s="197">
        <v>0</v>
      </c>
      <c r="H23" s="197">
        <v>9</v>
      </c>
      <c r="I23" s="197">
        <v>8</v>
      </c>
      <c r="J23" s="195">
        <v>9</v>
      </c>
      <c r="K23" s="198">
        <v>26</v>
      </c>
      <c r="L23" s="199">
        <v>26</v>
      </c>
      <c r="M23" s="194">
        <v>0</v>
      </c>
      <c r="N23" s="195">
        <v>0</v>
      </c>
      <c r="O23" s="198">
        <v>0</v>
      </c>
      <c r="P23" s="201">
        <v>0</v>
      </c>
      <c r="Q23" s="197">
        <v>1</v>
      </c>
      <c r="R23" s="197">
        <v>1</v>
      </c>
      <c r="S23" s="197">
        <v>3</v>
      </c>
      <c r="T23" s="195">
        <v>1</v>
      </c>
      <c r="U23" s="198">
        <v>6</v>
      </c>
      <c r="V23" s="202">
        <v>6</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2</v>
      </c>
      <c r="AN23" s="195">
        <v>0</v>
      </c>
      <c r="AO23" s="198">
        <v>2</v>
      </c>
      <c r="AP23" s="200">
        <v>2</v>
      </c>
      <c r="AQ23" s="37"/>
    </row>
    <row r="24" spans="2:43" ht="20.25" customHeight="1" x14ac:dyDescent="0.2">
      <c r="B24" s="62" t="s">
        <v>22</v>
      </c>
      <c r="C24" s="194">
        <v>0</v>
      </c>
      <c r="D24" s="195">
        <v>0</v>
      </c>
      <c r="E24" s="195">
        <v>0</v>
      </c>
      <c r="F24" s="196">
        <v>0</v>
      </c>
      <c r="G24" s="197">
        <v>0</v>
      </c>
      <c r="H24" s="197">
        <v>3</v>
      </c>
      <c r="I24" s="197">
        <v>2</v>
      </c>
      <c r="J24" s="195">
        <v>0</v>
      </c>
      <c r="K24" s="198">
        <v>5</v>
      </c>
      <c r="L24" s="199">
        <v>5</v>
      </c>
      <c r="M24" s="194">
        <v>0</v>
      </c>
      <c r="N24" s="195">
        <v>0</v>
      </c>
      <c r="O24" s="198">
        <v>0</v>
      </c>
      <c r="P24" s="201">
        <v>0</v>
      </c>
      <c r="Q24" s="197">
        <v>0</v>
      </c>
      <c r="R24" s="197">
        <v>1</v>
      </c>
      <c r="S24" s="197">
        <v>2</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0.25" customHeight="1" x14ac:dyDescent="0.2">
      <c r="B25" s="62" t="s">
        <v>23</v>
      </c>
      <c r="C25" s="194">
        <v>0</v>
      </c>
      <c r="D25" s="195">
        <v>0</v>
      </c>
      <c r="E25" s="195">
        <v>0</v>
      </c>
      <c r="F25" s="196">
        <v>1</v>
      </c>
      <c r="G25" s="197">
        <v>0</v>
      </c>
      <c r="H25" s="197">
        <v>3</v>
      </c>
      <c r="I25" s="197">
        <v>3</v>
      </c>
      <c r="J25" s="195">
        <v>0</v>
      </c>
      <c r="K25" s="198">
        <v>7</v>
      </c>
      <c r="L25" s="199">
        <v>7</v>
      </c>
      <c r="M25" s="194">
        <v>0</v>
      </c>
      <c r="N25" s="195">
        <v>0</v>
      </c>
      <c r="O25" s="198">
        <v>0</v>
      </c>
      <c r="P25" s="201">
        <v>0</v>
      </c>
      <c r="Q25" s="197">
        <v>0</v>
      </c>
      <c r="R25" s="197">
        <v>1</v>
      </c>
      <c r="S25" s="197">
        <v>2</v>
      </c>
      <c r="T25" s="195">
        <v>1</v>
      </c>
      <c r="U25" s="198">
        <v>4</v>
      </c>
      <c r="V25" s="202">
        <v>4</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0.25" customHeight="1" x14ac:dyDescent="0.2">
      <c r="B26" s="62" t="s">
        <v>24</v>
      </c>
      <c r="C26" s="194">
        <v>0</v>
      </c>
      <c r="D26" s="195">
        <v>0</v>
      </c>
      <c r="E26" s="195">
        <v>0</v>
      </c>
      <c r="F26" s="196">
        <v>0</v>
      </c>
      <c r="G26" s="197">
        <v>0</v>
      </c>
      <c r="H26" s="197">
        <v>0</v>
      </c>
      <c r="I26" s="197">
        <v>6</v>
      </c>
      <c r="J26" s="195">
        <v>3</v>
      </c>
      <c r="K26" s="198">
        <v>9</v>
      </c>
      <c r="L26" s="199">
        <v>9</v>
      </c>
      <c r="M26" s="194">
        <v>0</v>
      </c>
      <c r="N26" s="195">
        <v>0</v>
      </c>
      <c r="O26" s="198">
        <v>0</v>
      </c>
      <c r="P26" s="201">
        <v>0</v>
      </c>
      <c r="Q26" s="197">
        <v>0</v>
      </c>
      <c r="R26" s="197">
        <v>5</v>
      </c>
      <c r="S26" s="197">
        <v>3</v>
      </c>
      <c r="T26" s="195">
        <v>0</v>
      </c>
      <c r="U26" s="198">
        <v>8</v>
      </c>
      <c r="V26" s="202">
        <v>8</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0.25" customHeight="1" x14ac:dyDescent="0.2">
      <c r="B27" s="62" t="s">
        <v>25</v>
      </c>
      <c r="C27" s="194">
        <v>0</v>
      </c>
      <c r="D27" s="195">
        <v>0</v>
      </c>
      <c r="E27" s="195">
        <v>0</v>
      </c>
      <c r="F27" s="196">
        <v>0</v>
      </c>
      <c r="G27" s="197">
        <v>1</v>
      </c>
      <c r="H27" s="197">
        <v>6</v>
      </c>
      <c r="I27" s="197">
        <v>2</v>
      </c>
      <c r="J27" s="195">
        <v>1</v>
      </c>
      <c r="K27" s="198">
        <v>10</v>
      </c>
      <c r="L27" s="199">
        <v>10</v>
      </c>
      <c r="M27" s="194">
        <v>0</v>
      </c>
      <c r="N27" s="195">
        <v>0</v>
      </c>
      <c r="O27" s="198">
        <v>0</v>
      </c>
      <c r="P27" s="201">
        <v>0</v>
      </c>
      <c r="Q27" s="197">
        <v>0</v>
      </c>
      <c r="R27" s="197">
        <v>1</v>
      </c>
      <c r="S27" s="197">
        <v>1</v>
      </c>
      <c r="T27" s="195">
        <v>1</v>
      </c>
      <c r="U27" s="198">
        <v>3</v>
      </c>
      <c r="V27" s="202">
        <v>3</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0.25" customHeight="1" x14ac:dyDescent="0.2">
      <c r="B28" s="62" t="s">
        <v>26</v>
      </c>
      <c r="C28" s="194">
        <v>0</v>
      </c>
      <c r="D28" s="195">
        <v>0</v>
      </c>
      <c r="E28" s="195">
        <v>0</v>
      </c>
      <c r="F28" s="196">
        <v>0</v>
      </c>
      <c r="G28" s="197">
        <v>0</v>
      </c>
      <c r="H28" s="197">
        <v>0</v>
      </c>
      <c r="I28" s="197">
        <v>4</v>
      </c>
      <c r="J28" s="195">
        <v>0</v>
      </c>
      <c r="K28" s="198">
        <v>4</v>
      </c>
      <c r="L28" s="199">
        <v>4</v>
      </c>
      <c r="M28" s="194">
        <v>0</v>
      </c>
      <c r="N28" s="195">
        <v>0</v>
      </c>
      <c r="O28" s="198">
        <v>0</v>
      </c>
      <c r="P28" s="201">
        <v>0</v>
      </c>
      <c r="Q28" s="197">
        <v>0</v>
      </c>
      <c r="R28" s="197">
        <v>1</v>
      </c>
      <c r="S28" s="197">
        <v>2</v>
      </c>
      <c r="T28" s="195">
        <v>2</v>
      </c>
      <c r="U28" s="198">
        <v>5</v>
      </c>
      <c r="V28" s="202">
        <v>5</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0.25" customHeight="1" x14ac:dyDescent="0.2">
      <c r="B29" s="62" t="s">
        <v>27</v>
      </c>
      <c r="C29" s="194">
        <v>0</v>
      </c>
      <c r="D29" s="195">
        <v>0</v>
      </c>
      <c r="E29" s="195">
        <v>0</v>
      </c>
      <c r="F29" s="196">
        <v>0</v>
      </c>
      <c r="G29" s="197">
        <v>1</v>
      </c>
      <c r="H29" s="197">
        <v>0</v>
      </c>
      <c r="I29" s="197">
        <v>1</v>
      </c>
      <c r="J29" s="195">
        <v>2</v>
      </c>
      <c r="K29" s="198">
        <v>4</v>
      </c>
      <c r="L29" s="199">
        <v>4</v>
      </c>
      <c r="M29" s="194">
        <v>0</v>
      </c>
      <c r="N29" s="195">
        <v>0</v>
      </c>
      <c r="O29" s="198">
        <v>0</v>
      </c>
      <c r="P29" s="201">
        <v>0</v>
      </c>
      <c r="Q29" s="197">
        <v>1</v>
      </c>
      <c r="R29" s="197">
        <v>4</v>
      </c>
      <c r="S29" s="197">
        <v>2</v>
      </c>
      <c r="T29" s="195">
        <v>0</v>
      </c>
      <c r="U29" s="198">
        <v>7</v>
      </c>
      <c r="V29" s="202">
        <v>7</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0.25"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0</v>
      </c>
      <c r="S30" s="197">
        <v>1</v>
      </c>
      <c r="T30" s="195">
        <v>0</v>
      </c>
      <c r="U30" s="198">
        <v>2</v>
      </c>
      <c r="V30" s="202">
        <v>2</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0.25" customHeight="1" x14ac:dyDescent="0.2">
      <c r="B31" s="62" t="s">
        <v>29</v>
      </c>
      <c r="C31" s="194">
        <v>0</v>
      </c>
      <c r="D31" s="195">
        <v>0</v>
      </c>
      <c r="E31" s="195">
        <v>0</v>
      </c>
      <c r="F31" s="196">
        <v>0</v>
      </c>
      <c r="G31" s="197">
        <v>0</v>
      </c>
      <c r="H31" s="197">
        <v>1</v>
      </c>
      <c r="I31" s="197">
        <v>0</v>
      </c>
      <c r="J31" s="195">
        <v>2</v>
      </c>
      <c r="K31" s="198">
        <v>3</v>
      </c>
      <c r="L31" s="199">
        <v>3</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0.25" customHeight="1" x14ac:dyDescent="0.2">
      <c r="B32" s="62" t="s">
        <v>30</v>
      </c>
      <c r="C32" s="194">
        <v>0</v>
      </c>
      <c r="D32" s="195">
        <v>0</v>
      </c>
      <c r="E32" s="195">
        <v>0</v>
      </c>
      <c r="F32" s="196">
        <v>0</v>
      </c>
      <c r="G32" s="197">
        <v>0</v>
      </c>
      <c r="H32" s="197">
        <v>0</v>
      </c>
      <c r="I32" s="197">
        <v>4</v>
      </c>
      <c r="J32" s="195">
        <v>0</v>
      </c>
      <c r="K32" s="198">
        <v>4</v>
      </c>
      <c r="L32" s="199">
        <v>4</v>
      </c>
      <c r="M32" s="194">
        <v>0</v>
      </c>
      <c r="N32" s="195">
        <v>0</v>
      </c>
      <c r="O32" s="198">
        <v>0</v>
      </c>
      <c r="P32" s="201">
        <v>1</v>
      </c>
      <c r="Q32" s="197">
        <v>0</v>
      </c>
      <c r="R32" s="197">
        <v>1</v>
      </c>
      <c r="S32" s="197">
        <v>2</v>
      </c>
      <c r="T32" s="195">
        <v>1</v>
      </c>
      <c r="U32" s="198">
        <v>5</v>
      </c>
      <c r="V32" s="202">
        <v>5</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0.25" customHeight="1" x14ac:dyDescent="0.2">
      <c r="B33" s="62" t="s">
        <v>31</v>
      </c>
      <c r="C33" s="194">
        <v>0</v>
      </c>
      <c r="D33" s="195">
        <v>0</v>
      </c>
      <c r="E33" s="195">
        <v>0</v>
      </c>
      <c r="F33" s="196">
        <v>0</v>
      </c>
      <c r="G33" s="197">
        <v>0</v>
      </c>
      <c r="H33" s="197">
        <v>2</v>
      </c>
      <c r="I33" s="197">
        <v>1</v>
      </c>
      <c r="J33" s="195">
        <v>0</v>
      </c>
      <c r="K33" s="198">
        <v>3</v>
      </c>
      <c r="L33" s="199">
        <v>3</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0.25" customHeight="1" x14ac:dyDescent="0.2">
      <c r="B34" s="62" t="s">
        <v>32</v>
      </c>
      <c r="C34" s="194">
        <v>0</v>
      </c>
      <c r="D34" s="195">
        <v>0</v>
      </c>
      <c r="E34" s="195">
        <v>0</v>
      </c>
      <c r="F34" s="196">
        <v>0</v>
      </c>
      <c r="G34" s="197">
        <v>0</v>
      </c>
      <c r="H34" s="197">
        <v>0</v>
      </c>
      <c r="I34" s="197">
        <v>2</v>
      </c>
      <c r="J34" s="195">
        <v>1</v>
      </c>
      <c r="K34" s="198">
        <v>3</v>
      </c>
      <c r="L34" s="199">
        <v>3</v>
      </c>
      <c r="M34" s="194">
        <v>0</v>
      </c>
      <c r="N34" s="195">
        <v>0</v>
      </c>
      <c r="O34" s="198">
        <v>0</v>
      </c>
      <c r="P34" s="201">
        <v>1</v>
      </c>
      <c r="Q34" s="197">
        <v>0</v>
      </c>
      <c r="R34" s="197">
        <v>1</v>
      </c>
      <c r="S34" s="197">
        <v>0</v>
      </c>
      <c r="T34" s="195">
        <v>1</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0.25"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1</v>
      </c>
      <c r="AM35" s="197">
        <v>1</v>
      </c>
      <c r="AN35" s="195">
        <v>1</v>
      </c>
      <c r="AO35" s="198">
        <v>3</v>
      </c>
      <c r="AP35" s="200">
        <v>3</v>
      </c>
      <c r="AQ35" s="37"/>
    </row>
    <row r="36" spans="2:43" ht="20.25"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1</v>
      </c>
      <c r="R36" s="197">
        <v>0</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0.25" customHeight="1" x14ac:dyDescent="0.2">
      <c r="B37" s="62" t="s">
        <v>35</v>
      </c>
      <c r="C37" s="194">
        <v>0</v>
      </c>
      <c r="D37" s="195">
        <v>0</v>
      </c>
      <c r="E37" s="195">
        <v>0</v>
      </c>
      <c r="F37" s="196">
        <v>0</v>
      </c>
      <c r="G37" s="197">
        <v>0</v>
      </c>
      <c r="H37" s="197">
        <v>0</v>
      </c>
      <c r="I37" s="197">
        <v>4</v>
      </c>
      <c r="J37" s="195">
        <v>0</v>
      </c>
      <c r="K37" s="198">
        <v>4</v>
      </c>
      <c r="L37" s="199">
        <v>4</v>
      </c>
      <c r="M37" s="194">
        <v>0</v>
      </c>
      <c r="N37" s="195">
        <v>0</v>
      </c>
      <c r="O37" s="198">
        <v>0</v>
      </c>
      <c r="P37" s="201">
        <v>1</v>
      </c>
      <c r="Q37" s="197">
        <v>0</v>
      </c>
      <c r="R37" s="197">
        <v>0</v>
      </c>
      <c r="S37" s="197">
        <v>0</v>
      </c>
      <c r="T37" s="195">
        <v>1</v>
      </c>
      <c r="U37" s="198">
        <v>2</v>
      </c>
      <c r="V37" s="202">
        <v>2</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0.25" customHeight="1" x14ac:dyDescent="0.2">
      <c r="B38" s="62" t="s">
        <v>36</v>
      </c>
      <c r="C38" s="194">
        <v>0</v>
      </c>
      <c r="D38" s="195">
        <v>0</v>
      </c>
      <c r="E38" s="195">
        <v>0</v>
      </c>
      <c r="F38" s="196">
        <v>0</v>
      </c>
      <c r="G38" s="197">
        <v>0</v>
      </c>
      <c r="H38" s="197">
        <v>0</v>
      </c>
      <c r="I38" s="197">
        <v>4</v>
      </c>
      <c r="J38" s="195">
        <v>4</v>
      </c>
      <c r="K38" s="198">
        <v>8</v>
      </c>
      <c r="L38" s="199">
        <v>8</v>
      </c>
      <c r="M38" s="194">
        <v>0</v>
      </c>
      <c r="N38" s="195">
        <v>0</v>
      </c>
      <c r="O38" s="198">
        <v>0</v>
      </c>
      <c r="P38" s="201">
        <v>0</v>
      </c>
      <c r="Q38" s="197">
        <v>1</v>
      </c>
      <c r="R38" s="197">
        <v>3</v>
      </c>
      <c r="S38" s="197">
        <v>0</v>
      </c>
      <c r="T38" s="195">
        <v>0</v>
      </c>
      <c r="U38" s="198">
        <v>4</v>
      </c>
      <c r="V38" s="202">
        <v>4</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0.25" customHeight="1" thickBot="1" x14ac:dyDescent="0.25">
      <c r="B39" s="63" t="s">
        <v>37</v>
      </c>
      <c r="C39" s="203">
        <v>0</v>
      </c>
      <c r="D39" s="204">
        <v>0</v>
      </c>
      <c r="E39" s="204">
        <v>0</v>
      </c>
      <c r="F39" s="205">
        <v>0</v>
      </c>
      <c r="G39" s="206">
        <v>0</v>
      </c>
      <c r="H39" s="206">
        <v>1</v>
      </c>
      <c r="I39" s="206">
        <v>0</v>
      </c>
      <c r="J39" s="204">
        <v>1</v>
      </c>
      <c r="K39" s="207">
        <v>2</v>
      </c>
      <c r="L39" s="208">
        <v>2</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G1:H1"/>
    <mergeCell ref="B3:B4"/>
    <mergeCell ref="C3:L3"/>
    <mergeCell ref="M3:V3"/>
    <mergeCell ref="C4:E4"/>
    <mergeCell ref="F4:K4"/>
    <mergeCell ref="L4:L5"/>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E1" s="368">
        <f>第１表!F2</f>
        <v>4</v>
      </c>
      <c r="F1" s="251">
        <f>第１表!G2</f>
        <v>8</v>
      </c>
      <c r="G1" s="555">
        <f>IF(F1&lt;3,F1-2+12,F1-2)</f>
        <v>6</v>
      </c>
      <c r="H1" s="555"/>
    </row>
    <row r="2" spans="2:43" ht="24" customHeight="1" thickBot="1" x14ac:dyDescent="0.25">
      <c r="B2" s="20" t="s">
        <v>159</v>
      </c>
      <c r="F2" s="20" t="s">
        <v>140</v>
      </c>
    </row>
    <row r="3" spans="2:43" ht="24.75" customHeight="1" x14ac:dyDescent="0.2">
      <c r="B3" s="601"/>
      <c r="C3" s="591" t="s">
        <v>57</v>
      </c>
      <c r="D3" s="592"/>
      <c r="E3" s="592"/>
      <c r="F3" s="592"/>
      <c r="G3" s="592"/>
      <c r="H3" s="592"/>
      <c r="I3" s="592"/>
      <c r="J3" s="592"/>
      <c r="K3" s="592"/>
      <c r="L3" s="592"/>
      <c r="M3" s="591" t="s">
        <v>58</v>
      </c>
      <c r="N3" s="604"/>
      <c r="O3" s="604"/>
      <c r="P3" s="604"/>
      <c r="Q3" s="604"/>
      <c r="R3" s="604"/>
      <c r="S3" s="604"/>
      <c r="T3" s="604"/>
      <c r="U3" s="604"/>
      <c r="V3" s="604"/>
      <c r="W3" s="591" t="s">
        <v>59</v>
      </c>
      <c r="X3" s="592"/>
      <c r="Y3" s="592"/>
      <c r="Z3" s="592"/>
      <c r="AA3" s="592"/>
      <c r="AB3" s="592"/>
      <c r="AC3" s="592"/>
      <c r="AD3" s="592"/>
      <c r="AE3" s="592"/>
      <c r="AF3" s="592"/>
      <c r="AG3" s="600" t="s">
        <v>151</v>
      </c>
      <c r="AH3" s="592"/>
      <c r="AI3" s="592"/>
      <c r="AJ3" s="592"/>
      <c r="AK3" s="592"/>
      <c r="AL3" s="592"/>
      <c r="AM3" s="592"/>
      <c r="AN3" s="592"/>
      <c r="AO3" s="592"/>
      <c r="AP3" s="593"/>
    </row>
    <row r="4" spans="2:43" ht="24.75" customHeight="1" x14ac:dyDescent="0.2">
      <c r="B4" s="603"/>
      <c r="C4" s="573" t="s">
        <v>61</v>
      </c>
      <c r="D4" s="574"/>
      <c r="E4" s="575"/>
      <c r="F4" s="576" t="s">
        <v>62</v>
      </c>
      <c r="G4" s="577"/>
      <c r="H4" s="577"/>
      <c r="I4" s="577"/>
      <c r="J4" s="577"/>
      <c r="K4" s="578"/>
      <c r="L4" s="588" t="s">
        <v>52</v>
      </c>
      <c r="M4" s="573" t="s">
        <v>61</v>
      </c>
      <c r="N4" s="574"/>
      <c r="O4" s="575"/>
      <c r="P4" s="576" t="s">
        <v>62</v>
      </c>
      <c r="Q4" s="577"/>
      <c r="R4" s="577"/>
      <c r="S4" s="577"/>
      <c r="T4" s="577"/>
      <c r="U4" s="578"/>
      <c r="V4" s="579" t="s">
        <v>52</v>
      </c>
      <c r="W4" s="573" t="s">
        <v>61</v>
      </c>
      <c r="X4" s="574"/>
      <c r="Y4" s="575"/>
      <c r="Z4" s="576" t="s">
        <v>62</v>
      </c>
      <c r="AA4" s="577"/>
      <c r="AB4" s="577"/>
      <c r="AC4" s="577"/>
      <c r="AD4" s="577"/>
      <c r="AE4" s="578"/>
      <c r="AF4" s="588" t="s">
        <v>52</v>
      </c>
      <c r="AG4" s="573" t="s">
        <v>61</v>
      </c>
      <c r="AH4" s="574"/>
      <c r="AI4" s="575"/>
      <c r="AJ4" s="576" t="s">
        <v>62</v>
      </c>
      <c r="AK4" s="577"/>
      <c r="AL4" s="577"/>
      <c r="AM4" s="577"/>
      <c r="AN4" s="577"/>
      <c r="AO4" s="578"/>
      <c r="AP4" s="579" t="s">
        <v>52</v>
      </c>
    </row>
    <row r="5" spans="2:43" ht="24.75" customHeight="1" thickBot="1" x14ac:dyDescent="0.25">
      <c r="B5" s="365" t="s">
        <v>42</v>
      </c>
      <c r="C5" s="31" t="s">
        <v>43</v>
      </c>
      <c r="D5" s="32" t="s">
        <v>44</v>
      </c>
      <c r="E5" s="32" t="s">
        <v>45</v>
      </c>
      <c r="F5" s="33" t="s">
        <v>47</v>
      </c>
      <c r="G5" s="34" t="s">
        <v>48</v>
      </c>
      <c r="H5" s="34" t="s">
        <v>49</v>
      </c>
      <c r="I5" s="35" t="s">
        <v>50</v>
      </c>
      <c r="J5" s="32" t="s">
        <v>51</v>
      </c>
      <c r="K5" s="36" t="s">
        <v>95</v>
      </c>
      <c r="L5" s="589"/>
      <c r="M5" s="31" t="s">
        <v>43</v>
      </c>
      <c r="N5" s="32" t="s">
        <v>44</v>
      </c>
      <c r="O5" s="36" t="s">
        <v>45</v>
      </c>
      <c r="P5" s="15" t="s">
        <v>47</v>
      </c>
      <c r="Q5" s="34" t="s">
        <v>48</v>
      </c>
      <c r="R5" s="34" t="s">
        <v>49</v>
      </c>
      <c r="S5" s="35" t="s">
        <v>50</v>
      </c>
      <c r="T5" s="32" t="s">
        <v>51</v>
      </c>
      <c r="U5" s="36" t="s">
        <v>45</v>
      </c>
      <c r="V5" s="580"/>
      <c r="W5" s="31" t="s">
        <v>43</v>
      </c>
      <c r="X5" s="32" t="s">
        <v>44</v>
      </c>
      <c r="Y5" s="32" t="s">
        <v>45</v>
      </c>
      <c r="Z5" s="33" t="s">
        <v>47</v>
      </c>
      <c r="AA5" s="34" t="s">
        <v>48</v>
      </c>
      <c r="AB5" s="34" t="s">
        <v>49</v>
      </c>
      <c r="AC5" s="35" t="s">
        <v>50</v>
      </c>
      <c r="AD5" s="32" t="s">
        <v>51</v>
      </c>
      <c r="AE5" s="36" t="s">
        <v>45</v>
      </c>
      <c r="AF5" s="589"/>
      <c r="AG5" s="31" t="s">
        <v>43</v>
      </c>
      <c r="AH5" s="32" t="s">
        <v>44</v>
      </c>
      <c r="AI5" s="32" t="s">
        <v>45</v>
      </c>
      <c r="AJ5" s="33" t="s">
        <v>47</v>
      </c>
      <c r="AK5" s="34" t="s">
        <v>48</v>
      </c>
      <c r="AL5" s="34" t="s">
        <v>49</v>
      </c>
      <c r="AM5" s="35" t="s">
        <v>50</v>
      </c>
      <c r="AN5" s="32" t="s">
        <v>51</v>
      </c>
      <c r="AO5" s="36" t="s">
        <v>45</v>
      </c>
      <c r="AP5" s="580"/>
    </row>
    <row r="6" spans="2:43" ht="20.25" customHeight="1" x14ac:dyDescent="0.2">
      <c r="B6" s="364" t="s">
        <v>4</v>
      </c>
      <c r="C6" s="185">
        <v>0</v>
      </c>
      <c r="D6" s="186">
        <v>0</v>
      </c>
      <c r="E6" s="186">
        <v>0</v>
      </c>
      <c r="F6" s="187">
        <v>5</v>
      </c>
      <c r="G6" s="188">
        <v>33</v>
      </c>
      <c r="H6" s="188">
        <v>232</v>
      </c>
      <c r="I6" s="188">
        <v>435</v>
      </c>
      <c r="J6" s="186">
        <v>290</v>
      </c>
      <c r="K6" s="189">
        <v>995</v>
      </c>
      <c r="L6" s="190">
        <v>995</v>
      </c>
      <c r="M6" s="185">
        <v>0</v>
      </c>
      <c r="N6" s="186">
        <v>0</v>
      </c>
      <c r="O6" s="189">
        <v>0</v>
      </c>
      <c r="P6" s="192">
        <v>55</v>
      </c>
      <c r="Q6" s="188">
        <v>136</v>
      </c>
      <c r="R6" s="188">
        <v>224</v>
      </c>
      <c r="S6" s="188">
        <v>243</v>
      </c>
      <c r="T6" s="186">
        <v>130</v>
      </c>
      <c r="U6" s="189">
        <v>788</v>
      </c>
      <c r="V6" s="193">
        <v>788</v>
      </c>
      <c r="W6" s="192">
        <v>0</v>
      </c>
      <c r="X6" s="186">
        <v>0</v>
      </c>
      <c r="Y6" s="186">
        <v>0</v>
      </c>
      <c r="Z6" s="187">
        <v>0</v>
      </c>
      <c r="AA6" s="188">
        <v>1</v>
      </c>
      <c r="AB6" s="188">
        <v>0</v>
      </c>
      <c r="AC6" s="188">
        <v>12</v>
      </c>
      <c r="AD6" s="186">
        <v>17</v>
      </c>
      <c r="AE6" s="189">
        <v>30</v>
      </c>
      <c r="AF6" s="190">
        <v>30</v>
      </c>
      <c r="AG6" s="185">
        <v>0</v>
      </c>
      <c r="AH6" s="186">
        <v>0</v>
      </c>
      <c r="AI6" s="186">
        <v>0</v>
      </c>
      <c r="AJ6" s="187">
        <v>0</v>
      </c>
      <c r="AK6" s="188">
        <v>2</v>
      </c>
      <c r="AL6" s="188">
        <v>0</v>
      </c>
      <c r="AM6" s="188">
        <v>10</v>
      </c>
      <c r="AN6" s="186">
        <v>21</v>
      </c>
      <c r="AO6" s="189">
        <v>33</v>
      </c>
      <c r="AP6" s="191">
        <v>33</v>
      </c>
      <c r="AQ6" s="37"/>
    </row>
    <row r="7" spans="2:43" ht="20.25" customHeight="1" x14ac:dyDescent="0.2">
      <c r="B7" s="62" t="s">
        <v>5</v>
      </c>
      <c r="C7" s="194">
        <v>0</v>
      </c>
      <c r="D7" s="195">
        <v>0</v>
      </c>
      <c r="E7" s="195">
        <v>0</v>
      </c>
      <c r="F7" s="196">
        <v>3</v>
      </c>
      <c r="G7" s="197">
        <v>23</v>
      </c>
      <c r="H7" s="197">
        <v>116</v>
      </c>
      <c r="I7" s="197">
        <v>178</v>
      </c>
      <c r="J7" s="195">
        <v>142</v>
      </c>
      <c r="K7" s="198">
        <v>462</v>
      </c>
      <c r="L7" s="199">
        <v>462</v>
      </c>
      <c r="M7" s="194">
        <v>0</v>
      </c>
      <c r="N7" s="195">
        <v>0</v>
      </c>
      <c r="O7" s="198">
        <v>0</v>
      </c>
      <c r="P7" s="201">
        <v>25</v>
      </c>
      <c r="Q7" s="197">
        <v>68</v>
      </c>
      <c r="R7" s="197">
        <v>97</v>
      </c>
      <c r="S7" s="197">
        <v>121</v>
      </c>
      <c r="T7" s="195">
        <v>73</v>
      </c>
      <c r="U7" s="198">
        <v>384</v>
      </c>
      <c r="V7" s="202">
        <v>384</v>
      </c>
      <c r="W7" s="201">
        <v>0</v>
      </c>
      <c r="X7" s="195">
        <v>0</v>
      </c>
      <c r="Y7" s="195">
        <v>0</v>
      </c>
      <c r="Z7" s="196">
        <v>0</v>
      </c>
      <c r="AA7" s="197">
        <v>1</v>
      </c>
      <c r="AB7" s="197">
        <v>0</v>
      </c>
      <c r="AC7" s="197">
        <v>4</v>
      </c>
      <c r="AD7" s="195">
        <v>6</v>
      </c>
      <c r="AE7" s="198">
        <v>11</v>
      </c>
      <c r="AF7" s="199">
        <v>11</v>
      </c>
      <c r="AG7" s="194">
        <v>0</v>
      </c>
      <c r="AH7" s="195">
        <v>0</v>
      </c>
      <c r="AI7" s="195">
        <v>0</v>
      </c>
      <c r="AJ7" s="196">
        <v>0</v>
      </c>
      <c r="AK7" s="197">
        <v>1</v>
      </c>
      <c r="AL7" s="197">
        <v>0</v>
      </c>
      <c r="AM7" s="197">
        <v>3</v>
      </c>
      <c r="AN7" s="195">
        <v>10</v>
      </c>
      <c r="AO7" s="198">
        <v>14</v>
      </c>
      <c r="AP7" s="200">
        <v>14</v>
      </c>
      <c r="AQ7" s="37"/>
    </row>
    <row r="8" spans="2:43" ht="20.25" customHeight="1" x14ac:dyDescent="0.2">
      <c r="B8" s="62" t="s">
        <v>6</v>
      </c>
      <c r="C8" s="194">
        <v>0</v>
      </c>
      <c r="D8" s="195">
        <v>0</v>
      </c>
      <c r="E8" s="195">
        <v>0</v>
      </c>
      <c r="F8" s="196">
        <v>0</v>
      </c>
      <c r="G8" s="197">
        <v>3</v>
      </c>
      <c r="H8" s="197">
        <v>32</v>
      </c>
      <c r="I8" s="197">
        <v>56</v>
      </c>
      <c r="J8" s="195">
        <v>40</v>
      </c>
      <c r="K8" s="198">
        <v>131</v>
      </c>
      <c r="L8" s="199">
        <v>131</v>
      </c>
      <c r="M8" s="194">
        <v>0</v>
      </c>
      <c r="N8" s="195">
        <v>0</v>
      </c>
      <c r="O8" s="198">
        <v>0</v>
      </c>
      <c r="P8" s="201">
        <v>6</v>
      </c>
      <c r="Q8" s="197">
        <v>17</v>
      </c>
      <c r="R8" s="197">
        <v>30</v>
      </c>
      <c r="S8" s="197">
        <v>38</v>
      </c>
      <c r="T8" s="195">
        <v>18</v>
      </c>
      <c r="U8" s="198">
        <v>109</v>
      </c>
      <c r="V8" s="202">
        <v>109</v>
      </c>
      <c r="W8" s="201">
        <v>0</v>
      </c>
      <c r="X8" s="195">
        <v>0</v>
      </c>
      <c r="Y8" s="195">
        <v>0</v>
      </c>
      <c r="Z8" s="196">
        <v>0</v>
      </c>
      <c r="AA8" s="197">
        <v>0</v>
      </c>
      <c r="AB8" s="197">
        <v>0</v>
      </c>
      <c r="AC8" s="197">
        <v>8</v>
      </c>
      <c r="AD8" s="195">
        <v>9</v>
      </c>
      <c r="AE8" s="198">
        <v>17</v>
      </c>
      <c r="AF8" s="199">
        <v>17</v>
      </c>
      <c r="AG8" s="194">
        <v>0</v>
      </c>
      <c r="AH8" s="195">
        <v>0</v>
      </c>
      <c r="AI8" s="195">
        <v>0</v>
      </c>
      <c r="AJ8" s="196">
        <v>0</v>
      </c>
      <c r="AK8" s="197">
        <v>0</v>
      </c>
      <c r="AL8" s="197">
        <v>0</v>
      </c>
      <c r="AM8" s="197">
        <v>2</v>
      </c>
      <c r="AN8" s="195">
        <v>1</v>
      </c>
      <c r="AO8" s="198">
        <v>3</v>
      </c>
      <c r="AP8" s="200">
        <v>3</v>
      </c>
      <c r="AQ8" s="37"/>
    </row>
    <row r="9" spans="2:43" ht="20.25" customHeight="1" x14ac:dyDescent="0.2">
      <c r="B9" s="62" t="s">
        <v>14</v>
      </c>
      <c r="C9" s="194">
        <v>0</v>
      </c>
      <c r="D9" s="195">
        <v>0</v>
      </c>
      <c r="E9" s="195">
        <v>0</v>
      </c>
      <c r="F9" s="196">
        <v>0</v>
      </c>
      <c r="G9" s="197">
        <v>0</v>
      </c>
      <c r="H9" s="197">
        <v>15</v>
      </c>
      <c r="I9" s="197">
        <v>38</v>
      </c>
      <c r="J9" s="195">
        <v>20</v>
      </c>
      <c r="K9" s="198">
        <v>73</v>
      </c>
      <c r="L9" s="199">
        <v>73</v>
      </c>
      <c r="M9" s="194">
        <v>0</v>
      </c>
      <c r="N9" s="195">
        <v>0</v>
      </c>
      <c r="O9" s="198">
        <v>0</v>
      </c>
      <c r="P9" s="201">
        <v>2</v>
      </c>
      <c r="Q9" s="197">
        <v>11</v>
      </c>
      <c r="R9" s="197">
        <v>10</v>
      </c>
      <c r="S9" s="197">
        <v>16</v>
      </c>
      <c r="T9" s="195">
        <v>3</v>
      </c>
      <c r="U9" s="198">
        <v>42</v>
      </c>
      <c r="V9" s="202">
        <v>42</v>
      </c>
      <c r="W9" s="201">
        <v>0</v>
      </c>
      <c r="X9" s="195">
        <v>0</v>
      </c>
      <c r="Y9" s="195">
        <v>0</v>
      </c>
      <c r="Z9" s="196">
        <v>0</v>
      </c>
      <c r="AA9" s="197">
        <v>0</v>
      </c>
      <c r="AB9" s="197">
        <v>0</v>
      </c>
      <c r="AC9" s="197">
        <v>0</v>
      </c>
      <c r="AD9" s="195">
        <v>1</v>
      </c>
      <c r="AE9" s="198">
        <v>1</v>
      </c>
      <c r="AF9" s="199">
        <v>1</v>
      </c>
      <c r="AG9" s="194">
        <v>0</v>
      </c>
      <c r="AH9" s="195">
        <v>0</v>
      </c>
      <c r="AI9" s="195">
        <v>0</v>
      </c>
      <c r="AJ9" s="196">
        <v>0</v>
      </c>
      <c r="AK9" s="197">
        <v>0</v>
      </c>
      <c r="AL9" s="197">
        <v>0</v>
      </c>
      <c r="AM9" s="197">
        <v>1</v>
      </c>
      <c r="AN9" s="195">
        <v>2</v>
      </c>
      <c r="AO9" s="198">
        <v>3</v>
      </c>
      <c r="AP9" s="200">
        <v>3</v>
      </c>
      <c r="AQ9" s="37"/>
    </row>
    <row r="10" spans="2:43" ht="20.25" customHeight="1" x14ac:dyDescent="0.2">
      <c r="B10" s="62" t="s">
        <v>7</v>
      </c>
      <c r="C10" s="194">
        <v>0</v>
      </c>
      <c r="D10" s="195">
        <v>0</v>
      </c>
      <c r="E10" s="195">
        <v>0</v>
      </c>
      <c r="F10" s="196">
        <v>0</v>
      </c>
      <c r="G10" s="197">
        <v>1</v>
      </c>
      <c r="H10" s="197">
        <v>2</v>
      </c>
      <c r="I10" s="197">
        <v>21</v>
      </c>
      <c r="J10" s="195">
        <v>9</v>
      </c>
      <c r="K10" s="198">
        <v>33</v>
      </c>
      <c r="L10" s="199">
        <v>33</v>
      </c>
      <c r="M10" s="194">
        <v>0</v>
      </c>
      <c r="N10" s="195">
        <v>0</v>
      </c>
      <c r="O10" s="198">
        <v>0</v>
      </c>
      <c r="P10" s="201">
        <v>1</v>
      </c>
      <c r="Q10" s="197">
        <v>7</v>
      </c>
      <c r="R10" s="197">
        <v>8</v>
      </c>
      <c r="S10" s="197">
        <v>3</v>
      </c>
      <c r="T10" s="195">
        <v>2</v>
      </c>
      <c r="U10" s="198">
        <v>21</v>
      </c>
      <c r="V10" s="202">
        <v>21</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0.25" customHeight="1" x14ac:dyDescent="0.2">
      <c r="B11" s="62" t="s">
        <v>8</v>
      </c>
      <c r="C11" s="194">
        <v>0</v>
      </c>
      <c r="D11" s="195">
        <v>0</v>
      </c>
      <c r="E11" s="195">
        <v>0</v>
      </c>
      <c r="F11" s="196">
        <v>1</v>
      </c>
      <c r="G11" s="197">
        <v>2</v>
      </c>
      <c r="H11" s="197">
        <v>1</v>
      </c>
      <c r="I11" s="197">
        <v>10</v>
      </c>
      <c r="J11" s="195">
        <v>6</v>
      </c>
      <c r="K11" s="198">
        <v>20</v>
      </c>
      <c r="L11" s="199">
        <v>20</v>
      </c>
      <c r="M11" s="194">
        <v>0</v>
      </c>
      <c r="N11" s="195">
        <v>0</v>
      </c>
      <c r="O11" s="198">
        <v>0</v>
      </c>
      <c r="P11" s="201">
        <v>0</v>
      </c>
      <c r="Q11" s="197">
        <v>2</v>
      </c>
      <c r="R11" s="197">
        <v>4</v>
      </c>
      <c r="S11" s="197">
        <v>7</v>
      </c>
      <c r="T11" s="195">
        <v>1</v>
      </c>
      <c r="U11" s="198">
        <v>14</v>
      </c>
      <c r="V11" s="202">
        <v>14</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1</v>
      </c>
      <c r="AN11" s="195">
        <v>0</v>
      </c>
      <c r="AO11" s="198">
        <v>1</v>
      </c>
      <c r="AP11" s="200">
        <v>1</v>
      </c>
      <c r="AQ11" s="37"/>
    </row>
    <row r="12" spans="2:43" ht="20.25" customHeight="1" x14ac:dyDescent="0.2">
      <c r="B12" s="62" t="s">
        <v>9</v>
      </c>
      <c r="C12" s="194">
        <v>0</v>
      </c>
      <c r="D12" s="195">
        <v>0</v>
      </c>
      <c r="E12" s="195">
        <v>0</v>
      </c>
      <c r="F12" s="196">
        <v>0</v>
      </c>
      <c r="G12" s="197">
        <v>0</v>
      </c>
      <c r="H12" s="197">
        <v>7</v>
      </c>
      <c r="I12" s="197">
        <v>20</v>
      </c>
      <c r="J12" s="195">
        <v>15</v>
      </c>
      <c r="K12" s="198">
        <v>42</v>
      </c>
      <c r="L12" s="199">
        <v>42</v>
      </c>
      <c r="M12" s="194">
        <v>0</v>
      </c>
      <c r="N12" s="195">
        <v>0</v>
      </c>
      <c r="O12" s="198">
        <v>0</v>
      </c>
      <c r="P12" s="201">
        <v>3</v>
      </c>
      <c r="Q12" s="197">
        <v>2</v>
      </c>
      <c r="R12" s="197">
        <v>9</v>
      </c>
      <c r="S12" s="197">
        <v>8</v>
      </c>
      <c r="T12" s="195">
        <v>6</v>
      </c>
      <c r="U12" s="198">
        <v>28</v>
      </c>
      <c r="V12" s="202">
        <v>28</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0</v>
      </c>
      <c r="AO12" s="198">
        <v>0</v>
      </c>
      <c r="AP12" s="200">
        <v>0</v>
      </c>
      <c r="AQ12" s="37"/>
    </row>
    <row r="13" spans="2:43" ht="20.25" customHeight="1" x14ac:dyDescent="0.2">
      <c r="B13" s="62" t="s">
        <v>10</v>
      </c>
      <c r="C13" s="194">
        <v>0</v>
      </c>
      <c r="D13" s="195">
        <v>0</v>
      </c>
      <c r="E13" s="195">
        <v>0</v>
      </c>
      <c r="F13" s="196">
        <v>0</v>
      </c>
      <c r="G13" s="197">
        <v>2</v>
      </c>
      <c r="H13" s="197">
        <v>13</v>
      </c>
      <c r="I13" s="197">
        <v>18</v>
      </c>
      <c r="J13" s="195">
        <v>17</v>
      </c>
      <c r="K13" s="198">
        <v>50</v>
      </c>
      <c r="L13" s="199">
        <v>50</v>
      </c>
      <c r="M13" s="194">
        <v>0</v>
      </c>
      <c r="N13" s="195">
        <v>0</v>
      </c>
      <c r="O13" s="198">
        <v>0</v>
      </c>
      <c r="P13" s="201">
        <v>1</v>
      </c>
      <c r="Q13" s="197">
        <v>5</v>
      </c>
      <c r="R13" s="197">
        <v>10</v>
      </c>
      <c r="S13" s="197">
        <v>6</v>
      </c>
      <c r="T13" s="195">
        <v>3</v>
      </c>
      <c r="U13" s="198">
        <v>25</v>
      </c>
      <c r="V13" s="202">
        <v>25</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0.25" customHeight="1" x14ac:dyDescent="0.2">
      <c r="B14" s="62" t="s">
        <v>11</v>
      </c>
      <c r="C14" s="194">
        <v>0</v>
      </c>
      <c r="D14" s="195">
        <v>0</v>
      </c>
      <c r="E14" s="195">
        <v>0</v>
      </c>
      <c r="F14" s="196">
        <v>0</v>
      </c>
      <c r="G14" s="197">
        <v>0</v>
      </c>
      <c r="H14" s="197">
        <v>0</v>
      </c>
      <c r="I14" s="197">
        <v>11</v>
      </c>
      <c r="J14" s="195">
        <v>6</v>
      </c>
      <c r="K14" s="198">
        <v>17</v>
      </c>
      <c r="L14" s="199">
        <v>17</v>
      </c>
      <c r="M14" s="194">
        <v>0</v>
      </c>
      <c r="N14" s="195">
        <v>0</v>
      </c>
      <c r="O14" s="198">
        <v>0</v>
      </c>
      <c r="P14" s="201">
        <v>4</v>
      </c>
      <c r="Q14" s="197">
        <v>1</v>
      </c>
      <c r="R14" s="197">
        <v>3</v>
      </c>
      <c r="S14" s="197">
        <v>5</v>
      </c>
      <c r="T14" s="195">
        <v>2</v>
      </c>
      <c r="U14" s="198">
        <v>15</v>
      </c>
      <c r="V14" s="202">
        <v>15</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0.25" customHeight="1" x14ac:dyDescent="0.2">
      <c r="B15" s="62" t="s">
        <v>12</v>
      </c>
      <c r="C15" s="194">
        <v>0</v>
      </c>
      <c r="D15" s="195">
        <v>0</v>
      </c>
      <c r="E15" s="195">
        <v>0</v>
      </c>
      <c r="F15" s="196">
        <v>0</v>
      </c>
      <c r="G15" s="197">
        <v>0</v>
      </c>
      <c r="H15" s="197">
        <v>5</v>
      </c>
      <c r="I15" s="197">
        <v>13</v>
      </c>
      <c r="J15" s="195">
        <v>5</v>
      </c>
      <c r="K15" s="198">
        <v>23</v>
      </c>
      <c r="L15" s="199">
        <v>23</v>
      </c>
      <c r="M15" s="194">
        <v>0</v>
      </c>
      <c r="N15" s="195">
        <v>0</v>
      </c>
      <c r="O15" s="198">
        <v>0</v>
      </c>
      <c r="P15" s="201">
        <v>0</v>
      </c>
      <c r="Q15" s="197">
        <v>4</v>
      </c>
      <c r="R15" s="197">
        <v>7</v>
      </c>
      <c r="S15" s="197">
        <v>11</v>
      </c>
      <c r="T15" s="195">
        <v>2</v>
      </c>
      <c r="U15" s="198">
        <v>24</v>
      </c>
      <c r="V15" s="202">
        <v>24</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0.25" customHeight="1" x14ac:dyDescent="0.2">
      <c r="B16" s="62" t="s">
        <v>13</v>
      </c>
      <c r="C16" s="194">
        <v>0</v>
      </c>
      <c r="D16" s="195">
        <v>0</v>
      </c>
      <c r="E16" s="195">
        <v>0</v>
      </c>
      <c r="F16" s="196">
        <v>0</v>
      </c>
      <c r="G16" s="197">
        <v>0</v>
      </c>
      <c r="H16" s="197">
        <v>4</v>
      </c>
      <c r="I16" s="197">
        <v>5</v>
      </c>
      <c r="J16" s="195">
        <v>3</v>
      </c>
      <c r="K16" s="198">
        <v>12</v>
      </c>
      <c r="L16" s="199">
        <v>12</v>
      </c>
      <c r="M16" s="194">
        <v>0</v>
      </c>
      <c r="N16" s="195">
        <v>0</v>
      </c>
      <c r="O16" s="198">
        <v>0</v>
      </c>
      <c r="P16" s="201">
        <v>0</v>
      </c>
      <c r="Q16" s="197">
        <v>0</v>
      </c>
      <c r="R16" s="197">
        <v>2</v>
      </c>
      <c r="S16" s="197">
        <v>2</v>
      </c>
      <c r="T16" s="195">
        <v>2</v>
      </c>
      <c r="U16" s="198">
        <v>6</v>
      </c>
      <c r="V16" s="202">
        <v>6</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0.25" customHeight="1" x14ac:dyDescent="0.2">
      <c r="B17" s="62" t="s">
        <v>15</v>
      </c>
      <c r="C17" s="194">
        <v>0</v>
      </c>
      <c r="D17" s="195">
        <v>0</v>
      </c>
      <c r="E17" s="195">
        <v>0</v>
      </c>
      <c r="F17" s="196">
        <v>0</v>
      </c>
      <c r="G17" s="197">
        <v>0</v>
      </c>
      <c r="H17" s="197">
        <v>0</v>
      </c>
      <c r="I17" s="197">
        <v>1</v>
      </c>
      <c r="J17" s="195">
        <v>1</v>
      </c>
      <c r="K17" s="198">
        <v>2</v>
      </c>
      <c r="L17" s="199">
        <v>2</v>
      </c>
      <c r="M17" s="194">
        <v>0</v>
      </c>
      <c r="N17" s="195">
        <v>0</v>
      </c>
      <c r="O17" s="198">
        <v>0</v>
      </c>
      <c r="P17" s="201">
        <v>1</v>
      </c>
      <c r="Q17" s="197">
        <v>0</v>
      </c>
      <c r="R17" s="197">
        <v>1</v>
      </c>
      <c r="S17" s="197">
        <v>2</v>
      </c>
      <c r="T17" s="195">
        <v>0</v>
      </c>
      <c r="U17" s="198">
        <v>4</v>
      </c>
      <c r="V17" s="202">
        <v>4</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0.25" customHeight="1" x14ac:dyDescent="0.2">
      <c r="B18" s="62" t="s">
        <v>16</v>
      </c>
      <c r="C18" s="194">
        <v>0</v>
      </c>
      <c r="D18" s="195">
        <v>0</v>
      </c>
      <c r="E18" s="195">
        <v>0</v>
      </c>
      <c r="F18" s="196">
        <v>0</v>
      </c>
      <c r="G18" s="197">
        <v>0</v>
      </c>
      <c r="H18" s="197">
        <v>6</v>
      </c>
      <c r="I18" s="197">
        <v>7</v>
      </c>
      <c r="J18" s="195">
        <v>1</v>
      </c>
      <c r="K18" s="198">
        <v>14</v>
      </c>
      <c r="L18" s="199">
        <v>14</v>
      </c>
      <c r="M18" s="194">
        <v>0</v>
      </c>
      <c r="N18" s="195">
        <v>0</v>
      </c>
      <c r="O18" s="198">
        <v>0</v>
      </c>
      <c r="P18" s="201">
        <v>1</v>
      </c>
      <c r="Q18" s="197">
        <v>3</v>
      </c>
      <c r="R18" s="197">
        <v>3</v>
      </c>
      <c r="S18" s="197">
        <v>5</v>
      </c>
      <c r="T18" s="195">
        <v>3</v>
      </c>
      <c r="U18" s="198">
        <v>15</v>
      </c>
      <c r="V18" s="202">
        <v>15</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2</v>
      </c>
      <c r="AN18" s="195">
        <v>0</v>
      </c>
      <c r="AO18" s="198">
        <v>2</v>
      </c>
      <c r="AP18" s="200">
        <v>2</v>
      </c>
      <c r="AQ18" s="37"/>
    </row>
    <row r="19" spans="2:43" ht="20.25" customHeight="1" x14ac:dyDescent="0.2">
      <c r="B19" s="62" t="s">
        <v>17</v>
      </c>
      <c r="C19" s="194">
        <v>0</v>
      </c>
      <c r="D19" s="195">
        <v>0</v>
      </c>
      <c r="E19" s="195">
        <v>0</v>
      </c>
      <c r="F19" s="196">
        <v>1</v>
      </c>
      <c r="G19" s="197">
        <v>1</v>
      </c>
      <c r="H19" s="197">
        <v>8</v>
      </c>
      <c r="I19" s="197">
        <v>4</v>
      </c>
      <c r="J19" s="195">
        <v>6</v>
      </c>
      <c r="K19" s="198">
        <v>20</v>
      </c>
      <c r="L19" s="199">
        <v>20</v>
      </c>
      <c r="M19" s="194">
        <v>0</v>
      </c>
      <c r="N19" s="195">
        <v>0</v>
      </c>
      <c r="O19" s="198">
        <v>0</v>
      </c>
      <c r="P19" s="201">
        <v>1</v>
      </c>
      <c r="Q19" s="197">
        <v>5</v>
      </c>
      <c r="R19" s="197">
        <v>12</v>
      </c>
      <c r="S19" s="197">
        <v>5</v>
      </c>
      <c r="T19" s="195">
        <v>4</v>
      </c>
      <c r="U19" s="198">
        <v>27</v>
      </c>
      <c r="V19" s="202">
        <v>27</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0</v>
      </c>
      <c r="AO19" s="198">
        <v>0</v>
      </c>
      <c r="AP19" s="200">
        <v>0</v>
      </c>
      <c r="AQ19" s="37"/>
    </row>
    <row r="20" spans="2:43" ht="20.25" customHeight="1" x14ac:dyDescent="0.2">
      <c r="B20" s="62" t="s">
        <v>18</v>
      </c>
      <c r="C20" s="194">
        <v>0</v>
      </c>
      <c r="D20" s="195">
        <v>0</v>
      </c>
      <c r="E20" s="195">
        <v>0</v>
      </c>
      <c r="F20" s="196">
        <v>0</v>
      </c>
      <c r="G20" s="197">
        <v>0</v>
      </c>
      <c r="H20" s="197">
        <v>6</v>
      </c>
      <c r="I20" s="197">
        <v>18</v>
      </c>
      <c r="J20" s="195">
        <v>3</v>
      </c>
      <c r="K20" s="198">
        <v>27</v>
      </c>
      <c r="L20" s="199">
        <v>27</v>
      </c>
      <c r="M20" s="194">
        <v>0</v>
      </c>
      <c r="N20" s="195">
        <v>0</v>
      </c>
      <c r="O20" s="198">
        <v>0</v>
      </c>
      <c r="P20" s="201">
        <v>4</v>
      </c>
      <c r="Q20" s="197">
        <v>2</v>
      </c>
      <c r="R20" s="197">
        <v>5</v>
      </c>
      <c r="S20" s="197">
        <v>2</v>
      </c>
      <c r="T20" s="195">
        <v>3</v>
      </c>
      <c r="U20" s="198">
        <v>16</v>
      </c>
      <c r="V20" s="202">
        <v>16</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0.25" customHeight="1" x14ac:dyDescent="0.2">
      <c r="B21" s="62" t="s">
        <v>19</v>
      </c>
      <c r="C21" s="194">
        <v>0</v>
      </c>
      <c r="D21" s="195">
        <v>0</v>
      </c>
      <c r="E21" s="195">
        <v>0</v>
      </c>
      <c r="F21" s="196">
        <v>0</v>
      </c>
      <c r="G21" s="197">
        <v>0</v>
      </c>
      <c r="H21" s="197">
        <v>2</v>
      </c>
      <c r="I21" s="197">
        <v>6</v>
      </c>
      <c r="J21" s="195">
        <v>2</v>
      </c>
      <c r="K21" s="198">
        <v>10</v>
      </c>
      <c r="L21" s="199">
        <v>10</v>
      </c>
      <c r="M21" s="194">
        <v>0</v>
      </c>
      <c r="N21" s="195">
        <v>0</v>
      </c>
      <c r="O21" s="198">
        <v>0</v>
      </c>
      <c r="P21" s="201">
        <v>0</v>
      </c>
      <c r="Q21" s="197">
        <v>2</v>
      </c>
      <c r="R21" s="197">
        <v>4</v>
      </c>
      <c r="S21" s="197">
        <v>0</v>
      </c>
      <c r="T21" s="195">
        <v>2</v>
      </c>
      <c r="U21" s="198">
        <v>8</v>
      </c>
      <c r="V21" s="202">
        <v>8</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0.25" customHeight="1" x14ac:dyDescent="0.2">
      <c r="B22" s="62" t="s">
        <v>20</v>
      </c>
      <c r="C22" s="194">
        <v>0</v>
      </c>
      <c r="D22" s="195">
        <v>0</v>
      </c>
      <c r="E22" s="195">
        <v>0</v>
      </c>
      <c r="F22" s="196">
        <v>0</v>
      </c>
      <c r="G22" s="197">
        <v>1</v>
      </c>
      <c r="H22" s="197">
        <v>4</v>
      </c>
      <c r="I22" s="197">
        <v>9</v>
      </c>
      <c r="J22" s="195">
        <v>3</v>
      </c>
      <c r="K22" s="198">
        <v>17</v>
      </c>
      <c r="L22" s="199">
        <v>17</v>
      </c>
      <c r="M22" s="194">
        <v>0</v>
      </c>
      <c r="N22" s="195">
        <v>0</v>
      </c>
      <c r="O22" s="198">
        <v>0</v>
      </c>
      <c r="P22" s="201">
        <v>1</v>
      </c>
      <c r="Q22" s="197">
        <v>1</v>
      </c>
      <c r="R22" s="197">
        <v>4</v>
      </c>
      <c r="S22" s="197">
        <v>2</v>
      </c>
      <c r="T22" s="195">
        <v>0</v>
      </c>
      <c r="U22" s="198">
        <v>8</v>
      </c>
      <c r="V22" s="202">
        <v>8</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1</v>
      </c>
      <c r="AO22" s="198">
        <v>1</v>
      </c>
      <c r="AP22" s="200">
        <v>1</v>
      </c>
      <c r="AQ22" s="37"/>
    </row>
    <row r="23" spans="2:43" ht="20.25" customHeight="1" x14ac:dyDescent="0.2">
      <c r="B23" s="62" t="s">
        <v>21</v>
      </c>
      <c r="C23" s="194">
        <v>0</v>
      </c>
      <c r="D23" s="195">
        <v>0</v>
      </c>
      <c r="E23" s="195">
        <v>0</v>
      </c>
      <c r="F23" s="196">
        <v>0</v>
      </c>
      <c r="G23" s="197">
        <v>0</v>
      </c>
      <c r="H23" s="197">
        <v>2</v>
      </c>
      <c r="I23" s="197">
        <v>5</v>
      </c>
      <c r="J23" s="195">
        <v>3</v>
      </c>
      <c r="K23" s="198">
        <v>10</v>
      </c>
      <c r="L23" s="199">
        <v>10</v>
      </c>
      <c r="M23" s="194">
        <v>0</v>
      </c>
      <c r="N23" s="195">
        <v>0</v>
      </c>
      <c r="O23" s="198">
        <v>0</v>
      </c>
      <c r="P23" s="201">
        <v>0</v>
      </c>
      <c r="Q23" s="197">
        <v>3</v>
      </c>
      <c r="R23" s="197">
        <v>2</v>
      </c>
      <c r="S23" s="197">
        <v>2</v>
      </c>
      <c r="T23" s="195">
        <v>1</v>
      </c>
      <c r="U23" s="198">
        <v>8</v>
      </c>
      <c r="V23" s="202">
        <v>8</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1</v>
      </c>
      <c r="AO23" s="198">
        <v>1</v>
      </c>
      <c r="AP23" s="200">
        <v>1</v>
      </c>
      <c r="AQ23" s="37"/>
    </row>
    <row r="24" spans="2:43" ht="20.25" customHeight="1" x14ac:dyDescent="0.2">
      <c r="B24" s="62" t="s">
        <v>22</v>
      </c>
      <c r="C24" s="194">
        <v>0</v>
      </c>
      <c r="D24" s="195">
        <v>0</v>
      </c>
      <c r="E24" s="195">
        <v>0</v>
      </c>
      <c r="F24" s="196">
        <v>0</v>
      </c>
      <c r="G24" s="197">
        <v>0</v>
      </c>
      <c r="H24" s="197">
        <v>0</v>
      </c>
      <c r="I24" s="197">
        <v>0</v>
      </c>
      <c r="J24" s="195">
        <v>0</v>
      </c>
      <c r="K24" s="198">
        <v>0</v>
      </c>
      <c r="L24" s="199">
        <v>0</v>
      </c>
      <c r="M24" s="194">
        <v>0</v>
      </c>
      <c r="N24" s="195">
        <v>0</v>
      </c>
      <c r="O24" s="198">
        <v>0</v>
      </c>
      <c r="P24" s="201">
        <v>1</v>
      </c>
      <c r="Q24" s="197">
        <v>0</v>
      </c>
      <c r="R24" s="197">
        <v>3</v>
      </c>
      <c r="S24" s="197">
        <v>1</v>
      </c>
      <c r="T24" s="195">
        <v>0</v>
      </c>
      <c r="U24" s="198">
        <v>5</v>
      </c>
      <c r="V24" s="202">
        <v>5</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0.25" customHeight="1" x14ac:dyDescent="0.2">
      <c r="B25" s="62" t="s">
        <v>23</v>
      </c>
      <c r="C25" s="194">
        <v>0</v>
      </c>
      <c r="D25" s="195">
        <v>0</v>
      </c>
      <c r="E25" s="195">
        <v>0</v>
      </c>
      <c r="F25" s="196">
        <v>0</v>
      </c>
      <c r="G25" s="197">
        <v>0</v>
      </c>
      <c r="H25" s="197">
        <v>2</v>
      </c>
      <c r="I25" s="197">
        <v>4</v>
      </c>
      <c r="J25" s="195">
        <v>1</v>
      </c>
      <c r="K25" s="198">
        <v>7</v>
      </c>
      <c r="L25" s="199">
        <v>7</v>
      </c>
      <c r="M25" s="194">
        <v>0</v>
      </c>
      <c r="N25" s="195">
        <v>0</v>
      </c>
      <c r="O25" s="198">
        <v>0</v>
      </c>
      <c r="P25" s="201">
        <v>0</v>
      </c>
      <c r="Q25" s="197">
        <v>1</v>
      </c>
      <c r="R25" s="197">
        <v>2</v>
      </c>
      <c r="S25" s="197">
        <v>0</v>
      </c>
      <c r="T25" s="195">
        <v>2</v>
      </c>
      <c r="U25" s="198">
        <v>5</v>
      </c>
      <c r="V25" s="202">
        <v>5</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1</v>
      </c>
      <c r="AO25" s="198">
        <v>1</v>
      </c>
      <c r="AP25" s="200">
        <v>1</v>
      </c>
      <c r="AQ25" s="37"/>
    </row>
    <row r="26" spans="2:43" ht="20.25" customHeight="1" x14ac:dyDescent="0.2">
      <c r="B26" s="62" t="s">
        <v>24</v>
      </c>
      <c r="C26" s="194">
        <v>0</v>
      </c>
      <c r="D26" s="195">
        <v>0</v>
      </c>
      <c r="E26" s="195">
        <v>0</v>
      </c>
      <c r="F26" s="196">
        <v>0</v>
      </c>
      <c r="G26" s="197">
        <v>0</v>
      </c>
      <c r="H26" s="197">
        <v>1</v>
      </c>
      <c r="I26" s="197">
        <v>2</v>
      </c>
      <c r="J26" s="195">
        <v>0</v>
      </c>
      <c r="K26" s="198">
        <v>3</v>
      </c>
      <c r="L26" s="199">
        <v>3</v>
      </c>
      <c r="M26" s="194">
        <v>0</v>
      </c>
      <c r="N26" s="195">
        <v>0</v>
      </c>
      <c r="O26" s="198">
        <v>0</v>
      </c>
      <c r="P26" s="201">
        <v>1</v>
      </c>
      <c r="Q26" s="197">
        <v>1</v>
      </c>
      <c r="R26" s="197">
        <v>0</v>
      </c>
      <c r="S26" s="197">
        <v>1</v>
      </c>
      <c r="T26" s="195">
        <v>0</v>
      </c>
      <c r="U26" s="198">
        <v>3</v>
      </c>
      <c r="V26" s="202">
        <v>3</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0.25" customHeight="1" x14ac:dyDescent="0.2">
      <c r="B27" s="62" t="s">
        <v>25</v>
      </c>
      <c r="C27" s="194">
        <v>0</v>
      </c>
      <c r="D27" s="195">
        <v>0</v>
      </c>
      <c r="E27" s="195">
        <v>0</v>
      </c>
      <c r="F27" s="196">
        <v>0</v>
      </c>
      <c r="G27" s="197">
        <v>0</v>
      </c>
      <c r="H27" s="197">
        <v>1</v>
      </c>
      <c r="I27" s="197">
        <v>1</v>
      </c>
      <c r="J27" s="195">
        <v>1</v>
      </c>
      <c r="K27" s="198">
        <v>3</v>
      </c>
      <c r="L27" s="199">
        <v>3</v>
      </c>
      <c r="M27" s="194">
        <v>0</v>
      </c>
      <c r="N27" s="195">
        <v>0</v>
      </c>
      <c r="O27" s="198">
        <v>0</v>
      </c>
      <c r="P27" s="201">
        <v>0</v>
      </c>
      <c r="Q27" s="197">
        <v>0</v>
      </c>
      <c r="R27" s="197">
        <v>0</v>
      </c>
      <c r="S27" s="197">
        <v>1</v>
      </c>
      <c r="T27" s="195">
        <v>0</v>
      </c>
      <c r="U27" s="198">
        <v>1</v>
      </c>
      <c r="V27" s="202">
        <v>1</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0.25" customHeight="1" x14ac:dyDescent="0.2">
      <c r="B28" s="62" t="s">
        <v>26</v>
      </c>
      <c r="C28" s="194">
        <v>0</v>
      </c>
      <c r="D28" s="195">
        <v>0</v>
      </c>
      <c r="E28" s="195">
        <v>0</v>
      </c>
      <c r="F28" s="196">
        <v>0</v>
      </c>
      <c r="G28" s="197">
        <v>0</v>
      </c>
      <c r="H28" s="197">
        <v>0</v>
      </c>
      <c r="I28" s="197">
        <v>0</v>
      </c>
      <c r="J28" s="195">
        <v>1</v>
      </c>
      <c r="K28" s="198">
        <v>1</v>
      </c>
      <c r="L28" s="199">
        <v>1</v>
      </c>
      <c r="M28" s="194">
        <v>0</v>
      </c>
      <c r="N28" s="195">
        <v>0</v>
      </c>
      <c r="O28" s="198">
        <v>0</v>
      </c>
      <c r="P28" s="201">
        <v>1</v>
      </c>
      <c r="Q28" s="197">
        <v>0</v>
      </c>
      <c r="R28" s="197">
        <v>1</v>
      </c>
      <c r="S28" s="197">
        <v>0</v>
      </c>
      <c r="T28" s="195">
        <v>0</v>
      </c>
      <c r="U28" s="198">
        <v>2</v>
      </c>
      <c r="V28" s="202">
        <v>2</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0.25" customHeight="1" x14ac:dyDescent="0.2">
      <c r="B29" s="62" t="s">
        <v>27</v>
      </c>
      <c r="C29" s="194">
        <v>0</v>
      </c>
      <c r="D29" s="195">
        <v>0</v>
      </c>
      <c r="E29" s="195">
        <v>0</v>
      </c>
      <c r="F29" s="196">
        <v>0</v>
      </c>
      <c r="G29" s="197">
        <v>0</v>
      </c>
      <c r="H29" s="197">
        <v>1</v>
      </c>
      <c r="I29" s="197">
        <v>2</v>
      </c>
      <c r="J29" s="195">
        <v>1</v>
      </c>
      <c r="K29" s="198">
        <v>4</v>
      </c>
      <c r="L29" s="199">
        <v>4</v>
      </c>
      <c r="M29" s="194">
        <v>0</v>
      </c>
      <c r="N29" s="195">
        <v>0</v>
      </c>
      <c r="O29" s="198">
        <v>0</v>
      </c>
      <c r="P29" s="201">
        <v>0</v>
      </c>
      <c r="Q29" s="197">
        <v>0</v>
      </c>
      <c r="R29" s="197">
        <v>2</v>
      </c>
      <c r="S29" s="197">
        <v>1</v>
      </c>
      <c r="T29" s="195">
        <v>0</v>
      </c>
      <c r="U29" s="198">
        <v>3</v>
      </c>
      <c r="V29" s="202">
        <v>3</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0.25"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0</v>
      </c>
      <c r="R30" s="197">
        <v>1</v>
      </c>
      <c r="S30" s="197">
        <v>1</v>
      </c>
      <c r="T30" s="195">
        <v>1</v>
      </c>
      <c r="U30" s="198">
        <v>3</v>
      </c>
      <c r="V30" s="202">
        <v>3</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0.25" customHeight="1" x14ac:dyDescent="0.2">
      <c r="B31" s="62" t="s">
        <v>29</v>
      </c>
      <c r="C31" s="194">
        <v>0</v>
      </c>
      <c r="D31" s="195">
        <v>0</v>
      </c>
      <c r="E31" s="195">
        <v>0</v>
      </c>
      <c r="F31" s="196">
        <v>0</v>
      </c>
      <c r="G31" s="197">
        <v>0</v>
      </c>
      <c r="H31" s="197">
        <v>1</v>
      </c>
      <c r="I31" s="197">
        <v>0</v>
      </c>
      <c r="J31" s="195">
        <v>1</v>
      </c>
      <c r="K31" s="198">
        <v>2</v>
      </c>
      <c r="L31" s="199">
        <v>2</v>
      </c>
      <c r="M31" s="194">
        <v>0</v>
      </c>
      <c r="N31" s="195">
        <v>0</v>
      </c>
      <c r="O31" s="198">
        <v>0</v>
      </c>
      <c r="P31" s="201">
        <v>0</v>
      </c>
      <c r="Q31" s="197">
        <v>0</v>
      </c>
      <c r="R31" s="197">
        <v>2</v>
      </c>
      <c r="S31" s="197">
        <v>1</v>
      </c>
      <c r="T31" s="195">
        <v>0</v>
      </c>
      <c r="U31" s="198">
        <v>3</v>
      </c>
      <c r="V31" s="202">
        <v>3</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0.25" customHeight="1" x14ac:dyDescent="0.2">
      <c r="B32" s="62" t="s">
        <v>30</v>
      </c>
      <c r="C32" s="194">
        <v>0</v>
      </c>
      <c r="D32" s="195">
        <v>0</v>
      </c>
      <c r="E32" s="195">
        <v>0</v>
      </c>
      <c r="F32" s="196">
        <v>0</v>
      </c>
      <c r="G32" s="197">
        <v>0</v>
      </c>
      <c r="H32" s="197">
        <v>1</v>
      </c>
      <c r="I32" s="197">
        <v>0</v>
      </c>
      <c r="J32" s="195">
        <v>0</v>
      </c>
      <c r="K32" s="198">
        <v>1</v>
      </c>
      <c r="L32" s="199">
        <v>1</v>
      </c>
      <c r="M32" s="194">
        <v>0</v>
      </c>
      <c r="N32" s="195">
        <v>0</v>
      </c>
      <c r="O32" s="198">
        <v>0</v>
      </c>
      <c r="P32" s="201">
        <v>0</v>
      </c>
      <c r="Q32" s="197">
        <v>0</v>
      </c>
      <c r="R32" s="197">
        <v>1</v>
      </c>
      <c r="S32" s="197">
        <v>1</v>
      </c>
      <c r="T32" s="195">
        <v>1</v>
      </c>
      <c r="U32" s="198">
        <v>3</v>
      </c>
      <c r="V32" s="202">
        <v>3</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0.25" customHeight="1" x14ac:dyDescent="0.2">
      <c r="B33" s="62" t="s">
        <v>31</v>
      </c>
      <c r="C33" s="194">
        <v>0</v>
      </c>
      <c r="D33" s="195">
        <v>0</v>
      </c>
      <c r="E33" s="195">
        <v>0</v>
      </c>
      <c r="F33" s="196">
        <v>0</v>
      </c>
      <c r="G33" s="197">
        <v>0</v>
      </c>
      <c r="H33" s="197">
        <v>2</v>
      </c>
      <c r="I33" s="197">
        <v>1</v>
      </c>
      <c r="J33" s="195">
        <v>0</v>
      </c>
      <c r="K33" s="198">
        <v>3</v>
      </c>
      <c r="L33" s="199">
        <v>3</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0.25" customHeight="1" x14ac:dyDescent="0.2">
      <c r="B34" s="62" t="s">
        <v>32</v>
      </c>
      <c r="C34" s="194">
        <v>0</v>
      </c>
      <c r="D34" s="195">
        <v>0</v>
      </c>
      <c r="E34" s="195">
        <v>0</v>
      </c>
      <c r="F34" s="196">
        <v>0</v>
      </c>
      <c r="G34" s="197">
        <v>0</v>
      </c>
      <c r="H34" s="197">
        <v>0</v>
      </c>
      <c r="I34" s="197">
        <v>0</v>
      </c>
      <c r="J34" s="195">
        <v>1</v>
      </c>
      <c r="K34" s="198">
        <v>1</v>
      </c>
      <c r="L34" s="199">
        <v>1</v>
      </c>
      <c r="M34" s="194">
        <v>0</v>
      </c>
      <c r="N34" s="195">
        <v>0</v>
      </c>
      <c r="O34" s="198">
        <v>0</v>
      </c>
      <c r="P34" s="201">
        <v>0</v>
      </c>
      <c r="Q34" s="197">
        <v>0</v>
      </c>
      <c r="R34" s="197">
        <v>0</v>
      </c>
      <c r="S34" s="197">
        <v>0</v>
      </c>
      <c r="T34" s="195">
        <v>0</v>
      </c>
      <c r="U34" s="198">
        <v>0</v>
      </c>
      <c r="V34" s="202">
        <v>0</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0.25" customHeight="1" x14ac:dyDescent="0.2">
      <c r="B35" s="62" t="s">
        <v>33</v>
      </c>
      <c r="C35" s="194">
        <v>0</v>
      </c>
      <c r="D35" s="195">
        <v>0</v>
      </c>
      <c r="E35" s="195">
        <v>0</v>
      </c>
      <c r="F35" s="196">
        <v>0</v>
      </c>
      <c r="G35" s="197">
        <v>0</v>
      </c>
      <c r="H35" s="197">
        <v>0</v>
      </c>
      <c r="I35" s="197">
        <v>1</v>
      </c>
      <c r="J35" s="195">
        <v>0</v>
      </c>
      <c r="K35" s="198">
        <v>1</v>
      </c>
      <c r="L35" s="199">
        <v>1</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0</v>
      </c>
      <c r="AM35" s="197">
        <v>0</v>
      </c>
      <c r="AN35" s="195">
        <v>2</v>
      </c>
      <c r="AO35" s="198">
        <v>3</v>
      </c>
      <c r="AP35" s="200">
        <v>3</v>
      </c>
      <c r="AQ35" s="37"/>
    </row>
    <row r="36" spans="2:43" ht="20.25"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0</v>
      </c>
      <c r="R36" s="197">
        <v>0</v>
      </c>
      <c r="S36" s="197">
        <v>0</v>
      </c>
      <c r="T36" s="195">
        <v>0</v>
      </c>
      <c r="U36" s="198">
        <v>0</v>
      </c>
      <c r="V36" s="202">
        <v>0</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0.25" customHeight="1" x14ac:dyDescent="0.2">
      <c r="B37" s="62" t="s">
        <v>35</v>
      </c>
      <c r="C37" s="194">
        <v>0</v>
      </c>
      <c r="D37" s="195">
        <v>0</v>
      </c>
      <c r="E37" s="195">
        <v>0</v>
      </c>
      <c r="F37" s="196">
        <v>0</v>
      </c>
      <c r="G37" s="197">
        <v>0</v>
      </c>
      <c r="H37" s="197">
        <v>0</v>
      </c>
      <c r="I37" s="197">
        <v>2</v>
      </c>
      <c r="J37" s="195">
        <v>0</v>
      </c>
      <c r="K37" s="198">
        <v>2</v>
      </c>
      <c r="L37" s="199">
        <v>2</v>
      </c>
      <c r="M37" s="194">
        <v>0</v>
      </c>
      <c r="N37" s="195">
        <v>0</v>
      </c>
      <c r="O37" s="198">
        <v>0</v>
      </c>
      <c r="P37" s="201">
        <v>0</v>
      </c>
      <c r="Q37" s="197">
        <v>0</v>
      </c>
      <c r="R37" s="197">
        <v>1</v>
      </c>
      <c r="S37" s="197">
        <v>0</v>
      </c>
      <c r="T37" s="195">
        <v>0</v>
      </c>
      <c r="U37" s="198">
        <v>1</v>
      </c>
      <c r="V37" s="202">
        <v>1</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0.25" customHeight="1" x14ac:dyDescent="0.2">
      <c r="B38" s="62" t="s">
        <v>36</v>
      </c>
      <c r="C38" s="194">
        <v>0</v>
      </c>
      <c r="D38" s="195">
        <v>0</v>
      </c>
      <c r="E38" s="195">
        <v>0</v>
      </c>
      <c r="F38" s="196">
        <v>0</v>
      </c>
      <c r="G38" s="197">
        <v>0</v>
      </c>
      <c r="H38" s="197">
        <v>0</v>
      </c>
      <c r="I38" s="197">
        <v>1</v>
      </c>
      <c r="J38" s="195">
        <v>2</v>
      </c>
      <c r="K38" s="198">
        <v>3</v>
      </c>
      <c r="L38" s="199">
        <v>3</v>
      </c>
      <c r="M38" s="194">
        <v>0</v>
      </c>
      <c r="N38" s="195">
        <v>0</v>
      </c>
      <c r="O38" s="198">
        <v>0</v>
      </c>
      <c r="P38" s="201">
        <v>2</v>
      </c>
      <c r="Q38" s="197">
        <v>0</v>
      </c>
      <c r="R38" s="197">
        <v>0</v>
      </c>
      <c r="S38" s="197">
        <v>1</v>
      </c>
      <c r="T38" s="195">
        <v>0</v>
      </c>
      <c r="U38" s="198">
        <v>3</v>
      </c>
      <c r="V38" s="202">
        <v>3</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0.25"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1</v>
      </c>
      <c r="AO39" s="207">
        <v>1</v>
      </c>
      <c r="AP39" s="209">
        <v>1</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 ref="G1:H1"/>
    <mergeCell ref="AG4:AI4"/>
    <mergeCell ref="AJ4:AO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G1" s="368">
        <f>第１表!F2</f>
        <v>4</v>
      </c>
      <c r="H1" s="251">
        <f>第１表!G2</f>
        <v>8</v>
      </c>
      <c r="I1" s="641">
        <f>IF(H1&lt;3,H1-2+12,H1-2)</f>
        <v>6</v>
      </c>
      <c r="J1" s="641"/>
      <c r="IB1" s="368"/>
      <c r="IC1" s="253"/>
      <c r="ID1" s="641"/>
      <c r="IE1" s="641"/>
    </row>
    <row r="2" spans="1:409" s="44" customFormat="1" ht="24" customHeight="1" x14ac:dyDescent="0.2">
      <c r="B2" s="20" t="s">
        <v>147</v>
      </c>
      <c r="E2" s="250"/>
      <c r="F2" s="251"/>
      <c r="G2" s="650"/>
      <c r="H2" s="650"/>
      <c r="CB2" s="325"/>
      <c r="CC2" s="325"/>
      <c r="CD2" s="325"/>
      <c r="CE2" s="325"/>
      <c r="CF2" s="325"/>
      <c r="CG2" s="325"/>
      <c r="CH2" s="325"/>
      <c r="CI2" s="325"/>
      <c r="CJ2" s="325"/>
      <c r="CK2" s="325"/>
      <c r="CL2" s="325"/>
      <c r="DI2" s="325"/>
      <c r="DJ2" s="325"/>
      <c r="DK2" s="325"/>
      <c r="DL2" s="325"/>
      <c r="DM2" s="325"/>
      <c r="DN2" s="325"/>
      <c r="DO2" s="325"/>
      <c r="DP2" s="325"/>
      <c r="DQ2" s="325"/>
      <c r="DR2" s="325"/>
      <c r="DS2" s="325"/>
      <c r="FL2" s="325"/>
      <c r="FM2" s="325"/>
      <c r="FN2" s="325"/>
      <c r="FO2" s="325"/>
      <c r="FP2" s="325"/>
      <c r="FQ2" s="325"/>
      <c r="FR2" s="325"/>
      <c r="FS2" s="325"/>
      <c r="FT2" s="325"/>
      <c r="FU2" s="325"/>
      <c r="FV2" s="325"/>
      <c r="HZ2" s="39"/>
      <c r="IA2" s="39"/>
      <c r="IB2" s="252"/>
      <c r="IC2" s="253"/>
      <c r="ID2" s="371"/>
      <c r="IE2" s="371"/>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5"/>
      <c r="CC3" s="325"/>
      <c r="CD3" s="325"/>
      <c r="CE3" s="325"/>
      <c r="CF3" s="325"/>
      <c r="CG3" s="325"/>
      <c r="CH3" s="325"/>
      <c r="CI3" s="325"/>
      <c r="CJ3" s="325"/>
      <c r="CK3" s="325"/>
      <c r="CL3" s="325"/>
      <c r="DI3" s="325"/>
      <c r="DJ3" s="325"/>
      <c r="DK3" s="325"/>
      <c r="DL3" s="325"/>
      <c r="DM3" s="325"/>
      <c r="DN3" s="325"/>
      <c r="DO3" s="325"/>
      <c r="DP3" s="325"/>
      <c r="DQ3" s="325"/>
      <c r="DR3" s="325"/>
      <c r="DS3" s="325"/>
      <c r="FL3" s="325"/>
      <c r="FM3" s="325"/>
      <c r="FN3" s="325"/>
      <c r="FO3" s="325"/>
      <c r="FP3" s="325"/>
      <c r="FQ3" s="325"/>
      <c r="FR3" s="325"/>
      <c r="FS3" s="325"/>
      <c r="FT3" s="325"/>
      <c r="FU3" s="325"/>
      <c r="FV3" s="325"/>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18" customHeight="1" thickBot="1" x14ac:dyDescent="0.25">
      <c r="B4" s="655" t="s">
        <v>42</v>
      </c>
      <c r="C4" s="658" t="s">
        <v>63</v>
      </c>
      <c r="D4" s="658"/>
      <c r="E4" s="658"/>
      <c r="F4" s="658"/>
      <c r="G4" s="658"/>
      <c r="H4" s="658"/>
      <c r="I4" s="658"/>
      <c r="J4" s="658"/>
      <c r="K4" s="658"/>
      <c r="L4" s="658"/>
      <c r="M4" s="658"/>
      <c r="N4" s="592"/>
      <c r="O4" s="592"/>
      <c r="P4" s="592"/>
      <c r="Q4" s="592"/>
      <c r="R4" s="592"/>
      <c r="S4" s="592"/>
      <c r="T4" s="592"/>
      <c r="U4" s="592"/>
      <c r="V4" s="592"/>
      <c r="W4" s="592"/>
      <c r="X4" s="592"/>
      <c r="Y4" s="592"/>
      <c r="Z4" s="592"/>
      <c r="AA4" s="592"/>
      <c r="AB4" s="592"/>
      <c r="AC4" s="592"/>
      <c r="AD4" s="592"/>
      <c r="AE4" s="592"/>
      <c r="AF4" s="592"/>
      <c r="AG4" s="592"/>
      <c r="AH4" s="592"/>
      <c r="AI4" s="592"/>
      <c r="AJ4" s="592"/>
      <c r="AK4" s="592"/>
      <c r="AL4" s="592"/>
      <c r="AM4" s="592"/>
      <c r="AN4" s="592"/>
      <c r="AO4" s="592"/>
      <c r="AP4" s="592"/>
      <c r="AQ4" s="592"/>
      <c r="AR4" s="592"/>
      <c r="AS4" s="592"/>
      <c r="AT4" s="592"/>
      <c r="AU4" s="592"/>
      <c r="AV4" s="592"/>
      <c r="AW4" s="592"/>
      <c r="AX4" s="592"/>
      <c r="AY4" s="592"/>
      <c r="AZ4" s="592"/>
      <c r="BA4" s="592"/>
      <c r="BB4" s="592"/>
      <c r="BC4" s="592"/>
      <c r="BD4" s="592"/>
      <c r="BE4" s="592"/>
      <c r="BF4" s="592"/>
      <c r="BG4" s="592"/>
      <c r="BH4" s="592"/>
      <c r="BI4" s="592"/>
      <c r="BJ4" s="592"/>
      <c r="BK4" s="592"/>
      <c r="BL4" s="592"/>
      <c r="BM4" s="592"/>
      <c r="BN4" s="592"/>
      <c r="BO4" s="592"/>
      <c r="BP4" s="592"/>
      <c r="BQ4" s="592"/>
      <c r="BR4" s="592"/>
      <c r="BS4" s="592"/>
      <c r="BT4" s="592"/>
      <c r="BU4" s="592"/>
      <c r="BV4" s="592"/>
      <c r="BW4" s="592"/>
      <c r="BX4" s="592"/>
      <c r="BY4" s="592"/>
      <c r="BZ4" s="592"/>
      <c r="CA4" s="592"/>
      <c r="CB4" s="592"/>
      <c r="CC4" s="592"/>
      <c r="CD4" s="592"/>
      <c r="CE4" s="592"/>
      <c r="CF4" s="592"/>
      <c r="CG4" s="592"/>
      <c r="CH4" s="592"/>
      <c r="CI4" s="592"/>
      <c r="CJ4" s="592"/>
      <c r="CK4" s="592"/>
      <c r="CL4" s="592"/>
      <c r="CM4" s="592"/>
      <c r="CN4" s="592"/>
      <c r="CO4" s="592"/>
      <c r="CP4" s="592"/>
      <c r="CQ4" s="592"/>
      <c r="CR4" s="592"/>
      <c r="CS4" s="592"/>
      <c r="CT4" s="592"/>
      <c r="CU4" s="592"/>
      <c r="CV4" s="592"/>
      <c r="CW4" s="592"/>
      <c r="CX4" s="592"/>
      <c r="CY4" s="592"/>
      <c r="CZ4" s="592"/>
      <c r="DA4" s="592"/>
      <c r="DB4" s="592"/>
      <c r="DC4" s="592"/>
      <c r="DD4" s="592"/>
      <c r="DE4" s="592"/>
      <c r="DF4" s="592"/>
      <c r="DG4" s="592"/>
      <c r="DH4" s="592"/>
      <c r="DI4" s="592"/>
      <c r="DJ4" s="592"/>
      <c r="DK4" s="592"/>
      <c r="DL4" s="592"/>
      <c r="DM4" s="592"/>
      <c r="DN4" s="592"/>
      <c r="DO4" s="592"/>
      <c r="DP4" s="592"/>
      <c r="DQ4" s="592"/>
      <c r="DR4" s="592"/>
      <c r="DS4" s="592"/>
      <c r="DT4" s="592"/>
      <c r="DU4" s="592"/>
      <c r="DV4" s="592"/>
      <c r="DW4" s="592"/>
      <c r="DX4" s="592"/>
      <c r="DY4" s="592"/>
      <c r="DZ4" s="592"/>
      <c r="EA4" s="592"/>
      <c r="EB4" s="592"/>
      <c r="EC4" s="592"/>
      <c r="ED4" s="592"/>
      <c r="EE4" s="592"/>
      <c r="EF4" s="592"/>
      <c r="EG4" s="592"/>
      <c r="EH4" s="592"/>
      <c r="EI4" s="592"/>
      <c r="EJ4" s="592"/>
      <c r="EK4" s="592"/>
      <c r="EL4" s="592"/>
      <c r="EM4" s="592"/>
      <c r="EN4" s="592"/>
      <c r="EO4" s="592"/>
      <c r="EP4" s="592"/>
      <c r="EQ4" s="592"/>
      <c r="ER4" s="592"/>
      <c r="ES4" s="592"/>
      <c r="ET4" s="592"/>
      <c r="EU4" s="592"/>
      <c r="EV4" s="592"/>
      <c r="EW4" s="592"/>
      <c r="EX4" s="592"/>
      <c r="EY4" s="592"/>
      <c r="EZ4" s="592"/>
      <c r="FA4" s="592"/>
      <c r="FB4" s="592"/>
      <c r="FC4" s="592"/>
      <c r="FD4" s="592"/>
      <c r="FE4" s="592"/>
      <c r="FF4" s="592"/>
      <c r="FG4" s="592"/>
      <c r="FH4" s="592"/>
      <c r="FI4" s="592"/>
      <c r="FJ4" s="592"/>
      <c r="FK4" s="592"/>
      <c r="FL4" s="592"/>
      <c r="FM4" s="592"/>
      <c r="FN4" s="592"/>
      <c r="FO4" s="592"/>
      <c r="FP4" s="592"/>
      <c r="FQ4" s="592"/>
      <c r="FR4" s="592"/>
      <c r="FS4" s="592"/>
      <c r="FT4" s="592"/>
      <c r="FU4" s="592"/>
      <c r="FV4" s="592"/>
      <c r="FW4" s="592"/>
      <c r="FX4" s="592"/>
      <c r="FY4" s="592"/>
      <c r="FZ4" s="592"/>
      <c r="GA4" s="592"/>
      <c r="GB4" s="592"/>
      <c r="GC4" s="592"/>
      <c r="GD4" s="592"/>
      <c r="GE4" s="592"/>
      <c r="GF4" s="592"/>
      <c r="GG4" s="592"/>
      <c r="GH4" s="592"/>
      <c r="GI4" s="592"/>
      <c r="GJ4" s="592"/>
      <c r="GK4" s="592"/>
      <c r="GL4" s="592"/>
      <c r="GM4" s="592"/>
      <c r="GN4" s="592"/>
      <c r="GO4" s="592"/>
      <c r="GP4" s="592"/>
      <c r="GQ4" s="592"/>
      <c r="GR4" s="592"/>
      <c r="GS4" s="592"/>
      <c r="GT4" s="592"/>
      <c r="GU4" s="592"/>
      <c r="GV4" s="592"/>
      <c r="GW4" s="592"/>
      <c r="GX4" s="592"/>
      <c r="GY4" s="592"/>
      <c r="GZ4" s="592"/>
      <c r="HA4" s="592"/>
      <c r="HB4" s="592"/>
      <c r="HC4" s="592"/>
      <c r="HD4" s="592"/>
      <c r="HE4" s="592"/>
      <c r="HF4" s="592"/>
      <c r="HG4" s="592"/>
      <c r="HH4" s="592"/>
      <c r="HI4" s="592"/>
      <c r="HJ4" s="592"/>
      <c r="HK4" s="592"/>
      <c r="HL4" s="592"/>
      <c r="HM4" s="592"/>
      <c r="HN4" s="592"/>
      <c r="HO4" s="592"/>
      <c r="HP4" s="592"/>
      <c r="HQ4" s="592"/>
      <c r="HR4" s="592"/>
      <c r="HS4" s="592"/>
      <c r="HT4" s="592"/>
      <c r="HU4" s="592"/>
      <c r="HV4" s="592"/>
      <c r="HW4" s="592"/>
      <c r="HX4" s="592"/>
      <c r="HY4" s="593"/>
      <c r="HZ4" s="638" t="s">
        <v>85</v>
      </c>
      <c r="IA4" s="639"/>
      <c r="IB4" s="639"/>
      <c r="IC4" s="639"/>
      <c r="ID4" s="639"/>
      <c r="IE4" s="639"/>
      <c r="IF4" s="639"/>
      <c r="IG4" s="639"/>
      <c r="IH4" s="639"/>
      <c r="II4" s="639"/>
      <c r="IJ4" s="639"/>
      <c r="IK4" s="639"/>
      <c r="IL4" s="639"/>
      <c r="IM4" s="639"/>
      <c r="IN4" s="639"/>
      <c r="IO4" s="639"/>
      <c r="IP4" s="639"/>
      <c r="IQ4" s="639"/>
      <c r="IR4" s="639"/>
      <c r="IS4" s="639"/>
      <c r="IT4" s="639"/>
      <c r="IU4" s="639"/>
      <c r="IV4" s="639"/>
      <c r="IW4" s="639"/>
      <c r="IX4" s="639"/>
      <c r="IY4" s="639"/>
      <c r="IZ4" s="639"/>
      <c r="JA4" s="639"/>
      <c r="JB4" s="639"/>
      <c r="JC4" s="639"/>
      <c r="JD4" s="639"/>
      <c r="JE4" s="639"/>
      <c r="JF4" s="639"/>
      <c r="JG4" s="639"/>
      <c r="JH4" s="639"/>
      <c r="JI4" s="639"/>
      <c r="JJ4" s="639"/>
      <c r="JK4" s="639"/>
      <c r="JL4" s="639"/>
      <c r="JM4" s="639"/>
      <c r="JN4" s="639"/>
      <c r="JO4" s="639"/>
      <c r="JP4" s="639"/>
      <c r="JQ4" s="639"/>
      <c r="JR4" s="639"/>
      <c r="JS4" s="639"/>
      <c r="JT4" s="639"/>
      <c r="JU4" s="639"/>
      <c r="JV4" s="639"/>
      <c r="JW4" s="639"/>
      <c r="JX4" s="639"/>
      <c r="JY4" s="639"/>
      <c r="JZ4" s="639"/>
      <c r="KA4" s="639"/>
      <c r="KB4" s="639"/>
      <c r="KC4" s="639"/>
      <c r="KD4" s="639"/>
      <c r="KE4" s="639"/>
      <c r="KF4" s="639"/>
      <c r="KG4" s="639"/>
      <c r="KH4" s="639"/>
      <c r="KI4" s="639"/>
      <c r="KJ4" s="639"/>
      <c r="KK4" s="639"/>
      <c r="KL4" s="639"/>
      <c r="KM4" s="639"/>
      <c r="KN4" s="639"/>
      <c r="KO4" s="639"/>
      <c r="KP4" s="639"/>
      <c r="KQ4" s="639"/>
      <c r="KR4" s="639"/>
      <c r="KS4" s="639"/>
      <c r="KT4" s="639"/>
      <c r="KU4" s="639"/>
      <c r="KV4" s="639"/>
      <c r="KW4" s="639"/>
      <c r="KX4" s="639"/>
      <c r="KY4" s="639"/>
      <c r="KZ4" s="639"/>
      <c r="LA4" s="639"/>
      <c r="LB4" s="639"/>
      <c r="LC4" s="639"/>
      <c r="LD4" s="639"/>
      <c r="LE4" s="639"/>
      <c r="LF4" s="639"/>
      <c r="LG4" s="639"/>
      <c r="LH4" s="639"/>
      <c r="LI4" s="639"/>
      <c r="LJ4" s="639"/>
      <c r="LK4" s="639"/>
      <c r="LL4" s="639"/>
      <c r="LM4" s="639"/>
      <c r="LN4" s="639"/>
      <c r="LO4" s="639"/>
      <c r="LP4" s="639"/>
      <c r="LQ4" s="639"/>
      <c r="LR4" s="639"/>
      <c r="LS4" s="639"/>
      <c r="LT4" s="639"/>
      <c r="LU4" s="639"/>
      <c r="LV4" s="639"/>
      <c r="LW4" s="639"/>
      <c r="LX4" s="639"/>
      <c r="LY4" s="639"/>
      <c r="LZ4" s="639"/>
      <c r="MA4" s="639"/>
      <c r="MB4" s="639"/>
      <c r="MC4" s="639"/>
      <c r="MD4" s="639"/>
      <c r="ME4" s="640"/>
      <c r="MF4" s="638" t="s">
        <v>86</v>
      </c>
      <c r="MG4" s="639"/>
      <c r="MH4" s="639"/>
      <c r="MI4" s="639"/>
      <c r="MJ4" s="639"/>
      <c r="MK4" s="639"/>
      <c r="ML4" s="639"/>
      <c r="MM4" s="639"/>
      <c r="MN4" s="639"/>
      <c r="MO4" s="639"/>
      <c r="MP4" s="639"/>
      <c r="MQ4" s="639"/>
      <c r="MR4" s="639"/>
      <c r="MS4" s="639"/>
      <c r="MT4" s="639"/>
      <c r="MU4" s="639"/>
      <c r="MV4" s="639"/>
      <c r="MW4" s="639"/>
      <c r="MX4" s="639"/>
      <c r="MY4" s="639"/>
      <c r="MZ4" s="639"/>
      <c r="NA4" s="639"/>
      <c r="NB4" s="639"/>
      <c r="NC4" s="639"/>
      <c r="ND4" s="639"/>
      <c r="NE4" s="639"/>
      <c r="NF4" s="639"/>
      <c r="NG4" s="639"/>
      <c r="NH4" s="639"/>
      <c r="NI4" s="639"/>
      <c r="NJ4" s="639"/>
      <c r="NK4" s="639"/>
      <c r="NL4" s="639"/>
      <c r="NM4" s="639"/>
      <c r="NN4" s="639"/>
      <c r="NO4" s="639"/>
      <c r="NP4" s="639"/>
      <c r="NQ4" s="639"/>
      <c r="NR4" s="639"/>
      <c r="NS4" s="639"/>
      <c r="NT4" s="639"/>
      <c r="NU4" s="639"/>
      <c r="NV4" s="639"/>
      <c r="NW4" s="639"/>
      <c r="NX4" s="639"/>
      <c r="NY4" s="639"/>
      <c r="NZ4" s="639"/>
      <c r="OA4" s="639"/>
      <c r="OB4" s="639"/>
      <c r="OC4" s="639"/>
      <c r="OD4" s="639"/>
      <c r="OE4" s="639"/>
      <c r="OF4" s="639"/>
      <c r="OG4" s="639"/>
      <c r="OH4" s="640"/>
      <c r="OI4" s="594" t="s">
        <v>60</v>
      </c>
      <c r="OJ4" s="503"/>
      <c r="OK4" s="503"/>
      <c r="OL4" s="503"/>
      <c r="OM4" s="503"/>
      <c r="ON4" s="503"/>
      <c r="OO4" s="503"/>
      <c r="OP4" s="503"/>
      <c r="OQ4" s="503"/>
      <c r="OR4" s="503"/>
      <c r="OS4" s="504"/>
    </row>
    <row r="5" spans="1:409" ht="18" customHeight="1" thickBot="1" x14ac:dyDescent="0.25">
      <c r="B5" s="656"/>
      <c r="C5" s="659"/>
      <c r="D5" s="659"/>
      <c r="E5" s="659"/>
      <c r="F5" s="659"/>
      <c r="G5" s="659"/>
      <c r="H5" s="659"/>
      <c r="I5" s="659"/>
      <c r="J5" s="659"/>
      <c r="K5" s="659"/>
      <c r="L5" s="659"/>
      <c r="M5" s="659"/>
      <c r="N5" s="661" t="s">
        <v>64</v>
      </c>
      <c r="O5" s="662"/>
      <c r="P5" s="662"/>
      <c r="Q5" s="662"/>
      <c r="R5" s="662"/>
      <c r="S5" s="662"/>
      <c r="T5" s="662"/>
      <c r="U5" s="662"/>
      <c r="V5" s="662"/>
      <c r="W5" s="662"/>
      <c r="X5" s="662"/>
      <c r="Y5" s="662"/>
      <c r="Z5" s="662"/>
      <c r="AA5" s="662"/>
      <c r="AB5" s="662"/>
      <c r="AC5" s="662"/>
      <c r="AD5" s="662"/>
      <c r="AE5" s="662"/>
      <c r="AF5" s="662"/>
      <c r="AG5" s="662"/>
      <c r="AH5" s="662"/>
      <c r="AI5" s="662"/>
      <c r="AJ5" s="662"/>
      <c r="AK5" s="662"/>
      <c r="AL5" s="662"/>
      <c r="AM5" s="662"/>
      <c r="AN5" s="662"/>
      <c r="AO5" s="662"/>
      <c r="AP5" s="662"/>
      <c r="AQ5" s="662"/>
      <c r="AR5" s="662"/>
      <c r="AS5" s="662"/>
      <c r="AT5" s="662"/>
      <c r="AU5" s="662"/>
      <c r="AV5" s="662"/>
      <c r="AW5" s="662"/>
      <c r="AX5" s="662"/>
      <c r="AY5" s="662"/>
      <c r="AZ5" s="662"/>
      <c r="BA5" s="662"/>
      <c r="BB5" s="662"/>
      <c r="BC5" s="662"/>
      <c r="BD5" s="662"/>
      <c r="BE5" s="662"/>
      <c r="BF5" s="662"/>
      <c r="BG5" s="662"/>
      <c r="BH5" s="662"/>
      <c r="BI5" s="662"/>
      <c r="BJ5" s="662"/>
      <c r="BK5" s="662"/>
      <c r="BL5" s="662"/>
      <c r="BM5" s="662"/>
      <c r="BN5" s="662"/>
      <c r="BO5" s="662"/>
      <c r="BP5" s="662"/>
      <c r="BQ5" s="662"/>
      <c r="BR5" s="662"/>
      <c r="BS5" s="662"/>
      <c r="BT5" s="662"/>
      <c r="BU5" s="662"/>
      <c r="BV5" s="662"/>
      <c r="BW5" s="662"/>
      <c r="BX5" s="662"/>
      <c r="BY5" s="662"/>
      <c r="BZ5" s="662"/>
      <c r="CA5" s="663"/>
      <c r="CB5" s="661" t="s">
        <v>65</v>
      </c>
      <c r="CC5" s="662"/>
      <c r="CD5" s="662"/>
      <c r="CE5" s="662"/>
      <c r="CF5" s="662"/>
      <c r="CG5" s="662"/>
      <c r="CH5" s="662"/>
      <c r="CI5" s="662"/>
      <c r="CJ5" s="662"/>
      <c r="CK5" s="662"/>
      <c r="CL5" s="662"/>
      <c r="CM5" s="662"/>
      <c r="CN5" s="662"/>
      <c r="CO5" s="662"/>
      <c r="CP5" s="662"/>
      <c r="CQ5" s="662"/>
      <c r="CR5" s="662"/>
      <c r="CS5" s="662"/>
      <c r="CT5" s="662"/>
      <c r="CU5" s="662"/>
      <c r="CV5" s="662"/>
      <c r="CW5" s="662"/>
      <c r="CX5" s="662"/>
      <c r="CY5" s="662"/>
      <c r="CZ5" s="662"/>
      <c r="DA5" s="662"/>
      <c r="DB5" s="662"/>
      <c r="DC5" s="662"/>
      <c r="DD5" s="662"/>
      <c r="DE5" s="662"/>
      <c r="DF5" s="662"/>
      <c r="DG5" s="662"/>
      <c r="DH5" s="663"/>
      <c r="DI5" s="638" t="s">
        <v>66</v>
      </c>
      <c r="DJ5" s="639"/>
      <c r="DK5" s="639"/>
      <c r="DL5" s="639"/>
      <c r="DM5" s="639"/>
      <c r="DN5" s="639"/>
      <c r="DO5" s="639"/>
      <c r="DP5" s="639"/>
      <c r="DQ5" s="639"/>
      <c r="DR5" s="639"/>
      <c r="DS5" s="639"/>
      <c r="DT5" s="639"/>
      <c r="DU5" s="639"/>
      <c r="DV5" s="639"/>
      <c r="DW5" s="639"/>
      <c r="DX5" s="639"/>
      <c r="DY5" s="639"/>
      <c r="DZ5" s="639"/>
      <c r="EA5" s="639"/>
      <c r="EB5" s="639"/>
      <c r="EC5" s="639"/>
      <c r="ED5" s="639"/>
      <c r="EE5" s="639"/>
      <c r="EF5" s="639"/>
      <c r="EG5" s="639"/>
      <c r="EH5" s="639"/>
      <c r="EI5" s="639"/>
      <c r="EJ5" s="639"/>
      <c r="EK5" s="639"/>
      <c r="EL5" s="639"/>
      <c r="EM5" s="639"/>
      <c r="EN5" s="639"/>
      <c r="EO5" s="639"/>
      <c r="EP5" s="639"/>
      <c r="EQ5" s="639"/>
      <c r="ER5" s="639"/>
      <c r="ES5" s="639"/>
      <c r="ET5" s="639"/>
      <c r="EU5" s="639"/>
      <c r="EV5" s="639"/>
      <c r="EW5" s="639"/>
      <c r="EX5" s="639"/>
      <c r="EY5" s="639"/>
      <c r="EZ5" s="639"/>
      <c r="FA5" s="639"/>
      <c r="FB5" s="639"/>
      <c r="FC5" s="639"/>
      <c r="FD5" s="639"/>
      <c r="FE5" s="639"/>
      <c r="FF5" s="639"/>
      <c r="FG5" s="639"/>
      <c r="FH5" s="639"/>
      <c r="FI5" s="639"/>
      <c r="FJ5" s="639"/>
      <c r="FK5" s="640"/>
      <c r="FL5" s="661" t="s">
        <v>67</v>
      </c>
      <c r="FM5" s="662"/>
      <c r="FN5" s="662"/>
      <c r="FO5" s="662"/>
      <c r="FP5" s="662"/>
      <c r="FQ5" s="662"/>
      <c r="FR5" s="662"/>
      <c r="FS5" s="662"/>
      <c r="FT5" s="662"/>
      <c r="FU5" s="662"/>
      <c r="FV5" s="662"/>
      <c r="FW5" s="662"/>
      <c r="FX5" s="662"/>
      <c r="FY5" s="662"/>
      <c r="FZ5" s="662"/>
      <c r="GA5" s="662"/>
      <c r="GB5" s="662"/>
      <c r="GC5" s="662"/>
      <c r="GD5" s="662"/>
      <c r="GE5" s="662"/>
      <c r="GF5" s="662"/>
      <c r="GG5" s="662"/>
      <c r="GH5" s="662"/>
      <c r="GI5" s="662"/>
      <c r="GJ5" s="662"/>
      <c r="GK5" s="662"/>
      <c r="GL5" s="662"/>
      <c r="GM5" s="662"/>
      <c r="GN5" s="662"/>
      <c r="GO5" s="662"/>
      <c r="GP5" s="662"/>
      <c r="GQ5" s="662"/>
      <c r="GR5" s="662"/>
      <c r="GS5" s="662"/>
      <c r="GT5" s="662"/>
      <c r="GU5" s="662"/>
      <c r="GV5" s="662"/>
      <c r="GW5" s="662"/>
      <c r="GX5" s="662"/>
      <c r="GY5" s="662"/>
      <c r="GZ5" s="662"/>
      <c r="HA5" s="662"/>
      <c r="HB5" s="662"/>
      <c r="HC5" s="663"/>
      <c r="HD5" s="664" t="s">
        <v>68</v>
      </c>
      <c r="HE5" s="665"/>
      <c r="HF5" s="665"/>
      <c r="HG5" s="665"/>
      <c r="HH5" s="665"/>
      <c r="HI5" s="665"/>
      <c r="HJ5" s="665"/>
      <c r="HK5" s="665"/>
      <c r="HL5" s="665"/>
      <c r="HM5" s="665"/>
      <c r="HN5" s="666"/>
      <c r="HO5" s="664" t="s">
        <v>69</v>
      </c>
      <c r="HP5" s="665"/>
      <c r="HQ5" s="665"/>
      <c r="HR5" s="665"/>
      <c r="HS5" s="665"/>
      <c r="HT5" s="665"/>
      <c r="HU5" s="665"/>
      <c r="HV5" s="665"/>
      <c r="HW5" s="665"/>
      <c r="HX5" s="665"/>
      <c r="HY5" s="666"/>
      <c r="HZ5" s="617"/>
      <c r="IA5" s="618"/>
      <c r="IB5" s="618"/>
      <c r="IC5" s="618"/>
      <c r="ID5" s="618"/>
      <c r="IE5" s="618"/>
      <c r="IF5" s="618"/>
      <c r="IG5" s="618"/>
      <c r="IH5" s="618"/>
      <c r="II5" s="618"/>
      <c r="IJ5" s="619"/>
      <c r="IK5" s="594" t="s">
        <v>94</v>
      </c>
      <c r="IL5" s="503"/>
      <c r="IM5" s="503"/>
      <c r="IN5" s="503"/>
      <c r="IO5" s="503"/>
      <c r="IP5" s="503"/>
      <c r="IQ5" s="503"/>
      <c r="IR5" s="503"/>
      <c r="IS5" s="503"/>
      <c r="IT5" s="503"/>
      <c r="IU5" s="504"/>
      <c r="IV5" s="594" t="s">
        <v>88</v>
      </c>
      <c r="IW5" s="503"/>
      <c r="IX5" s="503"/>
      <c r="IY5" s="503"/>
      <c r="IZ5" s="503"/>
      <c r="JA5" s="503"/>
      <c r="JB5" s="503"/>
      <c r="JC5" s="503"/>
      <c r="JD5" s="503"/>
      <c r="JE5" s="503"/>
      <c r="JF5" s="504"/>
      <c r="JG5" s="623" t="s">
        <v>144</v>
      </c>
      <c r="JH5" s="624"/>
      <c r="JI5" s="624"/>
      <c r="JJ5" s="624"/>
      <c r="JK5" s="624"/>
      <c r="JL5" s="624"/>
      <c r="JM5" s="624"/>
      <c r="JN5" s="624"/>
      <c r="JO5" s="624"/>
      <c r="JP5" s="624"/>
      <c r="JQ5" s="625"/>
      <c r="JR5" s="594" t="s">
        <v>90</v>
      </c>
      <c r="JS5" s="503"/>
      <c r="JT5" s="503"/>
      <c r="JU5" s="503"/>
      <c r="JV5" s="503"/>
      <c r="JW5" s="503"/>
      <c r="JX5" s="503"/>
      <c r="JY5" s="503"/>
      <c r="JZ5" s="503"/>
      <c r="KA5" s="503"/>
      <c r="KB5" s="504"/>
      <c r="KC5" s="594" t="s">
        <v>89</v>
      </c>
      <c r="KD5" s="503"/>
      <c r="KE5" s="503"/>
      <c r="KF5" s="503"/>
      <c r="KG5" s="503"/>
      <c r="KH5" s="503"/>
      <c r="KI5" s="503"/>
      <c r="KJ5" s="503"/>
      <c r="KK5" s="503"/>
      <c r="KL5" s="503"/>
      <c r="KM5" s="504"/>
      <c r="KN5" s="594" t="s">
        <v>91</v>
      </c>
      <c r="KO5" s="503"/>
      <c r="KP5" s="503"/>
      <c r="KQ5" s="503"/>
      <c r="KR5" s="503"/>
      <c r="KS5" s="503"/>
      <c r="KT5" s="503"/>
      <c r="KU5" s="503"/>
      <c r="KV5" s="503"/>
      <c r="KW5" s="503"/>
      <c r="KX5" s="504"/>
      <c r="KY5" s="594" t="s">
        <v>92</v>
      </c>
      <c r="KZ5" s="503"/>
      <c r="LA5" s="503"/>
      <c r="LB5" s="503"/>
      <c r="LC5" s="503"/>
      <c r="LD5" s="503"/>
      <c r="LE5" s="503"/>
      <c r="LF5" s="503"/>
      <c r="LG5" s="503"/>
      <c r="LH5" s="503"/>
      <c r="LI5" s="504"/>
      <c r="LJ5" s="629" t="s">
        <v>93</v>
      </c>
      <c r="LK5" s="630"/>
      <c r="LL5" s="630"/>
      <c r="LM5" s="630"/>
      <c r="LN5" s="630"/>
      <c r="LO5" s="630"/>
      <c r="LP5" s="630"/>
      <c r="LQ5" s="630"/>
      <c r="LR5" s="630"/>
      <c r="LS5" s="630"/>
      <c r="LT5" s="631"/>
      <c r="LU5" s="632" t="s">
        <v>145</v>
      </c>
      <c r="LV5" s="633"/>
      <c r="LW5" s="633"/>
      <c r="LX5" s="633"/>
      <c r="LY5" s="633"/>
      <c r="LZ5" s="633"/>
      <c r="MA5" s="633"/>
      <c r="MB5" s="633"/>
      <c r="MC5" s="633"/>
      <c r="MD5" s="633"/>
      <c r="ME5" s="634"/>
      <c r="MF5" s="617"/>
      <c r="MG5" s="618"/>
      <c r="MH5" s="618"/>
      <c r="MI5" s="618"/>
      <c r="MJ5" s="618"/>
      <c r="MK5" s="618"/>
      <c r="ML5" s="618"/>
      <c r="MM5" s="618"/>
      <c r="MN5" s="618"/>
      <c r="MO5" s="618"/>
      <c r="MP5" s="619"/>
      <c r="MQ5" s="594" t="s">
        <v>57</v>
      </c>
      <c r="MR5" s="503"/>
      <c r="MS5" s="503"/>
      <c r="MT5" s="503"/>
      <c r="MU5" s="503"/>
      <c r="MV5" s="503"/>
      <c r="MW5" s="503"/>
      <c r="MX5" s="503"/>
      <c r="MY5" s="503"/>
      <c r="MZ5" s="503"/>
      <c r="NA5" s="504"/>
      <c r="NB5" s="594" t="s">
        <v>58</v>
      </c>
      <c r="NC5" s="503"/>
      <c r="ND5" s="503"/>
      <c r="NE5" s="503"/>
      <c r="NF5" s="503"/>
      <c r="NG5" s="503"/>
      <c r="NH5" s="503"/>
      <c r="NI5" s="503"/>
      <c r="NJ5" s="503"/>
      <c r="NK5" s="503"/>
      <c r="NL5" s="504"/>
      <c r="NM5" s="594" t="s">
        <v>59</v>
      </c>
      <c r="NN5" s="503"/>
      <c r="NO5" s="503"/>
      <c r="NP5" s="503"/>
      <c r="NQ5" s="503"/>
      <c r="NR5" s="503"/>
      <c r="NS5" s="503"/>
      <c r="NT5" s="503"/>
      <c r="NU5" s="503"/>
      <c r="NV5" s="503"/>
      <c r="NW5" s="504"/>
      <c r="NX5" s="642" t="s">
        <v>151</v>
      </c>
      <c r="NY5" s="643"/>
      <c r="NZ5" s="643"/>
      <c r="OA5" s="643"/>
      <c r="OB5" s="643"/>
      <c r="OC5" s="643"/>
      <c r="OD5" s="643"/>
      <c r="OE5" s="643"/>
      <c r="OF5" s="643"/>
      <c r="OG5" s="643"/>
      <c r="OH5" s="644"/>
      <c r="OI5" s="614"/>
      <c r="OJ5" s="615"/>
      <c r="OK5" s="615"/>
      <c r="OL5" s="615"/>
      <c r="OM5" s="615"/>
      <c r="ON5" s="615"/>
      <c r="OO5" s="615"/>
      <c r="OP5" s="615"/>
      <c r="OQ5" s="615"/>
      <c r="OR5" s="615"/>
      <c r="OS5" s="616"/>
    </row>
    <row r="6" spans="1:409" ht="18" customHeight="1" thickBot="1" x14ac:dyDescent="0.25">
      <c r="B6" s="656"/>
      <c r="C6" s="660"/>
      <c r="D6" s="660"/>
      <c r="E6" s="660"/>
      <c r="F6" s="660"/>
      <c r="G6" s="660"/>
      <c r="H6" s="660"/>
      <c r="I6" s="660"/>
      <c r="J6" s="660"/>
      <c r="K6" s="660"/>
      <c r="L6" s="660"/>
      <c r="M6" s="660"/>
      <c r="N6" s="595"/>
      <c r="O6" s="586"/>
      <c r="P6" s="586"/>
      <c r="Q6" s="586"/>
      <c r="R6" s="586"/>
      <c r="S6" s="586"/>
      <c r="T6" s="586"/>
      <c r="U6" s="586"/>
      <c r="V6" s="586"/>
      <c r="W6" s="586"/>
      <c r="X6" s="596"/>
      <c r="Y6" s="597" t="s">
        <v>70</v>
      </c>
      <c r="Z6" s="598"/>
      <c r="AA6" s="598"/>
      <c r="AB6" s="598"/>
      <c r="AC6" s="598"/>
      <c r="AD6" s="598"/>
      <c r="AE6" s="598"/>
      <c r="AF6" s="598"/>
      <c r="AG6" s="598"/>
      <c r="AH6" s="598"/>
      <c r="AI6" s="599"/>
      <c r="AJ6" s="664" t="s">
        <v>71</v>
      </c>
      <c r="AK6" s="665"/>
      <c r="AL6" s="665"/>
      <c r="AM6" s="665"/>
      <c r="AN6" s="665"/>
      <c r="AO6" s="665"/>
      <c r="AP6" s="665"/>
      <c r="AQ6" s="665"/>
      <c r="AR6" s="665"/>
      <c r="AS6" s="665"/>
      <c r="AT6" s="666"/>
      <c r="AU6" s="673" t="s">
        <v>72</v>
      </c>
      <c r="AV6" s="674"/>
      <c r="AW6" s="674"/>
      <c r="AX6" s="674"/>
      <c r="AY6" s="674"/>
      <c r="AZ6" s="674"/>
      <c r="BA6" s="674"/>
      <c r="BB6" s="674"/>
      <c r="BC6" s="674"/>
      <c r="BD6" s="674"/>
      <c r="BE6" s="675"/>
      <c r="BF6" s="673" t="s">
        <v>73</v>
      </c>
      <c r="BG6" s="674"/>
      <c r="BH6" s="674"/>
      <c r="BI6" s="674"/>
      <c r="BJ6" s="674"/>
      <c r="BK6" s="674"/>
      <c r="BL6" s="674"/>
      <c r="BM6" s="674"/>
      <c r="BN6" s="674"/>
      <c r="BO6" s="674"/>
      <c r="BP6" s="675"/>
      <c r="BQ6" s="673" t="s">
        <v>74</v>
      </c>
      <c r="BR6" s="674"/>
      <c r="BS6" s="674"/>
      <c r="BT6" s="674"/>
      <c r="BU6" s="674"/>
      <c r="BV6" s="674"/>
      <c r="BW6" s="674"/>
      <c r="BX6" s="674"/>
      <c r="BY6" s="674"/>
      <c r="BZ6" s="674"/>
      <c r="CA6" s="675"/>
      <c r="CB6" s="620"/>
      <c r="CC6" s="621"/>
      <c r="CD6" s="621"/>
      <c r="CE6" s="621"/>
      <c r="CF6" s="621"/>
      <c r="CG6" s="621"/>
      <c r="CH6" s="621"/>
      <c r="CI6" s="621"/>
      <c r="CJ6" s="621"/>
      <c r="CK6" s="621"/>
      <c r="CL6" s="622"/>
      <c r="CM6" s="673" t="s">
        <v>75</v>
      </c>
      <c r="CN6" s="674"/>
      <c r="CO6" s="674"/>
      <c r="CP6" s="674"/>
      <c r="CQ6" s="674"/>
      <c r="CR6" s="674"/>
      <c r="CS6" s="674"/>
      <c r="CT6" s="674"/>
      <c r="CU6" s="674"/>
      <c r="CV6" s="674"/>
      <c r="CW6" s="675"/>
      <c r="CX6" s="673" t="s">
        <v>76</v>
      </c>
      <c r="CY6" s="674"/>
      <c r="CZ6" s="674"/>
      <c r="DA6" s="674"/>
      <c r="DB6" s="674"/>
      <c r="DC6" s="674"/>
      <c r="DD6" s="674"/>
      <c r="DE6" s="674"/>
      <c r="DF6" s="674"/>
      <c r="DG6" s="674"/>
      <c r="DH6" s="675"/>
      <c r="DI6" s="620"/>
      <c r="DJ6" s="621"/>
      <c r="DK6" s="621"/>
      <c r="DL6" s="621"/>
      <c r="DM6" s="621"/>
      <c r="DN6" s="621"/>
      <c r="DO6" s="621"/>
      <c r="DP6" s="621"/>
      <c r="DQ6" s="621"/>
      <c r="DR6" s="621"/>
      <c r="DS6" s="621"/>
      <c r="DT6" s="673" t="s">
        <v>77</v>
      </c>
      <c r="DU6" s="674"/>
      <c r="DV6" s="674"/>
      <c r="DW6" s="674"/>
      <c r="DX6" s="674"/>
      <c r="DY6" s="674"/>
      <c r="DZ6" s="674"/>
      <c r="EA6" s="674"/>
      <c r="EB6" s="674"/>
      <c r="EC6" s="674"/>
      <c r="ED6" s="675"/>
      <c r="EE6" s="673" t="s">
        <v>78</v>
      </c>
      <c r="EF6" s="674"/>
      <c r="EG6" s="674"/>
      <c r="EH6" s="674"/>
      <c r="EI6" s="674"/>
      <c r="EJ6" s="674"/>
      <c r="EK6" s="674"/>
      <c r="EL6" s="674"/>
      <c r="EM6" s="674"/>
      <c r="EN6" s="674"/>
      <c r="EO6" s="675"/>
      <c r="EP6" s="673" t="s">
        <v>79</v>
      </c>
      <c r="EQ6" s="674"/>
      <c r="ER6" s="674"/>
      <c r="ES6" s="674"/>
      <c r="ET6" s="674"/>
      <c r="EU6" s="674"/>
      <c r="EV6" s="674"/>
      <c r="EW6" s="674"/>
      <c r="EX6" s="674"/>
      <c r="EY6" s="674"/>
      <c r="EZ6" s="675"/>
      <c r="FA6" s="676" t="s">
        <v>152</v>
      </c>
      <c r="FB6" s="674"/>
      <c r="FC6" s="674"/>
      <c r="FD6" s="674"/>
      <c r="FE6" s="674"/>
      <c r="FF6" s="674"/>
      <c r="FG6" s="674"/>
      <c r="FH6" s="674"/>
      <c r="FI6" s="674"/>
      <c r="FJ6" s="674"/>
      <c r="FK6" s="675"/>
      <c r="FL6" s="620"/>
      <c r="FM6" s="621"/>
      <c r="FN6" s="621"/>
      <c r="FO6" s="621"/>
      <c r="FP6" s="621"/>
      <c r="FQ6" s="621"/>
      <c r="FR6" s="621"/>
      <c r="FS6" s="621"/>
      <c r="FT6" s="621"/>
      <c r="FU6" s="621"/>
      <c r="FV6" s="621"/>
      <c r="FW6" s="673" t="s">
        <v>80</v>
      </c>
      <c r="FX6" s="674"/>
      <c r="FY6" s="674"/>
      <c r="FZ6" s="674"/>
      <c r="GA6" s="674"/>
      <c r="GB6" s="674"/>
      <c r="GC6" s="674"/>
      <c r="GD6" s="674"/>
      <c r="GE6" s="674"/>
      <c r="GF6" s="674"/>
      <c r="GG6" s="675"/>
      <c r="GH6" s="597" t="s">
        <v>81</v>
      </c>
      <c r="GI6" s="598"/>
      <c r="GJ6" s="598"/>
      <c r="GK6" s="598"/>
      <c r="GL6" s="598"/>
      <c r="GM6" s="598"/>
      <c r="GN6" s="598"/>
      <c r="GO6" s="598"/>
      <c r="GP6" s="598"/>
      <c r="GQ6" s="598"/>
      <c r="GR6" s="599"/>
      <c r="GS6" s="597" t="s">
        <v>82</v>
      </c>
      <c r="GT6" s="598"/>
      <c r="GU6" s="598"/>
      <c r="GV6" s="598"/>
      <c r="GW6" s="598"/>
      <c r="GX6" s="598"/>
      <c r="GY6" s="598"/>
      <c r="GZ6" s="598"/>
      <c r="HA6" s="598"/>
      <c r="HB6" s="598"/>
      <c r="HC6" s="599"/>
      <c r="HD6" s="667"/>
      <c r="HE6" s="668"/>
      <c r="HF6" s="668"/>
      <c r="HG6" s="668"/>
      <c r="HH6" s="668"/>
      <c r="HI6" s="668"/>
      <c r="HJ6" s="668"/>
      <c r="HK6" s="668"/>
      <c r="HL6" s="668"/>
      <c r="HM6" s="668"/>
      <c r="HN6" s="669"/>
      <c r="HO6" s="667"/>
      <c r="HP6" s="668"/>
      <c r="HQ6" s="668"/>
      <c r="HR6" s="668"/>
      <c r="HS6" s="668"/>
      <c r="HT6" s="668"/>
      <c r="HU6" s="668"/>
      <c r="HV6" s="668"/>
      <c r="HW6" s="668"/>
      <c r="HX6" s="668"/>
      <c r="HY6" s="669"/>
      <c r="HZ6" s="620"/>
      <c r="IA6" s="621"/>
      <c r="IB6" s="621"/>
      <c r="IC6" s="621"/>
      <c r="ID6" s="621"/>
      <c r="IE6" s="621"/>
      <c r="IF6" s="621"/>
      <c r="IG6" s="621"/>
      <c r="IH6" s="621"/>
      <c r="II6" s="621"/>
      <c r="IJ6" s="622"/>
      <c r="IK6" s="595"/>
      <c r="IL6" s="586"/>
      <c r="IM6" s="586"/>
      <c r="IN6" s="586"/>
      <c r="IO6" s="586"/>
      <c r="IP6" s="586"/>
      <c r="IQ6" s="586"/>
      <c r="IR6" s="586"/>
      <c r="IS6" s="586"/>
      <c r="IT6" s="586"/>
      <c r="IU6" s="596"/>
      <c r="IV6" s="595"/>
      <c r="IW6" s="586"/>
      <c r="IX6" s="586"/>
      <c r="IY6" s="586"/>
      <c r="IZ6" s="586"/>
      <c r="JA6" s="586"/>
      <c r="JB6" s="586"/>
      <c r="JC6" s="586"/>
      <c r="JD6" s="586"/>
      <c r="JE6" s="586"/>
      <c r="JF6" s="596"/>
      <c r="JG6" s="626"/>
      <c r="JH6" s="627"/>
      <c r="JI6" s="627"/>
      <c r="JJ6" s="627"/>
      <c r="JK6" s="627"/>
      <c r="JL6" s="627"/>
      <c r="JM6" s="627"/>
      <c r="JN6" s="627"/>
      <c r="JO6" s="627"/>
      <c r="JP6" s="627"/>
      <c r="JQ6" s="628"/>
      <c r="JR6" s="595"/>
      <c r="JS6" s="586"/>
      <c r="JT6" s="586"/>
      <c r="JU6" s="586"/>
      <c r="JV6" s="586"/>
      <c r="JW6" s="586"/>
      <c r="JX6" s="586"/>
      <c r="JY6" s="586"/>
      <c r="JZ6" s="586"/>
      <c r="KA6" s="586"/>
      <c r="KB6" s="596"/>
      <c r="KC6" s="595"/>
      <c r="KD6" s="586"/>
      <c r="KE6" s="586"/>
      <c r="KF6" s="586"/>
      <c r="KG6" s="586"/>
      <c r="KH6" s="586"/>
      <c r="KI6" s="586"/>
      <c r="KJ6" s="586"/>
      <c r="KK6" s="586"/>
      <c r="KL6" s="586"/>
      <c r="KM6" s="596"/>
      <c r="KN6" s="595"/>
      <c r="KO6" s="586"/>
      <c r="KP6" s="586"/>
      <c r="KQ6" s="586"/>
      <c r="KR6" s="586"/>
      <c r="KS6" s="586"/>
      <c r="KT6" s="586"/>
      <c r="KU6" s="586"/>
      <c r="KV6" s="586"/>
      <c r="KW6" s="586"/>
      <c r="KX6" s="596"/>
      <c r="KY6" s="595"/>
      <c r="KZ6" s="586"/>
      <c r="LA6" s="586"/>
      <c r="LB6" s="586"/>
      <c r="LC6" s="586"/>
      <c r="LD6" s="586"/>
      <c r="LE6" s="586"/>
      <c r="LF6" s="586"/>
      <c r="LG6" s="586"/>
      <c r="LH6" s="586"/>
      <c r="LI6" s="596"/>
      <c r="LJ6" s="620"/>
      <c r="LK6" s="621"/>
      <c r="LL6" s="621"/>
      <c r="LM6" s="621"/>
      <c r="LN6" s="621"/>
      <c r="LO6" s="621"/>
      <c r="LP6" s="621"/>
      <c r="LQ6" s="621"/>
      <c r="LR6" s="621"/>
      <c r="LS6" s="621"/>
      <c r="LT6" s="622"/>
      <c r="LU6" s="635"/>
      <c r="LV6" s="636"/>
      <c r="LW6" s="636"/>
      <c r="LX6" s="636"/>
      <c r="LY6" s="636"/>
      <c r="LZ6" s="636"/>
      <c r="MA6" s="636"/>
      <c r="MB6" s="636"/>
      <c r="MC6" s="636"/>
      <c r="MD6" s="636"/>
      <c r="ME6" s="637"/>
      <c r="MF6" s="620"/>
      <c r="MG6" s="621"/>
      <c r="MH6" s="621"/>
      <c r="MI6" s="621"/>
      <c r="MJ6" s="621"/>
      <c r="MK6" s="621"/>
      <c r="ML6" s="621"/>
      <c r="MM6" s="621"/>
      <c r="MN6" s="621"/>
      <c r="MO6" s="621"/>
      <c r="MP6" s="622"/>
      <c r="MQ6" s="595"/>
      <c r="MR6" s="586"/>
      <c r="MS6" s="586"/>
      <c r="MT6" s="586"/>
      <c r="MU6" s="586"/>
      <c r="MV6" s="586"/>
      <c r="MW6" s="586"/>
      <c r="MX6" s="586"/>
      <c r="MY6" s="586"/>
      <c r="MZ6" s="586"/>
      <c r="NA6" s="596"/>
      <c r="NB6" s="595"/>
      <c r="NC6" s="586"/>
      <c r="ND6" s="586"/>
      <c r="NE6" s="586"/>
      <c r="NF6" s="586"/>
      <c r="NG6" s="586"/>
      <c r="NH6" s="586"/>
      <c r="NI6" s="586"/>
      <c r="NJ6" s="586"/>
      <c r="NK6" s="586"/>
      <c r="NL6" s="596"/>
      <c r="NM6" s="595"/>
      <c r="NN6" s="586"/>
      <c r="NO6" s="586"/>
      <c r="NP6" s="586"/>
      <c r="NQ6" s="586"/>
      <c r="NR6" s="586"/>
      <c r="NS6" s="586"/>
      <c r="NT6" s="586"/>
      <c r="NU6" s="586"/>
      <c r="NV6" s="586"/>
      <c r="NW6" s="596"/>
      <c r="NX6" s="645"/>
      <c r="NY6" s="646"/>
      <c r="NZ6" s="646"/>
      <c r="OA6" s="646"/>
      <c r="OB6" s="646"/>
      <c r="OC6" s="646"/>
      <c r="OD6" s="646"/>
      <c r="OE6" s="646"/>
      <c r="OF6" s="646"/>
      <c r="OG6" s="646"/>
      <c r="OH6" s="647"/>
      <c r="OI6" s="595"/>
      <c r="OJ6" s="586"/>
      <c r="OK6" s="586"/>
      <c r="OL6" s="586"/>
      <c r="OM6" s="586"/>
      <c r="ON6" s="586"/>
      <c r="OO6" s="586"/>
      <c r="OP6" s="586"/>
      <c r="OQ6" s="586"/>
      <c r="OR6" s="586"/>
      <c r="OS6" s="596"/>
    </row>
    <row r="7" spans="1:409" ht="18" customHeight="1" x14ac:dyDescent="0.2">
      <c r="B7" s="656"/>
      <c r="C7" s="577" t="s">
        <v>61</v>
      </c>
      <c r="D7" s="577"/>
      <c r="E7" s="577"/>
      <c r="F7" s="576" t="s">
        <v>62</v>
      </c>
      <c r="G7" s="577"/>
      <c r="H7" s="577"/>
      <c r="I7" s="577"/>
      <c r="J7" s="577"/>
      <c r="K7" s="577"/>
      <c r="L7" s="577"/>
      <c r="M7" s="576" t="s">
        <v>52</v>
      </c>
      <c r="N7" s="671" t="s">
        <v>61</v>
      </c>
      <c r="O7" s="577"/>
      <c r="P7" s="577"/>
      <c r="Q7" s="576" t="s">
        <v>62</v>
      </c>
      <c r="R7" s="577"/>
      <c r="S7" s="577"/>
      <c r="T7" s="577"/>
      <c r="U7" s="577"/>
      <c r="V7" s="577"/>
      <c r="W7" s="578"/>
      <c r="X7" s="611" t="s">
        <v>52</v>
      </c>
      <c r="Y7" s="595" t="s">
        <v>61</v>
      </c>
      <c r="Z7" s="586"/>
      <c r="AA7" s="587"/>
      <c r="AB7" s="585" t="s">
        <v>62</v>
      </c>
      <c r="AC7" s="586"/>
      <c r="AD7" s="586"/>
      <c r="AE7" s="586"/>
      <c r="AF7" s="586"/>
      <c r="AG7" s="586"/>
      <c r="AH7" s="587"/>
      <c r="AI7" s="596" t="s">
        <v>52</v>
      </c>
      <c r="AJ7" s="573" t="s">
        <v>61</v>
      </c>
      <c r="AK7" s="574"/>
      <c r="AL7" s="575"/>
      <c r="AM7" s="609" t="s">
        <v>62</v>
      </c>
      <c r="AN7" s="574"/>
      <c r="AO7" s="574"/>
      <c r="AP7" s="574"/>
      <c r="AQ7" s="574"/>
      <c r="AR7" s="574"/>
      <c r="AS7" s="610"/>
      <c r="AT7" s="672" t="s">
        <v>52</v>
      </c>
      <c r="AU7" s="590" t="s">
        <v>61</v>
      </c>
      <c r="AV7" s="583"/>
      <c r="AW7" s="584"/>
      <c r="AX7" s="612" t="s">
        <v>62</v>
      </c>
      <c r="AY7" s="583"/>
      <c r="AZ7" s="583"/>
      <c r="BA7" s="583"/>
      <c r="BB7" s="583"/>
      <c r="BC7" s="583"/>
      <c r="BD7" s="613"/>
      <c r="BE7" s="596" t="s">
        <v>52</v>
      </c>
      <c r="BF7" s="590" t="s">
        <v>61</v>
      </c>
      <c r="BG7" s="583"/>
      <c r="BH7" s="584"/>
      <c r="BI7" s="612" t="s">
        <v>62</v>
      </c>
      <c r="BJ7" s="583"/>
      <c r="BK7" s="583"/>
      <c r="BL7" s="583"/>
      <c r="BM7" s="583"/>
      <c r="BN7" s="583"/>
      <c r="BO7" s="613"/>
      <c r="BP7" s="596" t="s">
        <v>52</v>
      </c>
      <c r="BQ7" s="590" t="s">
        <v>61</v>
      </c>
      <c r="BR7" s="583"/>
      <c r="BS7" s="584"/>
      <c r="BT7" s="612" t="s">
        <v>62</v>
      </c>
      <c r="BU7" s="583"/>
      <c r="BV7" s="583"/>
      <c r="BW7" s="583"/>
      <c r="BX7" s="583"/>
      <c r="BY7" s="583"/>
      <c r="BZ7" s="613"/>
      <c r="CA7" s="596" t="s">
        <v>52</v>
      </c>
      <c r="CB7" s="573" t="s">
        <v>61</v>
      </c>
      <c r="CC7" s="574"/>
      <c r="CD7" s="575"/>
      <c r="CE7" s="609" t="s">
        <v>62</v>
      </c>
      <c r="CF7" s="574"/>
      <c r="CG7" s="574"/>
      <c r="CH7" s="574"/>
      <c r="CI7" s="574"/>
      <c r="CJ7" s="574"/>
      <c r="CK7" s="610"/>
      <c r="CL7" s="611" t="s">
        <v>52</v>
      </c>
      <c r="CM7" s="590" t="s">
        <v>61</v>
      </c>
      <c r="CN7" s="583"/>
      <c r="CO7" s="613"/>
      <c r="CP7" s="612" t="s">
        <v>62</v>
      </c>
      <c r="CQ7" s="583"/>
      <c r="CR7" s="583"/>
      <c r="CS7" s="583"/>
      <c r="CT7" s="583"/>
      <c r="CU7" s="583"/>
      <c r="CV7" s="613"/>
      <c r="CW7" s="607" t="s">
        <v>52</v>
      </c>
      <c r="CX7" s="590" t="s">
        <v>61</v>
      </c>
      <c r="CY7" s="583"/>
      <c r="CZ7" s="613"/>
      <c r="DA7" s="612" t="s">
        <v>62</v>
      </c>
      <c r="DB7" s="583"/>
      <c r="DC7" s="583"/>
      <c r="DD7" s="583"/>
      <c r="DE7" s="583"/>
      <c r="DF7" s="583"/>
      <c r="DG7" s="613"/>
      <c r="DH7" s="607" t="s">
        <v>52</v>
      </c>
      <c r="DI7" s="573" t="s">
        <v>61</v>
      </c>
      <c r="DJ7" s="574"/>
      <c r="DK7" s="610"/>
      <c r="DL7" s="609" t="s">
        <v>62</v>
      </c>
      <c r="DM7" s="574"/>
      <c r="DN7" s="574"/>
      <c r="DO7" s="574"/>
      <c r="DP7" s="574"/>
      <c r="DQ7" s="574"/>
      <c r="DR7" s="610"/>
      <c r="DS7" s="611" t="s">
        <v>52</v>
      </c>
      <c r="DT7" s="590" t="s">
        <v>61</v>
      </c>
      <c r="DU7" s="583"/>
      <c r="DV7" s="584"/>
      <c r="DW7" s="612" t="s">
        <v>62</v>
      </c>
      <c r="DX7" s="583"/>
      <c r="DY7" s="583"/>
      <c r="DZ7" s="583"/>
      <c r="EA7" s="583"/>
      <c r="EB7" s="583"/>
      <c r="EC7" s="613"/>
      <c r="ED7" s="596" t="s">
        <v>52</v>
      </c>
      <c r="EE7" s="590" t="s">
        <v>61</v>
      </c>
      <c r="EF7" s="583"/>
      <c r="EG7" s="584"/>
      <c r="EH7" s="612" t="s">
        <v>62</v>
      </c>
      <c r="EI7" s="583"/>
      <c r="EJ7" s="583"/>
      <c r="EK7" s="583"/>
      <c r="EL7" s="583"/>
      <c r="EM7" s="583"/>
      <c r="EN7" s="613"/>
      <c r="EO7" s="596" t="s">
        <v>52</v>
      </c>
      <c r="EP7" s="590" t="s">
        <v>61</v>
      </c>
      <c r="EQ7" s="583"/>
      <c r="ER7" s="584"/>
      <c r="ES7" s="612" t="s">
        <v>62</v>
      </c>
      <c r="ET7" s="583"/>
      <c r="EU7" s="583"/>
      <c r="EV7" s="583"/>
      <c r="EW7" s="583"/>
      <c r="EX7" s="583"/>
      <c r="EY7" s="613"/>
      <c r="EZ7" s="596" t="s">
        <v>52</v>
      </c>
      <c r="FA7" s="590" t="s">
        <v>61</v>
      </c>
      <c r="FB7" s="583"/>
      <c r="FC7" s="584"/>
      <c r="FD7" s="612" t="s">
        <v>62</v>
      </c>
      <c r="FE7" s="583"/>
      <c r="FF7" s="583"/>
      <c r="FG7" s="583"/>
      <c r="FH7" s="583"/>
      <c r="FI7" s="583"/>
      <c r="FJ7" s="613"/>
      <c r="FK7" s="596" t="s">
        <v>52</v>
      </c>
      <c r="FL7" s="573" t="s">
        <v>61</v>
      </c>
      <c r="FM7" s="574"/>
      <c r="FN7" s="575"/>
      <c r="FO7" s="609" t="s">
        <v>62</v>
      </c>
      <c r="FP7" s="574"/>
      <c r="FQ7" s="574"/>
      <c r="FR7" s="574"/>
      <c r="FS7" s="574"/>
      <c r="FT7" s="574"/>
      <c r="FU7" s="610"/>
      <c r="FV7" s="577" t="s">
        <v>52</v>
      </c>
      <c r="FW7" s="590" t="s">
        <v>61</v>
      </c>
      <c r="FX7" s="583"/>
      <c r="FY7" s="584"/>
      <c r="FZ7" s="612" t="s">
        <v>62</v>
      </c>
      <c r="GA7" s="583"/>
      <c r="GB7" s="583"/>
      <c r="GC7" s="583"/>
      <c r="GD7" s="583"/>
      <c r="GE7" s="583"/>
      <c r="GF7" s="613"/>
      <c r="GG7" s="596" t="s">
        <v>52</v>
      </c>
      <c r="GH7" s="595" t="s">
        <v>61</v>
      </c>
      <c r="GI7" s="586"/>
      <c r="GJ7" s="586"/>
      <c r="GK7" s="585" t="s">
        <v>62</v>
      </c>
      <c r="GL7" s="586"/>
      <c r="GM7" s="586"/>
      <c r="GN7" s="586"/>
      <c r="GO7" s="586"/>
      <c r="GP7" s="586"/>
      <c r="GQ7" s="587"/>
      <c r="GR7" s="653" t="s">
        <v>52</v>
      </c>
      <c r="GS7" s="595" t="s">
        <v>61</v>
      </c>
      <c r="GT7" s="586"/>
      <c r="GU7" s="587"/>
      <c r="GV7" s="585" t="s">
        <v>62</v>
      </c>
      <c r="GW7" s="586"/>
      <c r="GX7" s="586"/>
      <c r="GY7" s="586"/>
      <c r="GZ7" s="586"/>
      <c r="HA7" s="586"/>
      <c r="HB7" s="587"/>
      <c r="HC7" s="653" t="s">
        <v>52</v>
      </c>
      <c r="HD7" s="590" t="s">
        <v>61</v>
      </c>
      <c r="HE7" s="583"/>
      <c r="HF7" s="584"/>
      <c r="HG7" s="612" t="s">
        <v>62</v>
      </c>
      <c r="HH7" s="583"/>
      <c r="HI7" s="583"/>
      <c r="HJ7" s="583"/>
      <c r="HK7" s="583"/>
      <c r="HL7" s="583"/>
      <c r="HM7" s="613"/>
      <c r="HN7" s="596" t="s">
        <v>52</v>
      </c>
      <c r="HO7" s="590" t="s">
        <v>61</v>
      </c>
      <c r="HP7" s="583"/>
      <c r="HQ7" s="584"/>
      <c r="HR7" s="612" t="s">
        <v>62</v>
      </c>
      <c r="HS7" s="583"/>
      <c r="HT7" s="583"/>
      <c r="HU7" s="583"/>
      <c r="HV7" s="583"/>
      <c r="HW7" s="583"/>
      <c r="HX7" s="613"/>
      <c r="HY7" s="596" t="s">
        <v>52</v>
      </c>
      <c r="HZ7" s="573" t="s">
        <v>61</v>
      </c>
      <c r="IA7" s="574"/>
      <c r="IB7" s="575"/>
      <c r="IC7" s="609" t="s">
        <v>62</v>
      </c>
      <c r="ID7" s="574"/>
      <c r="IE7" s="574"/>
      <c r="IF7" s="574"/>
      <c r="IG7" s="574"/>
      <c r="IH7" s="574"/>
      <c r="II7" s="610"/>
      <c r="IJ7" s="577" t="s">
        <v>52</v>
      </c>
      <c r="IK7" s="590" t="s">
        <v>61</v>
      </c>
      <c r="IL7" s="583"/>
      <c r="IM7" s="584"/>
      <c r="IN7" s="612" t="s">
        <v>62</v>
      </c>
      <c r="IO7" s="583"/>
      <c r="IP7" s="583"/>
      <c r="IQ7" s="583"/>
      <c r="IR7" s="583"/>
      <c r="IS7" s="583"/>
      <c r="IT7" s="613"/>
      <c r="IU7" s="596" t="s">
        <v>52</v>
      </c>
      <c r="IV7" s="590" t="s">
        <v>61</v>
      </c>
      <c r="IW7" s="583"/>
      <c r="IX7" s="613"/>
      <c r="IY7" s="612" t="s">
        <v>62</v>
      </c>
      <c r="IZ7" s="583"/>
      <c r="JA7" s="583"/>
      <c r="JB7" s="583"/>
      <c r="JC7" s="583"/>
      <c r="JD7" s="583"/>
      <c r="JE7" s="613"/>
      <c r="JF7" s="596" t="s">
        <v>52</v>
      </c>
      <c r="JG7" s="590" t="s">
        <v>61</v>
      </c>
      <c r="JH7" s="583"/>
      <c r="JI7" s="584"/>
      <c r="JJ7" s="612" t="s">
        <v>62</v>
      </c>
      <c r="JK7" s="583"/>
      <c r="JL7" s="583"/>
      <c r="JM7" s="583"/>
      <c r="JN7" s="583"/>
      <c r="JO7" s="583"/>
      <c r="JP7" s="613"/>
      <c r="JQ7" s="607" t="s">
        <v>52</v>
      </c>
      <c r="JR7" s="590" t="s">
        <v>61</v>
      </c>
      <c r="JS7" s="583"/>
      <c r="JT7" s="584"/>
      <c r="JU7" s="612" t="s">
        <v>62</v>
      </c>
      <c r="JV7" s="583"/>
      <c r="JW7" s="583"/>
      <c r="JX7" s="583"/>
      <c r="JY7" s="583"/>
      <c r="JZ7" s="583"/>
      <c r="KA7" s="613"/>
      <c r="KB7" s="607" t="s">
        <v>52</v>
      </c>
      <c r="KC7" s="590" t="s">
        <v>61</v>
      </c>
      <c r="KD7" s="583"/>
      <c r="KE7" s="584"/>
      <c r="KF7" s="612" t="s">
        <v>62</v>
      </c>
      <c r="KG7" s="583"/>
      <c r="KH7" s="583"/>
      <c r="KI7" s="583"/>
      <c r="KJ7" s="583"/>
      <c r="KK7" s="583"/>
      <c r="KL7" s="613"/>
      <c r="KM7" s="607" t="s">
        <v>52</v>
      </c>
      <c r="KN7" s="590" t="s">
        <v>61</v>
      </c>
      <c r="KO7" s="583"/>
      <c r="KP7" s="584"/>
      <c r="KQ7" s="612" t="s">
        <v>62</v>
      </c>
      <c r="KR7" s="583"/>
      <c r="KS7" s="583"/>
      <c r="KT7" s="583"/>
      <c r="KU7" s="583"/>
      <c r="KV7" s="583"/>
      <c r="KW7" s="613"/>
      <c r="KX7" s="607" t="s">
        <v>52</v>
      </c>
      <c r="KY7" s="590" t="s">
        <v>61</v>
      </c>
      <c r="KZ7" s="583"/>
      <c r="LA7" s="584"/>
      <c r="LB7" s="612" t="s">
        <v>62</v>
      </c>
      <c r="LC7" s="583"/>
      <c r="LD7" s="583"/>
      <c r="LE7" s="583"/>
      <c r="LF7" s="583"/>
      <c r="LG7" s="583"/>
      <c r="LH7" s="613"/>
      <c r="LI7" s="607" t="s">
        <v>52</v>
      </c>
      <c r="LJ7" s="590" t="s">
        <v>61</v>
      </c>
      <c r="LK7" s="583"/>
      <c r="LL7" s="584"/>
      <c r="LM7" s="612" t="s">
        <v>62</v>
      </c>
      <c r="LN7" s="583"/>
      <c r="LO7" s="583"/>
      <c r="LP7" s="583"/>
      <c r="LQ7" s="583"/>
      <c r="LR7" s="583"/>
      <c r="LS7" s="613"/>
      <c r="LT7" s="607" t="s">
        <v>52</v>
      </c>
      <c r="LU7" s="590" t="s">
        <v>61</v>
      </c>
      <c r="LV7" s="583"/>
      <c r="LW7" s="584"/>
      <c r="LX7" s="612" t="s">
        <v>62</v>
      </c>
      <c r="LY7" s="583"/>
      <c r="LZ7" s="583"/>
      <c r="MA7" s="583"/>
      <c r="MB7" s="583"/>
      <c r="MC7" s="583"/>
      <c r="MD7" s="613"/>
      <c r="ME7" s="607" t="s">
        <v>52</v>
      </c>
      <c r="MF7" s="573" t="s">
        <v>61</v>
      </c>
      <c r="MG7" s="574"/>
      <c r="MH7" s="575"/>
      <c r="MI7" s="609" t="s">
        <v>62</v>
      </c>
      <c r="MJ7" s="574"/>
      <c r="MK7" s="574"/>
      <c r="ML7" s="574"/>
      <c r="MM7" s="574"/>
      <c r="MN7" s="574"/>
      <c r="MO7" s="610"/>
      <c r="MP7" s="611" t="s">
        <v>52</v>
      </c>
      <c r="MQ7" s="590" t="s">
        <v>61</v>
      </c>
      <c r="MR7" s="583"/>
      <c r="MS7" s="584"/>
      <c r="MT7" s="612" t="s">
        <v>62</v>
      </c>
      <c r="MU7" s="583"/>
      <c r="MV7" s="583"/>
      <c r="MW7" s="583"/>
      <c r="MX7" s="583"/>
      <c r="MY7" s="583"/>
      <c r="MZ7" s="613"/>
      <c r="NA7" s="607" t="s">
        <v>52</v>
      </c>
      <c r="NB7" s="590" t="s">
        <v>61</v>
      </c>
      <c r="NC7" s="583"/>
      <c r="ND7" s="584"/>
      <c r="NE7" s="612" t="s">
        <v>62</v>
      </c>
      <c r="NF7" s="583"/>
      <c r="NG7" s="583"/>
      <c r="NH7" s="583"/>
      <c r="NI7" s="583"/>
      <c r="NJ7" s="583"/>
      <c r="NK7" s="613"/>
      <c r="NL7" s="607" t="s">
        <v>52</v>
      </c>
      <c r="NM7" s="590" t="s">
        <v>61</v>
      </c>
      <c r="NN7" s="583"/>
      <c r="NO7" s="584"/>
      <c r="NP7" s="612" t="s">
        <v>62</v>
      </c>
      <c r="NQ7" s="583"/>
      <c r="NR7" s="583"/>
      <c r="NS7" s="583"/>
      <c r="NT7" s="583"/>
      <c r="NU7" s="583"/>
      <c r="NV7" s="613"/>
      <c r="NW7" s="607" t="s">
        <v>52</v>
      </c>
      <c r="NX7" s="590" t="s">
        <v>61</v>
      </c>
      <c r="NY7" s="583"/>
      <c r="NZ7" s="584"/>
      <c r="OA7" s="612" t="s">
        <v>62</v>
      </c>
      <c r="OB7" s="583"/>
      <c r="OC7" s="583"/>
      <c r="OD7" s="583"/>
      <c r="OE7" s="583"/>
      <c r="OF7" s="583"/>
      <c r="OG7" s="613"/>
      <c r="OH7" s="607" t="s">
        <v>52</v>
      </c>
      <c r="OI7" s="573" t="s">
        <v>61</v>
      </c>
      <c r="OJ7" s="574"/>
      <c r="OK7" s="575"/>
      <c r="OL7" s="609" t="s">
        <v>62</v>
      </c>
      <c r="OM7" s="574"/>
      <c r="ON7" s="574"/>
      <c r="OO7" s="574"/>
      <c r="OP7" s="574"/>
      <c r="OQ7" s="574"/>
      <c r="OR7" s="610"/>
      <c r="OS7" s="611" t="s">
        <v>52</v>
      </c>
    </row>
    <row r="8" spans="1:409" ht="28.5" customHeight="1" thickBot="1" x14ac:dyDescent="0.25">
      <c r="B8" s="657"/>
      <c r="C8" s="65" t="s">
        <v>43</v>
      </c>
      <c r="D8" s="16" t="s">
        <v>44</v>
      </c>
      <c r="E8" s="41" t="s">
        <v>45</v>
      </c>
      <c r="F8" s="42" t="s">
        <v>83</v>
      </c>
      <c r="G8" s="16" t="s">
        <v>47</v>
      </c>
      <c r="H8" s="16" t="s">
        <v>48</v>
      </c>
      <c r="I8" s="16" t="s">
        <v>49</v>
      </c>
      <c r="J8" s="16" t="s">
        <v>50</v>
      </c>
      <c r="K8" s="16" t="s">
        <v>51</v>
      </c>
      <c r="L8" s="17" t="s">
        <v>45</v>
      </c>
      <c r="M8" s="670"/>
      <c r="N8" s="40" t="s">
        <v>43</v>
      </c>
      <c r="O8" s="16" t="s">
        <v>44</v>
      </c>
      <c r="P8" s="17" t="s">
        <v>45</v>
      </c>
      <c r="Q8" s="42" t="s">
        <v>83</v>
      </c>
      <c r="R8" s="16" t="s">
        <v>47</v>
      </c>
      <c r="S8" s="16" t="s">
        <v>48</v>
      </c>
      <c r="T8" s="16" t="s">
        <v>49</v>
      </c>
      <c r="U8" s="16" t="s">
        <v>50</v>
      </c>
      <c r="V8" s="16" t="s">
        <v>51</v>
      </c>
      <c r="W8" s="17" t="s">
        <v>45</v>
      </c>
      <c r="X8" s="652"/>
      <c r="Y8" s="40" t="s">
        <v>43</v>
      </c>
      <c r="Z8" s="16" t="s">
        <v>44</v>
      </c>
      <c r="AA8" s="17" t="s">
        <v>45</v>
      </c>
      <c r="AB8" s="42" t="s">
        <v>83</v>
      </c>
      <c r="AC8" s="16" t="s">
        <v>47</v>
      </c>
      <c r="AD8" s="16" t="s">
        <v>48</v>
      </c>
      <c r="AE8" s="16" t="s">
        <v>49</v>
      </c>
      <c r="AF8" s="16" t="s">
        <v>50</v>
      </c>
      <c r="AG8" s="16" t="s">
        <v>51</v>
      </c>
      <c r="AH8" s="17" t="s">
        <v>45</v>
      </c>
      <c r="AI8" s="651"/>
      <c r="AJ8" s="40" t="s">
        <v>43</v>
      </c>
      <c r="AK8" s="16" t="s">
        <v>44</v>
      </c>
      <c r="AL8" s="41" t="s">
        <v>45</v>
      </c>
      <c r="AM8" s="42" t="s">
        <v>83</v>
      </c>
      <c r="AN8" s="16" t="s">
        <v>47</v>
      </c>
      <c r="AO8" s="16" t="s">
        <v>48</v>
      </c>
      <c r="AP8" s="16" t="s">
        <v>49</v>
      </c>
      <c r="AQ8" s="16" t="s">
        <v>50</v>
      </c>
      <c r="AR8" s="16" t="s">
        <v>51</v>
      </c>
      <c r="AS8" s="17" t="s">
        <v>45</v>
      </c>
      <c r="AT8" s="651"/>
      <c r="AU8" s="40" t="s">
        <v>43</v>
      </c>
      <c r="AV8" s="16" t="s">
        <v>44</v>
      </c>
      <c r="AW8" s="41" t="s">
        <v>45</v>
      </c>
      <c r="AX8" s="42" t="s">
        <v>83</v>
      </c>
      <c r="AY8" s="16" t="s">
        <v>47</v>
      </c>
      <c r="AZ8" s="16" t="s">
        <v>48</v>
      </c>
      <c r="BA8" s="16" t="s">
        <v>49</v>
      </c>
      <c r="BB8" s="16" t="s">
        <v>50</v>
      </c>
      <c r="BC8" s="16" t="s">
        <v>51</v>
      </c>
      <c r="BD8" s="17" t="s">
        <v>45</v>
      </c>
      <c r="BE8" s="651"/>
      <c r="BF8" s="61" t="s">
        <v>43</v>
      </c>
      <c r="BG8" s="16" t="s">
        <v>44</v>
      </c>
      <c r="BH8" s="41" t="s">
        <v>45</v>
      </c>
      <c r="BI8" s="42" t="s">
        <v>83</v>
      </c>
      <c r="BJ8" s="16" t="s">
        <v>47</v>
      </c>
      <c r="BK8" s="16" t="s">
        <v>48</v>
      </c>
      <c r="BL8" s="16" t="s">
        <v>49</v>
      </c>
      <c r="BM8" s="16" t="s">
        <v>50</v>
      </c>
      <c r="BN8" s="16" t="s">
        <v>51</v>
      </c>
      <c r="BO8" s="17" t="s">
        <v>45</v>
      </c>
      <c r="BP8" s="651"/>
      <c r="BQ8" s="40" t="s">
        <v>43</v>
      </c>
      <c r="BR8" s="16" t="s">
        <v>44</v>
      </c>
      <c r="BS8" s="41" t="s">
        <v>45</v>
      </c>
      <c r="BT8" s="42" t="s">
        <v>83</v>
      </c>
      <c r="BU8" s="16" t="s">
        <v>47</v>
      </c>
      <c r="BV8" s="16" t="s">
        <v>48</v>
      </c>
      <c r="BW8" s="16" t="s">
        <v>49</v>
      </c>
      <c r="BX8" s="16" t="s">
        <v>50</v>
      </c>
      <c r="BY8" s="16" t="s">
        <v>51</v>
      </c>
      <c r="BZ8" s="17" t="s">
        <v>45</v>
      </c>
      <c r="CA8" s="651"/>
      <c r="CB8" s="40" t="s">
        <v>43</v>
      </c>
      <c r="CC8" s="16" t="s">
        <v>44</v>
      </c>
      <c r="CD8" s="41" t="s">
        <v>45</v>
      </c>
      <c r="CE8" s="42" t="s">
        <v>83</v>
      </c>
      <c r="CF8" s="16" t="s">
        <v>47</v>
      </c>
      <c r="CG8" s="16" t="s">
        <v>48</v>
      </c>
      <c r="CH8" s="16" t="s">
        <v>49</v>
      </c>
      <c r="CI8" s="16" t="s">
        <v>50</v>
      </c>
      <c r="CJ8" s="16" t="s">
        <v>51</v>
      </c>
      <c r="CK8" s="17" t="s">
        <v>45</v>
      </c>
      <c r="CL8" s="652"/>
      <c r="CM8" s="40" t="s">
        <v>43</v>
      </c>
      <c r="CN8" s="16" t="s">
        <v>44</v>
      </c>
      <c r="CO8" s="17" t="s">
        <v>45</v>
      </c>
      <c r="CP8" s="42" t="s">
        <v>83</v>
      </c>
      <c r="CQ8" s="16" t="s">
        <v>47</v>
      </c>
      <c r="CR8" s="16" t="s">
        <v>48</v>
      </c>
      <c r="CS8" s="16" t="s">
        <v>49</v>
      </c>
      <c r="CT8" s="16" t="s">
        <v>50</v>
      </c>
      <c r="CU8" s="16" t="s">
        <v>51</v>
      </c>
      <c r="CV8" s="17" t="s">
        <v>45</v>
      </c>
      <c r="CW8" s="652"/>
      <c r="CX8" s="40" t="s">
        <v>43</v>
      </c>
      <c r="CY8" s="16" t="s">
        <v>44</v>
      </c>
      <c r="CZ8" s="17" t="s">
        <v>45</v>
      </c>
      <c r="DA8" s="42" t="s">
        <v>83</v>
      </c>
      <c r="DB8" s="16" t="s">
        <v>47</v>
      </c>
      <c r="DC8" s="16" t="s">
        <v>48</v>
      </c>
      <c r="DD8" s="16" t="s">
        <v>49</v>
      </c>
      <c r="DE8" s="16" t="s">
        <v>50</v>
      </c>
      <c r="DF8" s="16" t="s">
        <v>51</v>
      </c>
      <c r="DG8" s="17" t="s">
        <v>45</v>
      </c>
      <c r="DH8" s="652"/>
      <c r="DI8" s="40" t="s">
        <v>43</v>
      </c>
      <c r="DJ8" s="16" t="s">
        <v>44</v>
      </c>
      <c r="DK8" s="17" t="s">
        <v>45</v>
      </c>
      <c r="DL8" s="42" t="s">
        <v>83</v>
      </c>
      <c r="DM8" s="16" t="s">
        <v>47</v>
      </c>
      <c r="DN8" s="16" t="s">
        <v>48</v>
      </c>
      <c r="DO8" s="16" t="s">
        <v>49</v>
      </c>
      <c r="DP8" s="16" t="s">
        <v>50</v>
      </c>
      <c r="DQ8" s="16" t="s">
        <v>51</v>
      </c>
      <c r="DR8" s="17" t="s">
        <v>45</v>
      </c>
      <c r="DS8" s="652"/>
      <c r="DT8" s="40" t="s">
        <v>43</v>
      </c>
      <c r="DU8" s="16" t="s">
        <v>44</v>
      </c>
      <c r="DV8" s="41" t="s">
        <v>45</v>
      </c>
      <c r="DW8" s="42" t="s">
        <v>83</v>
      </c>
      <c r="DX8" s="16" t="s">
        <v>47</v>
      </c>
      <c r="DY8" s="16" t="s">
        <v>48</v>
      </c>
      <c r="DZ8" s="16" t="s">
        <v>49</v>
      </c>
      <c r="EA8" s="16" t="s">
        <v>50</v>
      </c>
      <c r="EB8" s="16" t="s">
        <v>51</v>
      </c>
      <c r="EC8" s="17" t="s">
        <v>45</v>
      </c>
      <c r="ED8" s="651"/>
      <c r="EE8" s="40" t="s">
        <v>43</v>
      </c>
      <c r="EF8" s="16" t="s">
        <v>44</v>
      </c>
      <c r="EG8" s="41" t="s">
        <v>45</v>
      </c>
      <c r="EH8" s="42" t="s">
        <v>83</v>
      </c>
      <c r="EI8" s="16" t="s">
        <v>47</v>
      </c>
      <c r="EJ8" s="16" t="s">
        <v>48</v>
      </c>
      <c r="EK8" s="16" t="s">
        <v>49</v>
      </c>
      <c r="EL8" s="16" t="s">
        <v>50</v>
      </c>
      <c r="EM8" s="16" t="s">
        <v>51</v>
      </c>
      <c r="EN8" s="17" t="s">
        <v>45</v>
      </c>
      <c r="EO8" s="651"/>
      <c r="EP8" s="40" t="s">
        <v>43</v>
      </c>
      <c r="EQ8" s="16" t="s">
        <v>44</v>
      </c>
      <c r="ER8" s="41" t="s">
        <v>45</v>
      </c>
      <c r="ES8" s="42" t="s">
        <v>83</v>
      </c>
      <c r="ET8" s="16" t="s">
        <v>47</v>
      </c>
      <c r="EU8" s="16" t="s">
        <v>48</v>
      </c>
      <c r="EV8" s="16" t="s">
        <v>49</v>
      </c>
      <c r="EW8" s="16" t="s">
        <v>50</v>
      </c>
      <c r="EX8" s="16" t="s">
        <v>51</v>
      </c>
      <c r="EY8" s="17" t="s">
        <v>45</v>
      </c>
      <c r="EZ8" s="651"/>
      <c r="FA8" s="40" t="s">
        <v>43</v>
      </c>
      <c r="FB8" s="16" t="s">
        <v>44</v>
      </c>
      <c r="FC8" s="41" t="s">
        <v>45</v>
      </c>
      <c r="FD8" s="42" t="s">
        <v>83</v>
      </c>
      <c r="FE8" s="16" t="s">
        <v>47</v>
      </c>
      <c r="FF8" s="16" t="s">
        <v>48</v>
      </c>
      <c r="FG8" s="16" t="s">
        <v>49</v>
      </c>
      <c r="FH8" s="16" t="s">
        <v>50</v>
      </c>
      <c r="FI8" s="16" t="s">
        <v>51</v>
      </c>
      <c r="FJ8" s="17" t="s">
        <v>45</v>
      </c>
      <c r="FK8" s="651"/>
      <c r="FL8" s="40" t="s">
        <v>43</v>
      </c>
      <c r="FM8" s="16" t="s">
        <v>44</v>
      </c>
      <c r="FN8" s="41" t="s">
        <v>45</v>
      </c>
      <c r="FO8" s="42" t="s">
        <v>83</v>
      </c>
      <c r="FP8" s="16" t="s">
        <v>47</v>
      </c>
      <c r="FQ8" s="16" t="s">
        <v>48</v>
      </c>
      <c r="FR8" s="16" t="s">
        <v>49</v>
      </c>
      <c r="FS8" s="16" t="s">
        <v>50</v>
      </c>
      <c r="FT8" s="16" t="s">
        <v>51</v>
      </c>
      <c r="FU8" s="17" t="s">
        <v>45</v>
      </c>
      <c r="FV8" s="649"/>
      <c r="FW8" s="40" t="s">
        <v>43</v>
      </c>
      <c r="FX8" s="16" t="s">
        <v>44</v>
      </c>
      <c r="FY8" s="41" t="s">
        <v>45</v>
      </c>
      <c r="FZ8" s="42" t="s">
        <v>83</v>
      </c>
      <c r="GA8" s="16" t="s">
        <v>47</v>
      </c>
      <c r="GB8" s="16" t="s">
        <v>48</v>
      </c>
      <c r="GC8" s="16" t="s">
        <v>49</v>
      </c>
      <c r="GD8" s="16" t="s">
        <v>50</v>
      </c>
      <c r="GE8" s="16" t="s">
        <v>51</v>
      </c>
      <c r="GF8" s="17" t="s">
        <v>45</v>
      </c>
      <c r="GG8" s="651"/>
      <c r="GH8" s="40" t="s">
        <v>43</v>
      </c>
      <c r="GI8" s="16" t="s">
        <v>44</v>
      </c>
      <c r="GJ8" s="41" t="s">
        <v>45</v>
      </c>
      <c r="GK8" s="42" t="s">
        <v>83</v>
      </c>
      <c r="GL8" s="16" t="s">
        <v>47</v>
      </c>
      <c r="GM8" s="16" t="s">
        <v>48</v>
      </c>
      <c r="GN8" s="16" t="s">
        <v>49</v>
      </c>
      <c r="GO8" s="16" t="s">
        <v>50</v>
      </c>
      <c r="GP8" s="16" t="s">
        <v>51</v>
      </c>
      <c r="GQ8" s="17" t="s">
        <v>45</v>
      </c>
      <c r="GR8" s="654"/>
      <c r="GS8" s="40" t="s">
        <v>43</v>
      </c>
      <c r="GT8" s="16" t="s">
        <v>44</v>
      </c>
      <c r="GU8" s="41" t="s">
        <v>45</v>
      </c>
      <c r="GV8" s="42" t="s">
        <v>83</v>
      </c>
      <c r="GW8" s="16" t="s">
        <v>47</v>
      </c>
      <c r="GX8" s="16" t="s">
        <v>48</v>
      </c>
      <c r="GY8" s="16" t="s">
        <v>49</v>
      </c>
      <c r="GZ8" s="16" t="s">
        <v>50</v>
      </c>
      <c r="HA8" s="16" t="s">
        <v>51</v>
      </c>
      <c r="HB8" s="17" t="s">
        <v>45</v>
      </c>
      <c r="HC8" s="654"/>
      <c r="HD8" s="40" t="s">
        <v>43</v>
      </c>
      <c r="HE8" s="16" t="s">
        <v>44</v>
      </c>
      <c r="HF8" s="41" t="s">
        <v>45</v>
      </c>
      <c r="HG8" s="42" t="s">
        <v>83</v>
      </c>
      <c r="HH8" s="16" t="s">
        <v>47</v>
      </c>
      <c r="HI8" s="16" t="s">
        <v>48</v>
      </c>
      <c r="HJ8" s="16" t="s">
        <v>49</v>
      </c>
      <c r="HK8" s="16" t="s">
        <v>50</v>
      </c>
      <c r="HL8" s="16" t="s">
        <v>51</v>
      </c>
      <c r="HM8" s="17" t="s">
        <v>45</v>
      </c>
      <c r="HN8" s="651"/>
      <c r="HO8" s="40" t="s">
        <v>43</v>
      </c>
      <c r="HP8" s="16" t="s">
        <v>44</v>
      </c>
      <c r="HQ8" s="41" t="s">
        <v>45</v>
      </c>
      <c r="HR8" s="42" t="s">
        <v>83</v>
      </c>
      <c r="HS8" s="16" t="s">
        <v>47</v>
      </c>
      <c r="HT8" s="16" t="s">
        <v>48</v>
      </c>
      <c r="HU8" s="16" t="s">
        <v>49</v>
      </c>
      <c r="HV8" s="16" t="s">
        <v>50</v>
      </c>
      <c r="HW8" s="16" t="s">
        <v>51</v>
      </c>
      <c r="HX8" s="17" t="s">
        <v>45</v>
      </c>
      <c r="HY8" s="651"/>
      <c r="HZ8" s="369" t="s">
        <v>43</v>
      </c>
      <c r="IA8" s="370" t="s">
        <v>44</v>
      </c>
      <c r="IB8" s="41" t="s">
        <v>45</v>
      </c>
      <c r="IC8" s="42" t="s">
        <v>83</v>
      </c>
      <c r="ID8" s="370" t="s">
        <v>47</v>
      </c>
      <c r="IE8" s="370" t="s">
        <v>48</v>
      </c>
      <c r="IF8" s="370" t="s">
        <v>49</v>
      </c>
      <c r="IG8" s="370" t="s">
        <v>50</v>
      </c>
      <c r="IH8" s="370" t="s">
        <v>51</v>
      </c>
      <c r="II8" s="17" t="s">
        <v>45</v>
      </c>
      <c r="IJ8" s="649"/>
      <c r="IK8" s="369" t="s">
        <v>43</v>
      </c>
      <c r="IL8" s="370" t="s">
        <v>44</v>
      </c>
      <c r="IM8" s="41" t="s">
        <v>45</v>
      </c>
      <c r="IN8" s="42" t="s">
        <v>83</v>
      </c>
      <c r="IO8" s="59" t="s">
        <v>47</v>
      </c>
      <c r="IP8" s="59" t="s">
        <v>48</v>
      </c>
      <c r="IQ8" s="59" t="s">
        <v>49</v>
      </c>
      <c r="IR8" s="59" t="s">
        <v>50</v>
      </c>
      <c r="IS8" s="59" t="s">
        <v>51</v>
      </c>
      <c r="IT8" s="64" t="s">
        <v>45</v>
      </c>
      <c r="IU8" s="648"/>
      <c r="IV8" s="61" t="s">
        <v>43</v>
      </c>
      <c r="IW8" s="59" t="s">
        <v>44</v>
      </c>
      <c r="IX8" s="64" t="s">
        <v>45</v>
      </c>
      <c r="IY8" s="33" t="s">
        <v>83</v>
      </c>
      <c r="IZ8" s="59" t="s">
        <v>47</v>
      </c>
      <c r="JA8" s="59" t="s">
        <v>48</v>
      </c>
      <c r="JB8" s="59" t="s">
        <v>49</v>
      </c>
      <c r="JC8" s="59" t="s">
        <v>50</v>
      </c>
      <c r="JD8" s="59" t="s">
        <v>51</v>
      </c>
      <c r="JE8" s="64" t="s">
        <v>45</v>
      </c>
      <c r="JF8" s="648"/>
      <c r="JG8" s="61" t="s">
        <v>43</v>
      </c>
      <c r="JH8" s="59" t="s">
        <v>44</v>
      </c>
      <c r="JI8" s="60" t="s">
        <v>45</v>
      </c>
      <c r="JJ8" s="33" t="s">
        <v>83</v>
      </c>
      <c r="JK8" s="59" t="s">
        <v>47</v>
      </c>
      <c r="JL8" s="59" t="s">
        <v>48</v>
      </c>
      <c r="JM8" s="59" t="s">
        <v>49</v>
      </c>
      <c r="JN8" s="59" t="s">
        <v>50</v>
      </c>
      <c r="JO8" s="59" t="s">
        <v>51</v>
      </c>
      <c r="JP8" s="64" t="s">
        <v>45</v>
      </c>
      <c r="JQ8" s="608"/>
      <c r="JR8" s="61" t="s">
        <v>43</v>
      </c>
      <c r="JS8" s="59" t="s">
        <v>44</v>
      </c>
      <c r="JT8" s="60" t="s">
        <v>45</v>
      </c>
      <c r="JU8" s="33" t="s">
        <v>83</v>
      </c>
      <c r="JV8" s="59" t="s">
        <v>47</v>
      </c>
      <c r="JW8" s="59" t="s">
        <v>48</v>
      </c>
      <c r="JX8" s="59" t="s">
        <v>49</v>
      </c>
      <c r="JY8" s="59" t="s">
        <v>50</v>
      </c>
      <c r="JZ8" s="59" t="s">
        <v>51</v>
      </c>
      <c r="KA8" s="64" t="s">
        <v>45</v>
      </c>
      <c r="KB8" s="608"/>
      <c r="KC8" s="61" t="s">
        <v>43</v>
      </c>
      <c r="KD8" s="59" t="s">
        <v>44</v>
      </c>
      <c r="KE8" s="60" t="s">
        <v>45</v>
      </c>
      <c r="KF8" s="33" t="s">
        <v>83</v>
      </c>
      <c r="KG8" s="59" t="s">
        <v>47</v>
      </c>
      <c r="KH8" s="59" t="s">
        <v>48</v>
      </c>
      <c r="KI8" s="59" t="s">
        <v>49</v>
      </c>
      <c r="KJ8" s="59" t="s">
        <v>50</v>
      </c>
      <c r="KK8" s="59" t="s">
        <v>51</v>
      </c>
      <c r="KL8" s="64" t="s">
        <v>45</v>
      </c>
      <c r="KM8" s="608"/>
      <c r="KN8" s="61" t="s">
        <v>43</v>
      </c>
      <c r="KO8" s="59" t="s">
        <v>44</v>
      </c>
      <c r="KP8" s="60" t="s">
        <v>45</v>
      </c>
      <c r="KQ8" s="42" t="s">
        <v>83</v>
      </c>
      <c r="KR8" s="59" t="s">
        <v>47</v>
      </c>
      <c r="KS8" s="59" t="s">
        <v>48</v>
      </c>
      <c r="KT8" s="59" t="s">
        <v>49</v>
      </c>
      <c r="KU8" s="59" t="s">
        <v>50</v>
      </c>
      <c r="KV8" s="59" t="s">
        <v>51</v>
      </c>
      <c r="KW8" s="64" t="s">
        <v>45</v>
      </c>
      <c r="KX8" s="608"/>
      <c r="KY8" s="61" t="s">
        <v>43</v>
      </c>
      <c r="KZ8" s="59" t="s">
        <v>44</v>
      </c>
      <c r="LA8" s="60" t="s">
        <v>45</v>
      </c>
      <c r="LB8" s="42" t="s">
        <v>83</v>
      </c>
      <c r="LC8" s="59" t="s">
        <v>47</v>
      </c>
      <c r="LD8" s="59" t="s">
        <v>48</v>
      </c>
      <c r="LE8" s="59" t="s">
        <v>49</v>
      </c>
      <c r="LF8" s="59" t="s">
        <v>50</v>
      </c>
      <c r="LG8" s="59" t="s">
        <v>51</v>
      </c>
      <c r="LH8" s="64" t="s">
        <v>45</v>
      </c>
      <c r="LI8" s="608"/>
      <c r="LJ8" s="61" t="s">
        <v>43</v>
      </c>
      <c r="LK8" s="59" t="s">
        <v>44</v>
      </c>
      <c r="LL8" s="60" t="s">
        <v>45</v>
      </c>
      <c r="LM8" s="42" t="s">
        <v>83</v>
      </c>
      <c r="LN8" s="59" t="s">
        <v>47</v>
      </c>
      <c r="LO8" s="59" t="s">
        <v>48</v>
      </c>
      <c r="LP8" s="59" t="s">
        <v>49</v>
      </c>
      <c r="LQ8" s="59" t="s">
        <v>50</v>
      </c>
      <c r="LR8" s="59" t="s">
        <v>51</v>
      </c>
      <c r="LS8" s="64" t="s">
        <v>45</v>
      </c>
      <c r="LT8" s="608"/>
      <c r="LU8" s="61" t="s">
        <v>43</v>
      </c>
      <c r="LV8" s="59" t="s">
        <v>44</v>
      </c>
      <c r="LW8" s="60" t="s">
        <v>45</v>
      </c>
      <c r="LX8" s="42" t="s">
        <v>83</v>
      </c>
      <c r="LY8" s="59" t="s">
        <v>47</v>
      </c>
      <c r="LZ8" s="59" t="s">
        <v>48</v>
      </c>
      <c r="MA8" s="59" t="s">
        <v>49</v>
      </c>
      <c r="MB8" s="59" t="s">
        <v>50</v>
      </c>
      <c r="MC8" s="59" t="s">
        <v>51</v>
      </c>
      <c r="MD8" s="64" t="s">
        <v>45</v>
      </c>
      <c r="ME8" s="608"/>
      <c r="MF8" s="61" t="s">
        <v>43</v>
      </c>
      <c r="MG8" s="59" t="s">
        <v>44</v>
      </c>
      <c r="MH8" s="60" t="s">
        <v>45</v>
      </c>
      <c r="MI8" s="42" t="s">
        <v>83</v>
      </c>
      <c r="MJ8" s="59" t="s">
        <v>47</v>
      </c>
      <c r="MK8" s="59" t="s">
        <v>48</v>
      </c>
      <c r="ML8" s="59" t="s">
        <v>49</v>
      </c>
      <c r="MM8" s="59" t="s">
        <v>50</v>
      </c>
      <c r="MN8" s="59" t="s">
        <v>51</v>
      </c>
      <c r="MO8" s="64" t="s">
        <v>45</v>
      </c>
      <c r="MP8" s="608"/>
      <c r="MQ8" s="61" t="s">
        <v>43</v>
      </c>
      <c r="MR8" s="59" t="s">
        <v>44</v>
      </c>
      <c r="MS8" s="60" t="s">
        <v>45</v>
      </c>
      <c r="MT8" s="42" t="s">
        <v>83</v>
      </c>
      <c r="MU8" s="59" t="s">
        <v>47</v>
      </c>
      <c r="MV8" s="59" t="s">
        <v>48</v>
      </c>
      <c r="MW8" s="59" t="s">
        <v>49</v>
      </c>
      <c r="MX8" s="59" t="s">
        <v>50</v>
      </c>
      <c r="MY8" s="59" t="s">
        <v>51</v>
      </c>
      <c r="MZ8" s="64" t="s">
        <v>45</v>
      </c>
      <c r="NA8" s="608"/>
      <c r="NB8" s="61" t="s">
        <v>43</v>
      </c>
      <c r="NC8" s="59" t="s">
        <v>44</v>
      </c>
      <c r="ND8" s="60" t="s">
        <v>45</v>
      </c>
      <c r="NE8" s="42" t="s">
        <v>83</v>
      </c>
      <c r="NF8" s="59" t="s">
        <v>47</v>
      </c>
      <c r="NG8" s="59" t="s">
        <v>48</v>
      </c>
      <c r="NH8" s="59" t="s">
        <v>49</v>
      </c>
      <c r="NI8" s="59" t="s">
        <v>50</v>
      </c>
      <c r="NJ8" s="59" t="s">
        <v>51</v>
      </c>
      <c r="NK8" s="64" t="s">
        <v>45</v>
      </c>
      <c r="NL8" s="608"/>
      <c r="NM8" s="61" t="s">
        <v>43</v>
      </c>
      <c r="NN8" s="59" t="s">
        <v>44</v>
      </c>
      <c r="NO8" s="60" t="s">
        <v>45</v>
      </c>
      <c r="NP8" s="42" t="s">
        <v>83</v>
      </c>
      <c r="NQ8" s="59" t="s">
        <v>47</v>
      </c>
      <c r="NR8" s="59" t="s">
        <v>48</v>
      </c>
      <c r="NS8" s="59" t="s">
        <v>49</v>
      </c>
      <c r="NT8" s="59" t="s">
        <v>50</v>
      </c>
      <c r="NU8" s="59" t="s">
        <v>51</v>
      </c>
      <c r="NV8" s="64" t="s">
        <v>45</v>
      </c>
      <c r="NW8" s="608"/>
      <c r="NX8" s="61" t="s">
        <v>43</v>
      </c>
      <c r="NY8" s="59" t="s">
        <v>44</v>
      </c>
      <c r="NZ8" s="60" t="s">
        <v>45</v>
      </c>
      <c r="OA8" s="42" t="s">
        <v>83</v>
      </c>
      <c r="OB8" s="59" t="s">
        <v>47</v>
      </c>
      <c r="OC8" s="59" t="s">
        <v>48</v>
      </c>
      <c r="OD8" s="59" t="s">
        <v>49</v>
      </c>
      <c r="OE8" s="59" t="s">
        <v>50</v>
      </c>
      <c r="OF8" s="59" t="s">
        <v>51</v>
      </c>
      <c r="OG8" s="64" t="s">
        <v>45</v>
      </c>
      <c r="OH8" s="608"/>
      <c r="OI8" s="61" t="s">
        <v>43</v>
      </c>
      <c r="OJ8" s="59" t="s">
        <v>44</v>
      </c>
      <c r="OK8" s="60" t="s">
        <v>45</v>
      </c>
      <c r="OL8" s="33" t="s">
        <v>83</v>
      </c>
      <c r="OM8" s="59" t="s">
        <v>47</v>
      </c>
      <c r="ON8" s="59" t="s">
        <v>48</v>
      </c>
      <c r="OO8" s="59" t="s">
        <v>49</v>
      </c>
      <c r="OP8" s="59" t="s">
        <v>50</v>
      </c>
      <c r="OQ8" s="59" t="s">
        <v>51</v>
      </c>
      <c r="OR8" s="64" t="s">
        <v>45</v>
      </c>
      <c r="OS8" s="608"/>
    </row>
    <row r="9" spans="1:409" s="431" customFormat="1" ht="19.8" customHeight="1" x14ac:dyDescent="0.2">
      <c r="A9" s="44"/>
      <c r="B9" s="387" t="s">
        <v>4</v>
      </c>
      <c r="C9" s="388">
        <v>392656323</v>
      </c>
      <c r="D9" s="389">
        <v>796010989</v>
      </c>
      <c r="E9" s="390">
        <v>1188667312</v>
      </c>
      <c r="F9" s="391">
        <v>0</v>
      </c>
      <c r="G9" s="389">
        <v>5113586368</v>
      </c>
      <c r="H9" s="389">
        <v>6866751028</v>
      </c>
      <c r="I9" s="389">
        <v>5724584097</v>
      </c>
      <c r="J9" s="389">
        <v>5483251649</v>
      </c>
      <c r="K9" s="389">
        <v>4158112779</v>
      </c>
      <c r="L9" s="392">
        <v>27346285921</v>
      </c>
      <c r="M9" s="393">
        <v>28534953233</v>
      </c>
      <c r="N9" s="388">
        <v>92731146</v>
      </c>
      <c r="O9" s="389">
        <v>231243124</v>
      </c>
      <c r="P9" s="394">
        <v>323974270</v>
      </c>
      <c r="Q9" s="388">
        <v>0</v>
      </c>
      <c r="R9" s="389">
        <v>1459465009</v>
      </c>
      <c r="S9" s="389">
        <v>2209538098</v>
      </c>
      <c r="T9" s="389">
        <v>1877496627</v>
      </c>
      <c r="U9" s="389">
        <v>2104225657</v>
      </c>
      <c r="V9" s="389">
        <v>2120672082</v>
      </c>
      <c r="W9" s="394">
        <v>9771397473</v>
      </c>
      <c r="X9" s="393">
        <v>10095371743</v>
      </c>
      <c r="Y9" s="388">
        <v>29443</v>
      </c>
      <c r="Z9" s="389">
        <v>0</v>
      </c>
      <c r="AA9" s="394">
        <v>29443</v>
      </c>
      <c r="AB9" s="395">
        <v>0</v>
      </c>
      <c r="AC9" s="396">
        <v>700525369</v>
      </c>
      <c r="AD9" s="396">
        <v>1093187163</v>
      </c>
      <c r="AE9" s="396">
        <v>1043353409</v>
      </c>
      <c r="AF9" s="396">
        <v>1213663316</v>
      </c>
      <c r="AG9" s="396">
        <v>1228881721</v>
      </c>
      <c r="AH9" s="394">
        <v>5279610978</v>
      </c>
      <c r="AI9" s="393">
        <v>5279640421</v>
      </c>
      <c r="AJ9" s="397">
        <v>65033</v>
      </c>
      <c r="AK9" s="396">
        <v>956294</v>
      </c>
      <c r="AL9" s="394">
        <v>1021327</v>
      </c>
      <c r="AM9" s="395">
        <v>0</v>
      </c>
      <c r="AN9" s="396">
        <v>5706342</v>
      </c>
      <c r="AO9" s="392">
        <v>26858847</v>
      </c>
      <c r="AP9" s="396">
        <v>50141137</v>
      </c>
      <c r="AQ9" s="396">
        <v>122026613</v>
      </c>
      <c r="AR9" s="396">
        <v>239499123</v>
      </c>
      <c r="AS9" s="394">
        <v>444232062</v>
      </c>
      <c r="AT9" s="393">
        <v>445253389</v>
      </c>
      <c r="AU9" s="397">
        <v>51119664</v>
      </c>
      <c r="AV9" s="396">
        <v>162352214</v>
      </c>
      <c r="AW9" s="394">
        <v>213471878</v>
      </c>
      <c r="AX9" s="395">
        <v>0</v>
      </c>
      <c r="AY9" s="396">
        <v>463429302</v>
      </c>
      <c r="AZ9" s="396">
        <v>723748705</v>
      </c>
      <c r="BA9" s="396">
        <v>468050778</v>
      </c>
      <c r="BB9" s="396">
        <v>458212536</v>
      </c>
      <c r="BC9" s="396">
        <v>420721987</v>
      </c>
      <c r="BD9" s="394">
        <v>2534163308</v>
      </c>
      <c r="BE9" s="398">
        <v>2747635186</v>
      </c>
      <c r="BF9" s="397">
        <v>6617090</v>
      </c>
      <c r="BG9" s="392">
        <v>25413439</v>
      </c>
      <c r="BH9" s="399">
        <v>32030529</v>
      </c>
      <c r="BI9" s="395">
        <v>0</v>
      </c>
      <c r="BJ9" s="396">
        <v>39664747</v>
      </c>
      <c r="BK9" s="396">
        <v>66621895</v>
      </c>
      <c r="BL9" s="396">
        <v>45161130</v>
      </c>
      <c r="BM9" s="396">
        <v>41058380</v>
      </c>
      <c r="BN9" s="396">
        <v>24013503</v>
      </c>
      <c r="BO9" s="394">
        <v>216519655</v>
      </c>
      <c r="BP9" s="393">
        <v>248550184</v>
      </c>
      <c r="BQ9" s="397">
        <v>34899916</v>
      </c>
      <c r="BR9" s="396">
        <v>42521177</v>
      </c>
      <c r="BS9" s="394">
        <v>77421093</v>
      </c>
      <c r="BT9" s="395">
        <v>0</v>
      </c>
      <c r="BU9" s="396">
        <v>250139249</v>
      </c>
      <c r="BV9" s="396">
        <v>299121488</v>
      </c>
      <c r="BW9" s="396">
        <v>270790173</v>
      </c>
      <c r="BX9" s="396">
        <v>269264812</v>
      </c>
      <c r="BY9" s="396">
        <v>207555748</v>
      </c>
      <c r="BZ9" s="394">
        <v>1296871470</v>
      </c>
      <c r="CA9" s="393">
        <v>1374292563</v>
      </c>
      <c r="CB9" s="397">
        <v>37035348</v>
      </c>
      <c r="CC9" s="396">
        <v>110814263</v>
      </c>
      <c r="CD9" s="394">
        <v>147849611</v>
      </c>
      <c r="CE9" s="395">
        <v>0</v>
      </c>
      <c r="CF9" s="396">
        <v>1452081508</v>
      </c>
      <c r="CG9" s="396">
        <v>1878503255</v>
      </c>
      <c r="CH9" s="400">
        <v>1352886115</v>
      </c>
      <c r="CI9" s="396">
        <v>928294033</v>
      </c>
      <c r="CJ9" s="396">
        <v>464963761</v>
      </c>
      <c r="CK9" s="394">
        <v>6076728672</v>
      </c>
      <c r="CL9" s="393">
        <v>6224578283</v>
      </c>
      <c r="CM9" s="388">
        <v>25436</v>
      </c>
      <c r="CN9" s="389">
        <v>0</v>
      </c>
      <c r="CO9" s="394">
        <v>25436</v>
      </c>
      <c r="CP9" s="395">
        <v>0</v>
      </c>
      <c r="CQ9" s="396">
        <v>1222750291</v>
      </c>
      <c r="CR9" s="396">
        <v>1451464106</v>
      </c>
      <c r="CS9" s="396">
        <v>1050021391</v>
      </c>
      <c r="CT9" s="396">
        <v>706219417</v>
      </c>
      <c r="CU9" s="396">
        <v>373803436</v>
      </c>
      <c r="CV9" s="401">
        <v>4804258641</v>
      </c>
      <c r="CW9" s="393">
        <v>4804284077</v>
      </c>
      <c r="CX9" s="397">
        <v>37009912</v>
      </c>
      <c r="CY9" s="396">
        <v>110814263</v>
      </c>
      <c r="CZ9" s="394">
        <v>147824175</v>
      </c>
      <c r="DA9" s="395">
        <v>0</v>
      </c>
      <c r="DB9" s="396">
        <v>229331217</v>
      </c>
      <c r="DC9" s="396">
        <v>427039149</v>
      </c>
      <c r="DD9" s="396">
        <v>302864724</v>
      </c>
      <c r="DE9" s="396">
        <v>222074616</v>
      </c>
      <c r="DF9" s="396">
        <v>91160325</v>
      </c>
      <c r="DG9" s="394">
        <v>1272470031</v>
      </c>
      <c r="DH9" s="393">
        <v>1420294206</v>
      </c>
      <c r="DI9" s="397">
        <v>1948201</v>
      </c>
      <c r="DJ9" s="396">
        <v>9512715</v>
      </c>
      <c r="DK9" s="399">
        <v>11460916</v>
      </c>
      <c r="DL9" s="395">
        <v>0</v>
      </c>
      <c r="DM9" s="396">
        <v>135337499</v>
      </c>
      <c r="DN9" s="396">
        <v>287312974</v>
      </c>
      <c r="DO9" s="396">
        <v>530621507</v>
      </c>
      <c r="DP9" s="396">
        <v>458970726</v>
      </c>
      <c r="DQ9" s="396">
        <v>256855606</v>
      </c>
      <c r="DR9" s="402">
        <v>1669098312</v>
      </c>
      <c r="DS9" s="393">
        <v>1680559228</v>
      </c>
      <c r="DT9" s="397">
        <v>1920317</v>
      </c>
      <c r="DU9" s="396">
        <v>8463607</v>
      </c>
      <c r="DV9" s="394">
        <v>10383924</v>
      </c>
      <c r="DW9" s="395">
        <v>0</v>
      </c>
      <c r="DX9" s="396">
        <v>121007683</v>
      </c>
      <c r="DY9" s="396">
        <v>253345813</v>
      </c>
      <c r="DZ9" s="396">
        <v>478147295</v>
      </c>
      <c r="EA9" s="396">
        <v>407144361</v>
      </c>
      <c r="EB9" s="396">
        <v>220353540</v>
      </c>
      <c r="EC9" s="394">
        <v>1479998692</v>
      </c>
      <c r="ED9" s="393">
        <v>1490382616</v>
      </c>
      <c r="EE9" s="397">
        <v>27884</v>
      </c>
      <c r="EF9" s="392">
        <v>1049108</v>
      </c>
      <c r="EG9" s="394">
        <v>1076992</v>
      </c>
      <c r="EH9" s="398">
        <v>0</v>
      </c>
      <c r="EI9" s="396">
        <v>14329816</v>
      </c>
      <c r="EJ9" s="396">
        <v>33967161</v>
      </c>
      <c r="EK9" s="396">
        <v>52474212</v>
      </c>
      <c r="EL9" s="396">
        <v>51826365</v>
      </c>
      <c r="EM9" s="400">
        <v>36502066</v>
      </c>
      <c r="EN9" s="392">
        <v>189099620</v>
      </c>
      <c r="EO9" s="393">
        <v>190176612</v>
      </c>
      <c r="EP9" s="397">
        <v>0</v>
      </c>
      <c r="EQ9" s="396">
        <v>0</v>
      </c>
      <c r="ER9" s="392">
        <v>0</v>
      </c>
      <c r="ES9" s="395">
        <v>0</v>
      </c>
      <c r="ET9" s="396">
        <v>0</v>
      </c>
      <c r="EU9" s="396">
        <v>0</v>
      </c>
      <c r="EV9" s="396">
        <v>0</v>
      </c>
      <c r="EW9" s="396">
        <v>0</v>
      </c>
      <c r="EX9" s="396">
        <v>0</v>
      </c>
      <c r="EY9" s="401">
        <v>0</v>
      </c>
      <c r="EZ9" s="393">
        <v>0</v>
      </c>
      <c r="FA9" s="397">
        <v>0</v>
      </c>
      <c r="FB9" s="396">
        <v>0</v>
      </c>
      <c r="FC9" s="392">
        <v>0</v>
      </c>
      <c r="FD9" s="403"/>
      <c r="FE9" s="396">
        <v>0</v>
      </c>
      <c r="FF9" s="396">
        <v>0</v>
      </c>
      <c r="FG9" s="396">
        <v>0</v>
      </c>
      <c r="FH9" s="396">
        <v>0</v>
      </c>
      <c r="FI9" s="396">
        <v>0</v>
      </c>
      <c r="FJ9" s="401">
        <v>0</v>
      </c>
      <c r="FK9" s="393">
        <v>0</v>
      </c>
      <c r="FL9" s="397">
        <v>93025307</v>
      </c>
      <c r="FM9" s="396">
        <v>184618832</v>
      </c>
      <c r="FN9" s="394">
        <v>277644139</v>
      </c>
      <c r="FO9" s="395">
        <v>0</v>
      </c>
      <c r="FP9" s="396">
        <v>245119878</v>
      </c>
      <c r="FQ9" s="396">
        <v>617062150</v>
      </c>
      <c r="FR9" s="396">
        <v>436662202</v>
      </c>
      <c r="FS9" s="396">
        <v>414464862</v>
      </c>
      <c r="FT9" s="396">
        <v>304468482</v>
      </c>
      <c r="FU9" s="394">
        <v>2017777574</v>
      </c>
      <c r="FV9" s="393">
        <v>2295421713</v>
      </c>
      <c r="FW9" s="397">
        <v>50536900</v>
      </c>
      <c r="FX9" s="396">
        <v>137770413</v>
      </c>
      <c r="FY9" s="392">
        <v>188307313</v>
      </c>
      <c r="FZ9" s="398">
        <v>0</v>
      </c>
      <c r="GA9" s="396">
        <v>193388376</v>
      </c>
      <c r="GB9" s="404">
        <v>570068342</v>
      </c>
      <c r="GC9" s="396">
        <v>409849392</v>
      </c>
      <c r="GD9" s="404">
        <v>387079464</v>
      </c>
      <c r="GE9" s="396">
        <v>292799208</v>
      </c>
      <c r="GF9" s="401">
        <v>1853184782</v>
      </c>
      <c r="GG9" s="405">
        <v>2041492095</v>
      </c>
      <c r="GH9" s="406">
        <v>5658193</v>
      </c>
      <c r="GI9" s="396">
        <v>7878450</v>
      </c>
      <c r="GJ9" s="404">
        <v>13536643</v>
      </c>
      <c r="GK9" s="391">
        <v>0</v>
      </c>
      <c r="GL9" s="396">
        <v>12019631</v>
      </c>
      <c r="GM9" s="392">
        <v>15399179</v>
      </c>
      <c r="GN9" s="396">
        <v>10689705</v>
      </c>
      <c r="GO9" s="392">
        <v>11544418</v>
      </c>
      <c r="GP9" s="396">
        <v>4991756</v>
      </c>
      <c r="GQ9" s="402">
        <v>54644689</v>
      </c>
      <c r="GR9" s="393">
        <v>68181332</v>
      </c>
      <c r="GS9" s="392">
        <v>36830214</v>
      </c>
      <c r="GT9" s="396">
        <v>38969969</v>
      </c>
      <c r="GU9" s="394">
        <v>75800183</v>
      </c>
      <c r="GV9" s="392">
        <v>0</v>
      </c>
      <c r="GW9" s="396">
        <v>39711871</v>
      </c>
      <c r="GX9" s="392">
        <v>31594629</v>
      </c>
      <c r="GY9" s="396">
        <v>16123105</v>
      </c>
      <c r="GZ9" s="392">
        <v>15840980</v>
      </c>
      <c r="HA9" s="396">
        <v>6677518</v>
      </c>
      <c r="HB9" s="392">
        <v>109948103</v>
      </c>
      <c r="HC9" s="393">
        <v>185748286</v>
      </c>
      <c r="HD9" s="392">
        <v>99197075</v>
      </c>
      <c r="HE9" s="396">
        <v>126949178</v>
      </c>
      <c r="HF9" s="392">
        <v>226146253</v>
      </c>
      <c r="HG9" s="398">
        <v>0</v>
      </c>
      <c r="HH9" s="396">
        <v>988342914</v>
      </c>
      <c r="HI9" s="404">
        <v>992575812</v>
      </c>
      <c r="HJ9" s="396">
        <v>945755196</v>
      </c>
      <c r="HK9" s="404">
        <v>1161074087</v>
      </c>
      <c r="HL9" s="396">
        <v>759598008</v>
      </c>
      <c r="HM9" s="401">
        <v>4847346017</v>
      </c>
      <c r="HN9" s="392">
        <v>5073492270</v>
      </c>
      <c r="HO9" s="406">
        <v>68719246</v>
      </c>
      <c r="HP9" s="396">
        <v>132872877</v>
      </c>
      <c r="HQ9" s="401">
        <v>201592123</v>
      </c>
      <c r="HR9" s="392">
        <v>0</v>
      </c>
      <c r="HS9" s="396">
        <v>833239560</v>
      </c>
      <c r="HT9" s="392">
        <v>881758739</v>
      </c>
      <c r="HU9" s="396">
        <v>581162450</v>
      </c>
      <c r="HV9" s="392">
        <v>416222284</v>
      </c>
      <c r="HW9" s="396">
        <v>251554840</v>
      </c>
      <c r="HX9" s="392">
        <v>2963937873</v>
      </c>
      <c r="HY9" s="393">
        <v>3165529996</v>
      </c>
      <c r="HZ9" s="407">
        <v>9177628</v>
      </c>
      <c r="IA9" s="408">
        <v>34505092</v>
      </c>
      <c r="IB9" s="409">
        <v>43682720</v>
      </c>
      <c r="IC9" s="410">
        <v>0</v>
      </c>
      <c r="ID9" s="408">
        <v>1639860756</v>
      </c>
      <c r="IE9" s="411">
        <v>2137812311</v>
      </c>
      <c r="IF9" s="412">
        <v>2233266192</v>
      </c>
      <c r="IG9" s="408">
        <v>1668359325</v>
      </c>
      <c r="IH9" s="412">
        <v>1197324900</v>
      </c>
      <c r="II9" s="413">
        <v>8876623484</v>
      </c>
      <c r="IJ9" s="414">
        <v>8920306204</v>
      </c>
      <c r="IK9" s="415">
        <v>0</v>
      </c>
      <c r="IL9" s="416">
        <v>0</v>
      </c>
      <c r="IM9" s="417">
        <v>0</v>
      </c>
      <c r="IN9" s="418"/>
      <c r="IO9" s="419">
        <v>25516684</v>
      </c>
      <c r="IP9" s="419">
        <v>47179191</v>
      </c>
      <c r="IQ9" s="419">
        <v>66160450</v>
      </c>
      <c r="IR9" s="419">
        <v>95795236</v>
      </c>
      <c r="IS9" s="419">
        <v>97945361</v>
      </c>
      <c r="IT9" s="420">
        <v>332596922</v>
      </c>
      <c r="IU9" s="421">
        <v>332596922</v>
      </c>
      <c r="IV9" s="422">
        <v>0</v>
      </c>
      <c r="IW9" s="419">
        <v>0</v>
      </c>
      <c r="IX9" s="423">
        <v>0</v>
      </c>
      <c r="IY9" s="424"/>
      <c r="IZ9" s="419">
        <v>3765777</v>
      </c>
      <c r="JA9" s="419">
        <v>11490501</v>
      </c>
      <c r="JB9" s="419">
        <v>12274262</v>
      </c>
      <c r="JC9" s="419">
        <v>14048171</v>
      </c>
      <c r="JD9" s="419">
        <v>18633012</v>
      </c>
      <c r="JE9" s="423">
        <v>60211723</v>
      </c>
      <c r="JF9" s="425">
        <v>60211723</v>
      </c>
      <c r="JG9" s="422">
        <v>0</v>
      </c>
      <c r="JH9" s="419">
        <v>0</v>
      </c>
      <c r="JI9" s="420">
        <v>0</v>
      </c>
      <c r="JJ9" s="426">
        <v>0</v>
      </c>
      <c r="JK9" s="419">
        <v>632992764</v>
      </c>
      <c r="JL9" s="419">
        <v>746817077</v>
      </c>
      <c r="JM9" s="419">
        <v>571557180</v>
      </c>
      <c r="JN9" s="419">
        <v>344143757</v>
      </c>
      <c r="JO9" s="419">
        <v>188236869</v>
      </c>
      <c r="JP9" s="423">
        <v>2483747647</v>
      </c>
      <c r="JQ9" s="421">
        <v>2483747647</v>
      </c>
      <c r="JR9" s="422">
        <v>303970</v>
      </c>
      <c r="JS9" s="419">
        <v>442259</v>
      </c>
      <c r="JT9" s="420">
        <v>746229</v>
      </c>
      <c r="JU9" s="426">
        <v>0</v>
      </c>
      <c r="JV9" s="419">
        <v>72339213</v>
      </c>
      <c r="JW9" s="419">
        <v>107265592</v>
      </c>
      <c r="JX9" s="419">
        <v>153616773</v>
      </c>
      <c r="JY9" s="419">
        <v>90698574</v>
      </c>
      <c r="JZ9" s="419">
        <v>80053607</v>
      </c>
      <c r="KA9" s="423">
        <v>503973759</v>
      </c>
      <c r="KB9" s="421">
        <v>504719988</v>
      </c>
      <c r="KC9" s="427">
        <v>8873658</v>
      </c>
      <c r="KD9" s="428">
        <v>24087355</v>
      </c>
      <c r="KE9" s="423">
        <v>32961013</v>
      </c>
      <c r="KF9" s="426">
        <v>0</v>
      </c>
      <c r="KG9" s="419">
        <v>188473487</v>
      </c>
      <c r="KH9" s="419">
        <v>299379498</v>
      </c>
      <c r="KI9" s="419">
        <v>346302998</v>
      </c>
      <c r="KJ9" s="419">
        <v>278963203</v>
      </c>
      <c r="KK9" s="419">
        <v>153307562</v>
      </c>
      <c r="KL9" s="423">
        <v>1266426748</v>
      </c>
      <c r="KM9" s="429">
        <v>1299387761</v>
      </c>
      <c r="KN9" s="415">
        <v>0</v>
      </c>
      <c r="KO9" s="416">
        <v>9975478</v>
      </c>
      <c r="KP9" s="417">
        <v>9975478</v>
      </c>
      <c r="KQ9" s="418"/>
      <c r="KR9" s="419">
        <v>677916936</v>
      </c>
      <c r="KS9" s="419">
        <v>850874410</v>
      </c>
      <c r="KT9" s="419">
        <v>927475628</v>
      </c>
      <c r="KU9" s="419">
        <v>633686697</v>
      </c>
      <c r="KV9" s="419">
        <v>435465828</v>
      </c>
      <c r="KW9" s="423">
        <v>3525419499</v>
      </c>
      <c r="KX9" s="421">
        <v>3535394977</v>
      </c>
      <c r="KY9" s="422">
        <v>0</v>
      </c>
      <c r="KZ9" s="419">
        <v>0</v>
      </c>
      <c r="LA9" s="423">
        <v>0</v>
      </c>
      <c r="LB9" s="430"/>
      <c r="LC9" s="419">
        <v>5355405</v>
      </c>
      <c r="LD9" s="419">
        <v>9388098</v>
      </c>
      <c r="LE9" s="419">
        <v>12088878</v>
      </c>
      <c r="LF9" s="419">
        <v>16322294</v>
      </c>
      <c r="LG9" s="419">
        <v>12580505</v>
      </c>
      <c r="LH9" s="423">
        <v>55735180</v>
      </c>
      <c r="LI9" s="425">
        <v>55735180</v>
      </c>
      <c r="LJ9" s="422">
        <v>0</v>
      </c>
      <c r="LK9" s="419">
        <v>0</v>
      </c>
      <c r="LL9" s="423">
        <v>0</v>
      </c>
      <c r="LM9" s="430"/>
      <c r="LN9" s="419">
        <v>2776222</v>
      </c>
      <c r="LO9" s="419">
        <v>7913878</v>
      </c>
      <c r="LP9" s="419">
        <v>64228846</v>
      </c>
      <c r="LQ9" s="419">
        <v>94920178</v>
      </c>
      <c r="LR9" s="419">
        <v>63537015</v>
      </c>
      <c r="LS9" s="423">
        <v>233376139</v>
      </c>
      <c r="LT9" s="421">
        <v>233376139</v>
      </c>
      <c r="LU9" s="422">
        <v>0</v>
      </c>
      <c r="LV9" s="419">
        <v>0</v>
      </c>
      <c r="LW9" s="423">
        <v>0</v>
      </c>
      <c r="LX9" s="430"/>
      <c r="LY9" s="419">
        <v>30724268</v>
      </c>
      <c r="LZ9" s="419">
        <v>57504066</v>
      </c>
      <c r="MA9" s="419">
        <v>79561177</v>
      </c>
      <c r="MB9" s="419">
        <v>99781215</v>
      </c>
      <c r="MC9" s="419">
        <v>147565141</v>
      </c>
      <c r="MD9" s="423">
        <v>415135867</v>
      </c>
      <c r="ME9" s="425">
        <v>415135867</v>
      </c>
      <c r="MF9" s="422">
        <v>0</v>
      </c>
      <c r="MG9" s="419">
        <v>0</v>
      </c>
      <c r="MH9" s="423">
        <v>0</v>
      </c>
      <c r="MI9" s="430"/>
      <c r="MJ9" s="419">
        <v>560185615</v>
      </c>
      <c r="MK9" s="419">
        <v>1315688932</v>
      </c>
      <c r="ML9" s="419">
        <v>3924333899</v>
      </c>
      <c r="MM9" s="419">
        <v>5832650508</v>
      </c>
      <c r="MN9" s="419">
        <v>4179273081</v>
      </c>
      <c r="MO9" s="423">
        <v>15812132035</v>
      </c>
      <c r="MP9" s="429">
        <v>15812132035</v>
      </c>
      <c r="MQ9" s="422">
        <v>0</v>
      </c>
      <c r="MR9" s="419">
        <v>0</v>
      </c>
      <c r="MS9" s="423">
        <v>0</v>
      </c>
      <c r="MT9" s="430"/>
      <c r="MU9" s="419">
        <v>95881883</v>
      </c>
      <c r="MV9" s="419">
        <v>353369032</v>
      </c>
      <c r="MW9" s="419">
        <v>2517500494</v>
      </c>
      <c r="MX9" s="419">
        <v>3928647847</v>
      </c>
      <c r="MY9" s="419">
        <v>2986138423</v>
      </c>
      <c r="MZ9" s="423">
        <v>9881537679</v>
      </c>
      <c r="NA9" s="429">
        <v>9881537679</v>
      </c>
      <c r="NB9" s="422">
        <v>0</v>
      </c>
      <c r="NC9" s="419">
        <v>0</v>
      </c>
      <c r="ND9" s="423">
        <v>0</v>
      </c>
      <c r="NE9" s="430"/>
      <c r="NF9" s="419">
        <v>460943978</v>
      </c>
      <c r="NG9" s="419">
        <v>955781173</v>
      </c>
      <c r="NH9" s="419">
        <v>1384062750</v>
      </c>
      <c r="NI9" s="419">
        <v>1732587326</v>
      </c>
      <c r="NJ9" s="419">
        <v>940988586</v>
      </c>
      <c r="NK9" s="423">
        <v>5474363813</v>
      </c>
      <c r="NL9" s="421">
        <v>5474363813</v>
      </c>
      <c r="NM9" s="422">
        <v>0</v>
      </c>
      <c r="NN9" s="419">
        <v>0</v>
      </c>
      <c r="NO9" s="423">
        <v>0</v>
      </c>
      <c r="NP9" s="430"/>
      <c r="NQ9" s="419">
        <v>310335</v>
      </c>
      <c r="NR9" s="419">
        <v>150978</v>
      </c>
      <c r="NS9" s="419">
        <v>5044125</v>
      </c>
      <c r="NT9" s="419">
        <v>56518066</v>
      </c>
      <c r="NU9" s="419">
        <v>82802565</v>
      </c>
      <c r="NV9" s="423">
        <v>144826069</v>
      </c>
      <c r="NW9" s="425">
        <v>144826069</v>
      </c>
      <c r="NX9" s="422">
        <v>0</v>
      </c>
      <c r="NY9" s="419">
        <v>0</v>
      </c>
      <c r="NZ9" s="423">
        <v>0</v>
      </c>
      <c r="OA9" s="430"/>
      <c r="OB9" s="419">
        <v>3049419</v>
      </c>
      <c r="OC9" s="419">
        <v>6387749</v>
      </c>
      <c r="OD9" s="419">
        <v>17726530</v>
      </c>
      <c r="OE9" s="419">
        <v>114897269</v>
      </c>
      <c r="OF9" s="419">
        <v>169343507</v>
      </c>
      <c r="OG9" s="423">
        <v>311404474</v>
      </c>
      <c r="OH9" s="425">
        <v>311404474</v>
      </c>
      <c r="OI9" s="422">
        <v>401833951</v>
      </c>
      <c r="OJ9" s="419">
        <v>830516081</v>
      </c>
      <c r="OK9" s="420">
        <v>1232350032</v>
      </c>
      <c r="OL9" s="426">
        <v>0</v>
      </c>
      <c r="OM9" s="419">
        <v>7313632739</v>
      </c>
      <c r="ON9" s="419">
        <v>10320252271</v>
      </c>
      <c r="OO9" s="419">
        <v>11882184188</v>
      </c>
      <c r="OP9" s="419">
        <v>12984261482</v>
      </c>
      <c r="OQ9" s="419">
        <v>9534710760</v>
      </c>
      <c r="OR9" s="423">
        <v>52035041440</v>
      </c>
      <c r="OS9" s="429">
        <v>53267391472</v>
      </c>
    </row>
    <row r="10" spans="1:409" s="431" customFormat="1" ht="19.8" customHeight="1" x14ac:dyDescent="0.2">
      <c r="A10" s="44"/>
      <c r="B10" s="432" t="s">
        <v>5</v>
      </c>
      <c r="C10" s="433">
        <v>160097982</v>
      </c>
      <c r="D10" s="434">
        <v>366616705</v>
      </c>
      <c r="E10" s="435">
        <v>526714687</v>
      </c>
      <c r="F10" s="436">
        <v>0</v>
      </c>
      <c r="G10" s="434">
        <v>1785417174</v>
      </c>
      <c r="H10" s="434">
        <v>3124138694</v>
      </c>
      <c r="I10" s="434">
        <v>2367555072</v>
      </c>
      <c r="J10" s="434">
        <v>2208554402</v>
      </c>
      <c r="K10" s="434">
        <v>1690826920</v>
      </c>
      <c r="L10" s="436">
        <v>11176492262</v>
      </c>
      <c r="M10" s="437">
        <v>11703206949</v>
      </c>
      <c r="N10" s="433">
        <v>40905295</v>
      </c>
      <c r="O10" s="434">
        <v>119867501</v>
      </c>
      <c r="P10" s="435">
        <v>160772796</v>
      </c>
      <c r="Q10" s="433">
        <v>0</v>
      </c>
      <c r="R10" s="434">
        <v>532193584</v>
      </c>
      <c r="S10" s="434">
        <v>1058963815</v>
      </c>
      <c r="T10" s="434">
        <v>794651025</v>
      </c>
      <c r="U10" s="434">
        <v>840185039</v>
      </c>
      <c r="V10" s="434">
        <v>866387106</v>
      </c>
      <c r="W10" s="435">
        <v>4092380569</v>
      </c>
      <c r="X10" s="437">
        <v>4253153365</v>
      </c>
      <c r="Y10" s="433">
        <v>0</v>
      </c>
      <c r="Z10" s="434">
        <v>0</v>
      </c>
      <c r="AA10" s="435">
        <v>0</v>
      </c>
      <c r="AB10" s="433">
        <v>0</v>
      </c>
      <c r="AC10" s="434">
        <v>249583038</v>
      </c>
      <c r="AD10" s="434">
        <v>499298662</v>
      </c>
      <c r="AE10" s="434">
        <v>417219400</v>
      </c>
      <c r="AF10" s="434">
        <v>447685376</v>
      </c>
      <c r="AG10" s="434">
        <v>472496294</v>
      </c>
      <c r="AH10" s="435">
        <v>2086282770</v>
      </c>
      <c r="AI10" s="437">
        <v>2086282770</v>
      </c>
      <c r="AJ10" s="433">
        <v>0</v>
      </c>
      <c r="AK10" s="434">
        <v>436747</v>
      </c>
      <c r="AL10" s="435">
        <v>436747</v>
      </c>
      <c r="AM10" s="433">
        <v>0</v>
      </c>
      <c r="AN10" s="434">
        <v>1679007</v>
      </c>
      <c r="AO10" s="434">
        <v>10038207</v>
      </c>
      <c r="AP10" s="434">
        <v>18828047</v>
      </c>
      <c r="AQ10" s="434">
        <v>50038447</v>
      </c>
      <c r="AR10" s="434">
        <v>105698911</v>
      </c>
      <c r="AS10" s="435">
        <v>186282619</v>
      </c>
      <c r="AT10" s="437">
        <v>186719366</v>
      </c>
      <c r="AU10" s="433">
        <v>23504872</v>
      </c>
      <c r="AV10" s="434">
        <v>85600628</v>
      </c>
      <c r="AW10" s="435">
        <v>109105500</v>
      </c>
      <c r="AX10" s="433">
        <v>0</v>
      </c>
      <c r="AY10" s="434">
        <v>175364266</v>
      </c>
      <c r="AZ10" s="434">
        <v>386693387</v>
      </c>
      <c r="BA10" s="434">
        <v>226768271</v>
      </c>
      <c r="BB10" s="434">
        <v>214265834</v>
      </c>
      <c r="BC10" s="434">
        <v>193160620</v>
      </c>
      <c r="BD10" s="435">
        <v>1196252378</v>
      </c>
      <c r="BE10" s="437">
        <v>1305357878</v>
      </c>
      <c r="BF10" s="433">
        <v>2793755</v>
      </c>
      <c r="BG10" s="434">
        <v>13622744</v>
      </c>
      <c r="BH10" s="438">
        <v>16416499</v>
      </c>
      <c r="BI10" s="439">
        <v>0</v>
      </c>
      <c r="BJ10" s="434">
        <v>9840948</v>
      </c>
      <c r="BK10" s="434">
        <v>28076995</v>
      </c>
      <c r="BL10" s="434">
        <v>18948069</v>
      </c>
      <c r="BM10" s="434">
        <v>17683686</v>
      </c>
      <c r="BN10" s="434">
        <v>9063034</v>
      </c>
      <c r="BO10" s="435">
        <v>83612732</v>
      </c>
      <c r="BP10" s="437">
        <v>100029231</v>
      </c>
      <c r="BQ10" s="433">
        <v>14606668</v>
      </c>
      <c r="BR10" s="434">
        <v>20207382</v>
      </c>
      <c r="BS10" s="435">
        <v>34814050</v>
      </c>
      <c r="BT10" s="433">
        <v>0</v>
      </c>
      <c r="BU10" s="434">
        <v>95726325</v>
      </c>
      <c r="BV10" s="434">
        <v>134856564</v>
      </c>
      <c r="BW10" s="434">
        <v>112887238</v>
      </c>
      <c r="BX10" s="434">
        <v>110511696</v>
      </c>
      <c r="BY10" s="434">
        <v>85968247</v>
      </c>
      <c r="BZ10" s="435">
        <v>539950070</v>
      </c>
      <c r="CA10" s="437">
        <v>574764120</v>
      </c>
      <c r="CB10" s="433">
        <v>15736315</v>
      </c>
      <c r="CC10" s="434">
        <v>49847160</v>
      </c>
      <c r="CD10" s="435">
        <v>65583475</v>
      </c>
      <c r="CE10" s="433">
        <v>0</v>
      </c>
      <c r="CF10" s="434">
        <v>456506085</v>
      </c>
      <c r="CG10" s="434">
        <v>792167380</v>
      </c>
      <c r="CH10" s="434">
        <v>515559783</v>
      </c>
      <c r="CI10" s="434">
        <v>336849418</v>
      </c>
      <c r="CJ10" s="434">
        <v>173321370</v>
      </c>
      <c r="CK10" s="435">
        <v>2274404036</v>
      </c>
      <c r="CL10" s="437">
        <v>2339987511</v>
      </c>
      <c r="CM10" s="433">
        <v>0</v>
      </c>
      <c r="CN10" s="434">
        <v>0</v>
      </c>
      <c r="CO10" s="435">
        <v>0</v>
      </c>
      <c r="CP10" s="439">
        <v>0</v>
      </c>
      <c r="CQ10" s="434">
        <v>387691440</v>
      </c>
      <c r="CR10" s="434">
        <v>593735786</v>
      </c>
      <c r="CS10" s="434">
        <v>380094378</v>
      </c>
      <c r="CT10" s="434">
        <v>241209727</v>
      </c>
      <c r="CU10" s="434">
        <v>131041416</v>
      </c>
      <c r="CV10" s="435">
        <v>1733772747</v>
      </c>
      <c r="CW10" s="437">
        <v>1733772747</v>
      </c>
      <c r="CX10" s="433">
        <v>15736315</v>
      </c>
      <c r="CY10" s="434">
        <v>49847160</v>
      </c>
      <c r="CZ10" s="435">
        <v>65583475</v>
      </c>
      <c r="DA10" s="433">
        <v>0</v>
      </c>
      <c r="DB10" s="434">
        <v>68814645</v>
      </c>
      <c r="DC10" s="434">
        <v>198431594</v>
      </c>
      <c r="DD10" s="434">
        <v>135465405</v>
      </c>
      <c r="DE10" s="434">
        <v>95639691</v>
      </c>
      <c r="DF10" s="434">
        <v>42279954</v>
      </c>
      <c r="DG10" s="435">
        <v>540631289</v>
      </c>
      <c r="DH10" s="437">
        <v>606214764</v>
      </c>
      <c r="DI10" s="433">
        <v>613742</v>
      </c>
      <c r="DJ10" s="434">
        <v>4744270</v>
      </c>
      <c r="DK10" s="438">
        <v>5358012</v>
      </c>
      <c r="DL10" s="439">
        <v>0</v>
      </c>
      <c r="DM10" s="434">
        <v>44725177</v>
      </c>
      <c r="DN10" s="434">
        <v>120184902</v>
      </c>
      <c r="DO10" s="434">
        <v>213670402</v>
      </c>
      <c r="DP10" s="434">
        <v>181063662</v>
      </c>
      <c r="DQ10" s="434">
        <v>106465966</v>
      </c>
      <c r="DR10" s="435">
        <v>666110109</v>
      </c>
      <c r="DS10" s="437">
        <v>671468121</v>
      </c>
      <c r="DT10" s="433">
        <v>613742</v>
      </c>
      <c r="DU10" s="434">
        <v>3873690</v>
      </c>
      <c r="DV10" s="435">
        <v>4487432</v>
      </c>
      <c r="DW10" s="433">
        <v>0</v>
      </c>
      <c r="DX10" s="434">
        <v>37955051</v>
      </c>
      <c r="DY10" s="434">
        <v>100602950</v>
      </c>
      <c r="DZ10" s="434">
        <v>183832002</v>
      </c>
      <c r="EA10" s="434">
        <v>152731493</v>
      </c>
      <c r="EB10" s="434">
        <v>83736298</v>
      </c>
      <c r="EC10" s="435">
        <v>558857794</v>
      </c>
      <c r="ED10" s="437">
        <v>563345226</v>
      </c>
      <c r="EE10" s="433">
        <v>0</v>
      </c>
      <c r="EF10" s="438">
        <v>870580</v>
      </c>
      <c r="EG10" s="435">
        <v>870580</v>
      </c>
      <c r="EH10" s="433">
        <v>0</v>
      </c>
      <c r="EI10" s="434">
        <v>6770126</v>
      </c>
      <c r="EJ10" s="434">
        <v>19581952</v>
      </c>
      <c r="EK10" s="434">
        <v>29838400</v>
      </c>
      <c r="EL10" s="434">
        <v>28332169</v>
      </c>
      <c r="EM10" s="434">
        <v>22729668</v>
      </c>
      <c r="EN10" s="438">
        <v>107252315</v>
      </c>
      <c r="EO10" s="437">
        <v>108122895</v>
      </c>
      <c r="EP10" s="433">
        <v>0</v>
      </c>
      <c r="EQ10" s="434">
        <v>0</v>
      </c>
      <c r="ER10" s="438">
        <v>0</v>
      </c>
      <c r="ES10" s="439">
        <v>0</v>
      </c>
      <c r="ET10" s="434">
        <v>0</v>
      </c>
      <c r="EU10" s="434">
        <v>0</v>
      </c>
      <c r="EV10" s="434">
        <v>0</v>
      </c>
      <c r="EW10" s="434">
        <v>0</v>
      </c>
      <c r="EX10" s="434">
        <v>0</v>
      </c>
      <c r="EY10" s="435">
        <v>0</v>
      </c>
      <c r="EZ10" s="437">
        <v>0</v>
      </c>
      <c r="FA10" s="433">
        <v>0</v>
      </c>
      <c r="FB10" s="434">
        <v>0</v>
      </c>
      <c r="FC10" s="438">
        <v>0</v>
      </c>
      <c r="FD10" s="440"/>
      <c r="FE10" s="434">
        <v>0</v>
      </c>
      <c r="FF10" s="434">
        <v>0</v>
      </c>
      <c r="FG10" s="434">
        <v>0</v>
      </c>
      <c r="FH10" s="434">
        <v>0</v>
      </c>
      <c r="FI10" s="434">
        <v>0</v>
      </c>
      <c r="FJ10" s="435">
        <v>0</v>
      </c>
      <c r="FK10" s="437">
        <v>0</v>
      </c>
      <c r="FL10" s="433">
        <v>35221983</v>
      </c>
      <c r="FM10" s="434">
        <v>78309565</v>
      </c>
      <c r="FN10" s="435">
        <v>113531548</v>
      </c>
      <c r="FO10" s="433">
        <v>0</v>
      </c>
      <c r="FP10" s="434">
        <v>70504195</v>
      </c>
      <c r="FQ10" s="434">
        <v>268617539</v>
      </c>
      <c r="FR10" s="434">
        <v>175144423</v>
      </c>
      <c r="FS10" s="434">
        <v>160226764</v>
      </c>
      <c r="FT10" s="434">
        <v>123864408</v>
      </c>
      <c r="FU10" s="435">
        <v>798357329</v>
      </c>
      <c r="FV10" s="437">
        <v>911888877</v>
      </c>
      <c r="FW10" s="441">
        <v>16453088</v>
      </c>
      <c r="FX10" s="434">
        <v>56844506</v>
      </c>
      <c r="FY10" s="438">
        <v>73297594</v>
      </c>
      <c r="FZ10" s="439">
        <v>0</v>
      </c>
      <c r="GA10" s="434">
        <v>51363712</v>
      </c>
      <c r="GB10" s="434">
        <v>247338991</v>
      </c>
      <c r="GC10" s="434">
        <v>165310704</v>
      </c>
      <c r="GD10" s="434">
        <v>149095892</v>
      </c>
      <c r="GE10" s="434">
        <v>118567108</v>
      </c>
      <c r="GF10" s="435">
        <v>731676407</v>
      </c>
      <c r="GG10" s="442">
        <v>804974001</v>
      </c>
      <c r="GH10" s="441">
        <v>1695824</v>
      </c>
      <c r="GI10" s="434">
        <v>3764884</v>
      </c>
      <c r="GJ10" s="438">
        <v>5460708</v>
      </c>
      <c r="GK10" s="439">
        <v>0</v>
      </c>
      <c r="GL10" s="434">
        <v>3806908</v>
      </c>
      <c r="GM10" s="434">
        <v>6445974</v>
      </c>
      <c r="GN10" s="434">
        <v>3533190</v>
      </c>
      <c r="GO10" s="434">
        <v>4200370</v>
      </c>
      <c r="GP10" s="434">
        <v>2107482</v>
      </c>
      <c r="GQ10" s="435">
        <v>20093924</v>
      </c>
      <c r="GR10" s="437">
        <v>25554632</v>
      </c>
      <c r="GS10" s="433">
        <v>17073071</v>
      </c>
      <c r="GT10" s="434">
        <v>17700175</v>
      </c>
      <c r="GU10" s="435">
        <v>34773246</v>
      </c>
      <c r="GV10" s="433">
        <v>0</v>
      </c>
      <c r="GW10" s="434">
        <v>15333575</v>
      </c>
      <c r="GX10" s="434">
        <v>14832574</v>
      </c>
      <c r="GY10" s="434">
        <v>6300529</v>
      </c>
      <c r="GZ10" s="434">
        <v>6930502</v>
      </c>
      <c r="HA10" s="434">
        <v>3189818</v>
      </c>
      <c r="HB10" s="438">
        <v>46586998</v>
      </c>
      <c r="HC10" s="437">
        <v>81360244</v>
      </c>
      <c r="HD10" s="433">
        <v>41785866</v>
      </c>
      <c r="HE10" s="434">
        <v>54031984</v>
      </c>
      <c r="HF10" s="438">
        <v>95817850</v>
      </c>
      <c r="HG10" s="439">
        <v>0</v>
      </c>
      <c r="HH10" s="434">
        <v>399909429</v>
      </c>
      <c r="HI10" s="434">
        <v>472804415</v>
      </c>
      <c r="HJ10" s="434">
        <v>421547459</v>
      </c>
      <c r="HK10" s="434">
        <v>517373646</v>
      </c>
      <c r="HL10" s="434">
        <v>315737851</v>
      </c>
      <c r="HM10" s="435">
        <v>2127372800</v>
      </c>
      <c r="HN10" s="436">
        <v>2223190650</v>
      </c>
      <c r="HO10" s="441">
        <v>25834781</v>
      </c>
      <c r="HP10" s="434">
        <v>59816225</v>
      </c>
      <c r="HQ10" s="435">
        <v>85651006</v>
      </c>
      <c r="HR10" s="433">
        <v>0</v>
      </c>
      <c r="HS10" s="434">
        <v>281578704</v>
      </c>
      <c r="HT10" s="434">
        <v>411400643</v>
      </c>
      <c r="HU10" s="434">
        <v>246981980</v>
      </c>
      <c r="HV10" s="434">
        <v>172855873</v>
      </c>
      <c r="HW10" s="434">
        <v>105050219</v>
      </c>
      <c r="HX10" s="438">
        <v>1217867419</v>
      </c>
      <c r="HY10" s="437">
        <v>1303518425</v>
      </c>
      <c r="HZ10" s="443">
        <v>4060964</v>
      </c>
      <c r="IA10" s="444">
        <v>12645592</v>
      </c>
      <c r="IB10" s="445">
        <v>16706556</v>
      </c>
      <c r="IC10" s="446">
        <v>0</v>
      </c>
      <c r="ID10" s="447">
        <v>635872057</v>
      </c>
      <c r="IE10" s="448">
        <v>957925965</v>
      </c>
      <c r="IF10" s="449">
        <v>957662298</v>
      </c>
      <c r="IG10" s="447">
        <v>696849293</v>
      </c>
      <c r="IH10" s="449">
        <v>539578803</v>
      </c>
      <c r="II10" s="450">
        <v>3787888416</v>
      </c>
      <c r="IJ10" s="451">
        <v>3804594972</v>
      </c>
      <c r="IK10" s="452">
        <v>0</v>
      </c>
      <c r="IL10" s="453">
        <v>0</v>
      </c>
      <c r="IM10" s="454">
        <v>0</v>
      </c>
      <c r="IN10" s="455"/>
      <c r="IO10" s="456">
        <v>11090363</v>
      </c>
      <c r="IP10" s="456">
        <v>25323196</v>
      </c>
      <c r="IQ10" s="456">
        <v>36640446</v>
      </c>
      <c r="IR10" s="456">
        <v>45416212</v>
      </c>
      <c r="IS10" s="456">
        <v>49285507</v>
      </c>
      <c r="IT10" s="457">
        <v>167755724</v>
      </c>
      <c r="IU10" s="458">
        <v>167755724</v>
      </c>
      <c r="IV10" s="459">
        <v>0</v>
      </c>
      <c r="IW10" s="456">
        <v>0</v>
      </c>
      <c r="IX10" s="460">
        <v>0</v>
      </c>
      <c r="IY10" s="461"/>
      <c r="IZ10" s="456">
        <v>2111997</v>
      </c>
      <c r="JA10" s="456">
        <v>9035690</v>
      </c>
      <c r="JB10" s="456">
        <v>8928817</v>
      </c>
      <c r="JC10" s="456">
        <v>9922542</v>
      </c>
      <c r="JD10" s="456">
        <v>14797310</v>
      </c>
      <c r="JE10" s="460">
        <v>44796356</v>
      </c>
      <c r="JF10" s="462">
        <v>44796356</v>
      </c>
      <c r="JG10" s="459">
        <v>0</v>
      </c>
      <c r="JH10" s="456">
        <v>0</v>
      </c>
      <c r="JI10" s="457">
        <v>0</v>
      </c>
      <c r="JJ10" s="463">
        <v>0</v>
      </c>
      <c r="JK10" s="456">
        <v>214658844</v>
      </c>
      <c r="JL10" s="456">
        <v>338989904</v>
      </c>
      <c r="JM10" s="456">
        <v>260018532</v>
      </c>
      <c r="JN10" s="456">
        <v>154086212</v>
      </c>
      <c r="JO10" s="456">
        <v>87313355</v>
      </c>
      <c r="JP10" s="460">
        <v>1055066847</v>
      </c>
      <c r="JQ10" s="458">
        <v>1055066847</v>
      </c>
      <c r="JR10" s="459">
        <v>80120</v>
      </c>
      <c r="JS10" s="456">
        <v>100974</v>
      </c>
      <c r="JT10" s="457">
        <v>181094</v>
      </c>
      <c r="JU10" s="463">
        <v>0</v>
      </c>
      <c r="JV10" s="456">
        <v>33572812</v>
      </c>
      <c r="JW10" s="456">
        <v>56709038</v>
      </c>
      <c r="JX10" s="456">
        <v>81382014</v>
      </c>
      <c r="JY10" s="456">
        <v>52795115</v>
      </c>
      <c r="JZ10" s="456">
        <v>48577338</v>
      </c>
      <c r="KA10" s="460">
        <v>273036317</v>
      </c>
      <c r="KB10" s="458">
        <v>273217411</v>
      </c>
      <c r="KC10" s="464">
        <v>3980844</v>
      </c>
      <c r="KD10" s="465">
        <v>9837621</v>
      </c>
      <c r="KE10" s="460">
        <v>13818465</v>
      </c>
      <c r="KF10" s="463">
        <v>0</v>
      </c>
      <c r="KG10" s="456">
        <v>68300122</v>
      </c>
      <c r="KH10" s="456">
        <v>123941550</v>
      </c>
      <c r="KI10" s="456">
        <v>147187360</v>
      </c>
      <c r="KJ10" s="456">
        <v>125338181</v>
      </c>
      <c r="KK10" s="456">
        <v>75651977</v>
      </c>
      <c r="KL10" s="460">
        <v>540419190</v>
      </c>
      <c r="KM10" s="466">
        <v>554237655</v>
      </c>
      <c r="KN10" s="452">
        <v>0</v>
      </c>
      <c r="KO10" s="453">
        <v>2706997</v>
      </c>
      <c r="KP10" s="454">
        <v>2706997</v>
      </c>
      <c r="KQ10" s="455"/>
      <c r="KR10" s="456">
        <v>299455391</v>
      </c>
      <c r="KS10" s="456">
        <v>388506549</v>
      </c>
      <c r="KT10" s="456">
        <v>392451776</v>
      </c>
      <c r="KU10" s="456">
        <v>266973238</v>
      </c>
      <c r="KV10" s="456">
        <v>197209055</v>
      </c>
      <c r="KW10" s="460">
        <v>1544596009</v>
      </c>
      <c r="KX10" s="458">
        <v>1547303006</v>
      </c>
      <c r="KY10" s="459">
        <v>0</v>
      </c>
      <c r="KZ10" s="456">
        <v>0</v>
      </c>
      <c r="LA10" s="460">
        <v>0</v>
      </c>
      <c r="LB10" s="467"/>
      <c r="LC10" s="456">
        <v>169736</v>
      </c>
      <c r="LD10" s="456">
        <v>190720</v>
      </c>
      <c r="LE10" s="456">
        <v>637923</v>
      </c>
      <c r="LF10" s="456">
        <v>465998</v>
      </c>
      <c r="LG10" s="456">
        <v>1273050</v>
      </c>
      <c r="LH10" s="460">
        <v>2737427</v>
      </c>
      <c r="LI10" s="462">
        <v>2737427</v>
      </c>
      <c r="LJ10" s="459">
        <v>0</v>
      </c>
      <c r="LK10" s="456">
        <v>0</v>
      </c>
      <c r="LL10" s="460">
        <v>0</v>
      </c>
      <c r="LM10" s="467"/>
      <c r="LN10" s="456">
        <v>1188765</v>
      </c>
      <c r="LO10" s="456">
        <v>2348074</v>
      </c>
      <c r="LP10" s="456">
        <v>8789440</v>
      </c>
      <c r="LQ10" s="456">
        <v>11226086</v>
      </c>
      <c r="LR10" s="456">
        <v>7434886</v>
      </c>
      <c r="LS10" s="460">
        <v>30987251</v>
      </c>
      <c r="LT10" s="458">
        <v>30987251</v>
      </c>
      <c r="LU10" s="459">
        <v>0</v>
      </c>
      <c r="LV10" s="456">
        <v>0</v>
      </c>
      <c r="LW10" s="460">
        <v>0</v>
      </c>
      <c r="LX10" s="467"/>
      <c r="LY10" s="456">
        <v>5324027</v>
      </c>
      <c r="LZ10" s="456">
        <v>12881244</v>
      </c>
      <c r="MA10" s="456">
        <v>21625990</v>
      </c>
      <c r="MB10" s="456">
        <v>30625709</v>
      </c>
      <c r="MC10" s="456">
        <v>58036325</v>
      </c>
      <c r="MD10" s="460">
        <v>128493295</v>
      </c>
      <c r="ME10" s="462">
        <v>128493295</v>
      </c>
      <c r="MF10" s="459">
        <v>0</v>
      </c>
      <c r="MG10" s="456">
        <v>0</v>
      </c>
      <c r="MH10" s="460">
        <v>0</v>
      </c>
      <c r="MI10" s="467"/>
      <c r="MJ10" s="456">
        <v>219088176</v>
      </c>
      <c r="MK10" s="456">
        <v>662817530</v>
      </c>
      <c r="ML10" s="456">
        <v>1718550201</v>
      </c>
      <c r="MM10" s="456">
        <v>2469587934</v>
      </c>
      <c r="MN10" s="456">
        <v>1845077907</v>
      </c>
      <c r="MO10" s="460">
        <v>6915121748</v>
      </c>
      <c r="MP10" s="466">
        <v>6915121748</v>
      </c>
      <c r="MQ10" s="459">
        <v>0</v>
      </c>
      <c r="MR10" s="456">
        <v>0</v>
      </c>
      <c r="MS10" s="460">
        <v>0</v>
      </c>
      <c r="MT10" s="467"/>
      <c r="MU10" s="456">
        <v>51691657</v>
      </c>
      <c r="MV10" s="456">
        <v>218519057</v>
      </c>
      <c r="MW10" s="456">
        <v>1088071187</v>
      </c>
      <c r="MX10" s="456">
        <v>1632371494</v>
      </c>
      <c r="MY10" s="456">
        <v>1304570586</v>
      </c>
      <c r="MZ10" s="460">
        <v>4295223981</v>
      </c>
      <c r="NA10" s="466">
        <v>4295223981</v>
      </c>
      <c r="NB10" s="459">
        <v>0</v>
      </c>
      <c r="NC10" s="456">
        <v>0</v>
      </c>
      <c r="ND10" s="460">
        <v>0</v>
      </c>
      <c r="NE10" s="467"/>
      <c r="NF10" s="456">
        <v>167176658</v>
      </c>
      <c r="NG10" s="456">
        <v>443136764</v>
      </c>
      <c r="NH10" s="456">
        <v>625947705</v>
      </c>
      <c r="NI10" s="456">
        <v>784976840</v>
      </c>
      <c r="NJ10" s="456">
        <v>470628908</v>
      </c>
      <c r="NK10" s="460">
        <v>2491866875</v>
      </c>
      <c r="NL10" s="458">
        <v>2491866875</v>
      </c>
      <c r="NM10" s="459">
        <v>0</v>
      </c>
      <c r="NN10" s="456">
        <v>0</v>
      </c>
      <c r="NO10" s="460">
        <v>0</v>
      </c>
      <c r="NP10" s="467"/>
      <c r="NQ10" s="456">
        <v>0</v>
      </c>
      <c r="NR10" s="456">
        <v>150978</v>
      </c>
      <c r="NS10" s="456">
        <v>1067328</v>
      </c>
      <c r="NT10" s="456">
        <v>19666968</v>
      </c>
      <c r="NU10" s="456">
        <v>30871817</v>
      </c>
      <c r="NV10" s="460">
        <v>51757091</v>
      </c>
      <c r="NW10" s="462">
        <v>51757091</v>
      </c>
      <c r="NX10" s="459">
        <v>0</v>
      </c>
      <c r="NY10" s="456">
        <v>0</v>
      </c>
      <c r="NZ10" s="460">
        <v>0</v>
      </c>
      <c r="OA10" s="467"/>
      <c r="OB10" s="456">
        <v>219861</v>
      </c>
      <c r="OC10" s="456">
        <v>1010731</v>
      </c>
      <c r="OD10" s="456">
        <v>3463981</v>
      </c>
      <c r="OE10" s="456">
        <v>32572632</v>
      </c>
      <c r="OF10" s="456">
        <v>39006596</v>
      </c>
      <c r="OG10" s="460">
        <v>76273801</v>
      </c>
      <c r="OH10" s="462">
        <v>76273801</v>
      </c>
      <c r="OI10" s="459">
        <v>164158946</v>
      </c>
      <c r="OJ10" s="456">
        <v>379262297</v>
      </c>
      <c r="OK10" s="457">
        <v>543421243</v>
      </c>
      <c r="OL10" s="463">
        <v>0</v>
      </c>
      <c r="OM10" s="456">
        <v>2640377407</v>
      </c>
      <c r="ON10" s="456">
        <v>4744882189</v>
      </c>
      <c r="OO10" s="456">
        <v>5043767571</v>
      </c>
      <c r="OP10" s="456">
        <v>5374991629</v>
      </c>
      <c r="OQ10" s="456">
        <v>4075483630</v>
      </c>
      <c r="OR10" s="460">
        <v>21879502426</v>
      </c>
      <c r="OS10" s="466">
        <v>22422923669</v>
      </c>
    </row>
    <row r="11" spans="1:409" ht="19.8" customHeight="1" x14ac:dyDescent="0.2">
      <c r="B11" s="62" t="s">
        <v>6</v>
      </c>
      <c r="C11" s="110">
        <v>52727243</v>
      </c>
      <c r="D11" s="114">
        <v>94322758</v>
      </c>
      <c r="E11" s="113">
        <v>147050001</v>
      </c>
      <c r="F11" s="109">
        <v>0</v>
      </c>
      <c r="G11" s="114">
        <v>857768836</v>
      </c>
      <c r="H11" s="114">
        <v>889813812</v>
      </c>
      <c r="I11" s="114">
        <v>817812974</v>
      </c>
      <c r="J11" s="114">
        <v>841368429</v>
      </c>
      <c r="K11" s="114">
        <v>646998687</v>
      </c>
      <c r="L11" s="109">
        <v>4053762738</v>
      </c>
      <c r="M11" s="116">
        <v>4200812739</v>
      </c>
      <c r="N11" s="110">
        <v>13974573</v>
      </c>
      <c r="O11" s="114">
        <v>29317930</v>
      </c>
      <c r="P11" s="113">
        <v>43292503</v>
      </c>
      <c r="Q11" s="110">
        <v>0</v>
      </c>
      <c r="R11" s="114">
        <v>269646916</v>
      </c>
      <c r="S11" s="114">
        <v>315615220</v>
      </c>
      <c r="T11" s="114">
        <v>299407948</v>
      </c>
      <c r="U11" s="114">
        <v>339298293</v>
      </c>
      <c r="V11" s="114">
        <v>342904303</v>
      </c>
      <c r="W11" s="113">
        <v>1566872680</v>
      </c>
      <c r="X11" s="116">
        <v>1610165183</v>
      </c>
      <c r="Y11" s="110">
        <v>29443</v>
      </c>
      <c r="Z11" s="114">
        <v>0</v>
      </c>
      <c r="AA11" s="113">
        <v>29443</v>
      </c>
      <c r="AB11" s="110">
        <v>0</v>
      </c>
      <c r="AC11" s="114">
        <v>129472802</v>
      </c>
      <c r="AD11" s="114">
        <v>163193469</v>
      </c>
      <c r="AE11" s="114">
        <v>174502279</v>
      </c>
      <c r="AF11" s="114">
        <v>199177706</v>
      </c>
      <c r="AG11" s="114">
        <v>206541770</v>
      </c>
      <c r="AH11" s="113">
        <v>872888026</v>
      </c>
      <c r="AI11" s="116">
        <v>872917469</v>
      </c>
      <c r="AJ11" s="110">
        <v>0</v>
      </c>
      <c r="AK11" s="114">
        <v>210429</v>
      </c>
      <c r="AL11" s="113">
        <v>210429</v>
      </c>
      <c r="AM11" s="110">
        <v>0</v>
      </c>
      <c r="AN11" s="114">
        <v>886907</v>
      </c>
      <c r="AO11" s="114">
        <v>3365705</v>
      </c>
      <c r="AP11" s="114">
        <v>6174775</v>
      </c>
      <c r="AQ11" s="114">
        <v>17793065</v>
      </c>
      <c r="AR11" s="114">
        <v>33348790</v>
      </c>
      <c r="AS11" s="113">
        <v>61569242</v>
      </c>
      <c r="AT11" s="116">
        <v>61779671</v>
      </c>
      <c r="AU11" s="110">
        <v>7547809</v>
      </c>
      <c r="AV11" s="114">
        <v>20769241</v>
      </c>
      <c r="AW11" s="113">
        <v>28317050</v>
      </c>
      <c r="AX11" s="110">
        <v>0</v>
      </c>
      <c r="AY11" s="114">
        <v>86698563</v>
      </c>
      <c r="AZ11" s="114">
        <v>91245612</v>
      </c>
      <c r="BA11" s="114">
        <v>66513148</v>
      </c>
      <c r="BB11" s="114">
        <v>70489441</v>
      </c>
      <c r="BC11" s="114">
        <v>62194689</v>
      </c>
      <c r="BD11" s="113">
        <v>377141453</v>
      </c>
      <c r="BE11" s="116">
        <v>405458503</v>
      </c>
      <c r="BF11" s="110">
        <v>541342</v>
      </c>
      <c r="BG11" s="114">
        <v>1769670</v>
      </c>
      <c r="BH11" s="112">
        <v>2311012</v>
      </c>
      <c r="BI11" s="111">
        <v>0</v>
      </c>
      <c r="BJ11" s="114">
        <v>6731594</v>
      </c>
      <c r="BK11" s="114">
        <v>8459646</v>
      </c>
      <c r="BL11" s="114">
        <v>5549831</v>
      </c>
      <c r="BM11" s="114">
        <v>5146577</v>
      </c>
      <c r="BN11" s="114">
        <v>2971697</v>
      </c>
      <c r="BO11" s="113">
        <v>28859345</v>
      </c>
      <c r="BP11" s="116">
        <v>31170357</v>
      </c>
      <c r="BQ11" s="110">
        <v>5855979</v>
      </c>
      <c r="BR11" s="114">
        <v>6568590</v>
      </c>
      <c r="BS11" s="113">
        <v>12424569</v>
      </c>
      <c r="BT11" s="110">
        <v>0</v>
      </c>
      <c r="BU11" s="114">
        <v>45857050</v>
      </c>
      <c r="BV11" s="114">
        <v>49350788</v>
      </c>
      <c r="BW11" s="114">
        <v>46667915</v>
      </c>
      <c r="BX11" s="114">
        <v>46691504</v>
      </c>
      <c r="BY11" s="114">
        <v>37847357</v>
      </c>
      <c r="BZ11" s="113">
        <v>226414614</v>
      </c>
      <c r="CA11" s="116">
        <v>238839183</v>
      </c>
      <c r="CB11" s="110">
        <v>2441572</v>
      </c>
      <c r="CC11" s="114">
        <v>8333971</v>
      </c>
      <c r="CD11" s="113">
        <v>10775543</v>
      </c>
      <c r="CE11" s="110">
        <v>0</v>
      </c>
      <c r="CF11" s="114">
        <v>240436028</v>
      </c>
      <c r="CG11" s="114">
        <v>232626224</v>
      </c>
      <c r="CH11" s="114">
        <v>184489544</v>
      </c>
      <c r="CI11" s="114">
        <v>140008138</v>
      </c>
      <c r="CJ11" s="114">
        <v>66961670</v>
      </c>
      <c r="CK11" s="113">
        <v>864521604</v>
      </c>
      <c r="CL11" s="116">
        <v>875297147</v>
      </c>
      <c r="CM11" s="110">
        <v>0</v>
      </c>
      <c r="CN11" s="114">
        <v>0</v>
      </c>
      <c r="CO11" s="113">
        <v>0</v>
      </c>
      <c r="CP11" s="111">
        <v>0</v>
      </c>
      <c r="CQ11" s="114">
        <v>207336493</v>
      </c>
      <c r="CR11" s="114">
        <v>183674927</v>
      </c>
      <c r="CS11" s="114">
        <v>142331162</v>
      </c>
      <c r="CT11" s="114">
        <v>106082597</v>
      </c>
      <c r="CU11" s="114">
        <v>54310299</v>
      </c>
      <c r="CV11" s="113">
        <v>693735478</v>
      </c>
      <c r="CW11" s="116">
        <v>693735478</v>
      </c>
      <c r="CX11" s="110">
        <v>2441572</v>
      </c>
      <c r="CY11" s="114">
        <v>8333971</v>
      </c>
      <c r="CZ11" s="113">
        <v>10775543</v>
      </c>
      <c r="DA11" s="110">
        <v>0</v>
      </c>
      <c r="DB11" s="114">
        <v>33099535</v>
      </c>
      <c r="DC11" s="114">
        <v>48951297</v>
      </c>
      <c r="DD11" s="114">
        <v>42158382</v>
      </c>
      <c r="DE11" s="114">
        <v>33925541</v>
      </c>
      <c r="DF11" s="114">
        <v>12651371</v>
      </c>
      <c r="DG11" s="113">
        <v>170786126</v>
      </c>
      <c r="DH11" s="116">
        <v>181561669</v>
      </c>
      <c r="DI11" s="110">
        <v>191754</v>
      </c>
      <c r="DJ11" s="114">
        <v>723898</v>
      </c>
      <c r="DK11" s="112">
        <v>915652</v>
      </c>
      <c r="DL11" s="111">
        <v>0</v>
      </c>
      <c r="DM11" s="114">
        <v>17971141</v>
      </c>
      <c r="DN11" s="114">
        <v>30215195</v>
      </c>
      <c r="DO11" s="114">
        <v>55476478</v>
      </c>
      <c r="DP11" s="114">
        <v>58499488</v>
      </c>
      <c r="DQ11" s="114">
        <v>31141050</v>
      </c>
      <c r="DR11" s="113">
        <v>193303352</v>
      </c>
      <c r="DS11" s="116">
        <v>194219004</v>
      </c>
      <c r="DT11" s="110">
        <v>191754</v>
      </c>
      <c r="DU11" s="114">
        <v>723898</v>
      </c>
      <c r="DV11" s="113">
        <v>915652</v>
      </c>
      <c r="DW11" s="110">
        <v>0</v>
      </c>
      <c r="DX11" s="114">
        <v>16555673</v>
      </c>
      <c r="DY11" s="114">
        <v>26774716</v>
      </c>
      <c r="DZ11" s="114">
        <v>49583411</v>
      </c>
      <c r="EA11" s="114">
        <v>49867539</v>
      </c>
      <c r="EB11" s="114">
        <v>26604537</v>
      </c>
      <c r="EC11" s="113">
        <v>169385876</v>
      </c>
      <c r="ED11" s="116">
        <v>170301528</v>
      </c>
      <c r="EE11" s="110">
        <v>0</v>
      </c>
      <c r="EF11" s="112">
        <v>0</v>
      </c>
      <c r="EG11" s="113">
        <v>0</v>
      </c>
      <c r="EH11" s="110">
        <v>0</v>
      </c>
      <c r="EI11" s="114">
        <v>1415468</v>
      </c>
      <c r="EJ11" s="114">
        <v>3440479</v>
      </c>
      <c r="EK11" s="114">
        <v>5893067</v>
      </c>
      <c r="EL11" s="114">
        <v>8631949</v>
      </c>
      <c r="EM11" s="114">
        <v>4536513</v>
      </c>
      <c r="EN11" s="112">
        <v>23917476</v>
      </c>
      <c r="EO11" s="116">
        <v>23917476</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8"/>
      <c r="FE11" s="114">
        <v>0</v>
      </c>
      <c r="FF11" s="114">
        <v>0</v>
      </c>
      <c r="FG11" s="114">
        <v>0</v>
      </c>
      <c r="FH11" s="114">
        <v>0</v>
      </c>
      <c r="FI11" s="114">
        <v>0</v>
      </c>
      <c r="FJ11" s="113">
        <v>0</v>
      </c>
      <c r="FK11" s="116">
        <v>0</v>
      </c>
      <c r="FL11" s="110">
        <v>12258234</v>
      </c>
      <c r="FM11" s="114">
        <v>22606061</v>
      </c>
      <c r="FN11" s="113">
        <v>34864295</v>
      </c>
      <c r="FO11" s="110">
        <v>0</v>
      </c>
      <c r="FP11" s="114">
        <v>46382771</v>
      </c>
      <c r="FQ11" s="114">
        <v>78698728</v>
      </c>
      <c r="FR11" s="114">
        <v>63855968</v>
      </c>
      <c r="FS11" s="114">
        <v>67607212</v>
      </c>
      <c r="FT11" s="114">
        <v>46532747</v>
      </c>
      <c r="FU11" s="113">
        <v>303077426</v>
      </c>
      <c r="FV11" s="116">
        <v>337941721</v>
      </c>
      <c r="FW11" s="115">
        <v>7150275</v>
      </c>
      <c r="FX11" s="114">
        <v>17249684</v>
      </c>
      <c r="FY11" s="112">
        <v>24399959</v>
      </c>
      <c r="FZ11" s="111">
        <v>0</v>
      </c>
      <c r="GA11" s="114">
        <v>38302180</v>
      </c>
      <c r="GB11" s="114">
        <v>73491679</v>
      </c>
      <c r="GC11" s="114">
        <v>59939520</v>
      </c>
      <c r="GD11" s="114">
        <v>63247376</v>
      </c>
      <c r="GE11" s="114">
        <v>45005271</v>
      </c>
      <c r="GF11" s="113">
        <v>279986026</v>
      </c>
      <c r="GG11" s="319">
        <v>304385985</v>
      </c>
      <c r="GH11" s="115">
        <v>662329</v>
      </c>
      <c r="GI11" s="114">
        <v>699587</v>
      </c>
      <c r="GJ11" s="112">
        <v>1361916</v>
      </c>
      <c r="GK11" s="111">
        <v>0</v>
      </c>
      <c r="GL11" s="114">
        <v>2081066</v>
      </c>
      <c r="GM11" s="114">
        <v>2090691</v>
      </c>
      <c r="GN11" s="114">
        <v>1962988</v>
      </c>
      <c r="GO11" s="114">
        <v>2413714</v>
      </c>
      <c r="GP11" s="114">
        <v>1154141</v>
      </c>
      <c r="GQ11" s="113">
        <v>9702600</v>
      </c>
      <c r="GR11" s="116">
        <v>11064516</v>
      </c>
      <c r="GS11" s="110">
        <v>4445630</v>
      </c>
      <c r="GT11" s="114">
        <v>4656790</v>
      </c>
      <c r="GU11" s="113">
        <v>9102420</v>
      </c>
      <c r="GV11" s="110">
        <v>0</v>
      </c>
      <c r="GW11" s="114">
        <v>5999525</v>
      </c>
      <c r="GX11" s="114">
        <v>3116358</v>
      </c>
      <c r="GY11" s="114">
        <v>1953460</v>
      </c>
      <c r="GZ11" s="114">
        <v>1946122</v>
      </c>
      <c r="HA11" s="114">
        <v>373335</v>
      </c>
      <c r="HB11" s="112">
        <v>13388800</v>
      </c>
      <c r="HC11" s="116">
        <v>22491220</v>
      </c>
      <c r="HD11" s="110">
        <v>14235855</v>
      </c>
      <c r="HE11" s="114">
        <v>17186359</v>
      </c>
      <c r="HF11" s="112">
        <v>31422214</v>
      </c>
      <c r="HG11" s="111">
        <v>0</v>
      </c>
      <c r="HH11" s="114">
        <v>144286724</v>
      </c>
      <c r="HI11" s="114">
        <v>125349453</v>
      </c>
      <c r="HJ11" s="114">
        <v>133622283</v>
      </c>
      <c r="HK11" s="114">
        <v>171927466</v>
      </c>
      <c r="HL11" s="114">
        <v>121220694</v>
      </c>
      <c r="HM11" s="113">
        <v>696406620</v>
      </c>
      <c r="HN11" s="109">
        <v>727828834</v>
      </c>
      <c r="HO11" s="115">
        <v>9625255</v>
      </c>
      <c r="HP11" s="114">
        <v>16154539</v>
      </c>
      <c r="HQ11" s="113">
        <v>25779794</v>
      </c>
      <c r="HR11" s="110">
        <v>0</v>
      </c>
      <c r="HS11" s="114">
        <v>139045256</v>
      </c>
      <c r="HT11" s="114">
        <v>107308992</v>
      </c>
      <c r="HU11" s="114">
        <v>80960753</v>
      </c>
      <c r="HV11" s="114">
        <v>64027832</v>
      </c>
      <c r="HW11" s="114">
        <v>38238223</v>
      </c>
      <c r="HX11" s="112">
        <v>429581056</v>
      </c>
      <c r="HY11" s="116">
        <v>455360850</v>
      </c>
      <c r="HZ11" s="131">
        <v>1204813</v>
      </c>
      <c r="IA11" s="132">
        <v>4988119</v>
      </c>
      <c r="IB11" s="133">
        <v>6192932</v>
      </c>
      <c r="IC11" s="146">
        <v>0</v>
      </c>
      <c r="ID11" s="132">
        <v>283709074</v>
      </c>
      <c r="IE11" s="147">
        <v>330848907</v>
      </c>
      <c r="IF11" s="133">
        <v>355035634</v>
      </c>
      <c r="IG11" s="132">
        <v>291230849</v>
      </c>
      <c r="IH11" s="133">
        <v>214555089</v>
      </c>
      <c r="II11" s="148">
        <v>1475379553</v>
      </c>
      <c r="IJ11" s="139">
        <v>1481572485</v>
      </c>
      <c r="IK11" s="232">
        <v>0</v>
      </c>
      <c r="IL11" s="236">
        <v>0</v>
      </c>
      <c r="IM11" s="237">
        <v>0</v>
      </c>
      <c r="IN11" s="140"/>
      <c r="IO11" s="119">
        <v>5820471</v>
      </c>
      <c r="IP11" s="119">
        <v>8302813</v>
      </c>
      <c r="IQ11" s="119">
        <v>13226875</v>
      </c>
      <c r="IR11" s="119">
        <v>25588613</v>
      </c>
      <c r="IS11" s="119">
        <v>28252016</v>
      </c>
      <c r="IT11" s="141">
        <v>81190788</v>
      </c>
      <c r="IU11" s="321">
        <v>81190788</v>
      </c>
      <c r="IV11" s="142">
        <v>0</v>
      </c>
      <c r="IW11" s="119">
        <v>0</v>
      </c>
      <c r="IX11" s="120">
        <v>0</v>
      </c>
      <c r="IY11" s="144"/>
      <c r="IZ11" s="119">
        <v>1319381</v>
      </c>
      <c r="JA11" s="119">
        <v>1973150</v>
      </c>
      <c r="JB11" s="119">
        <v>2658867</v>
      </c>
      <c r="JC11" s="119">
        <v>3294224</v>
      </c>
      <c r="JD11" s="119">
        <v>3341470</v>
      </c>
      <c r="JE11" s="120">
        <v>12587092</v>
      </c>
      <c r="JF11" s="121">
        <v>12587092</v>
      </c>
      <c r="JG11" s="142">
        <v>0</v>
      </c>
      <c r="JH11" s="119">
        <v>0</v>
      </c>
      <c r="JI11" s="141">
        <v>0</v>
      </c>
      <c r="JJ11" s="118">
        <v>0</v>
      </c>
      <c r="JK11" s="119">
        <v>93979291</v>
      </c>
      <c r="JL11" s="119">
        <v>85078340</v>
      </c>
      <c r="JM11" s="119">
        <v>69677626</v>
      </c>
      <c r="JN11" s="119">
        <v>43415868</v>
      </c>
      <c r="JO11" s="119">
        <v>27962392</v>
      </c>
      <c r="JP11" s="120">
        <v>320113517</v>
      </c>
      <c r="JQ11" s="321">
        <v>320113517</v>
      </c>
      <c r="JR11" s="142">
        <v>107385</v>
      </c>
      <c r="JS11" s="119">
        <v>33321</v>
      </c>
      <c r="JT11" s="141">
        <v>140706</v>
      </c>
      <c r="JU11" s="118">
        <v>0</v>
      </c>
      <c r="JV11" s="119">
        <v>16989756</v>
      </c>
      <c r="JW11" s="119">
        <v>24013710</v>
      </c>
      <c r="JX11" s="119">
        <v>31935246</v>
      </c>
      <c r="JY11" s="119">
        <v>20695501</v>
      </c>
      <c r="JZ11" s="119">
        <v>14591621</v>
      </c>
      <c r="KA11" s="120">
        <v>108225834</v>
      </c>
      <c r="KB11" s="321">
        <v>108366540</v>
      </c>
      <c r="KC11" s="234">
        <v>1097428</v>
      </c>
      <c r="KD11" s="230">
        <v>3227550</v>
      </c>
      <c r="KE11" s="120">
        <v>4324978</v>
      </c>
      <c r="KF11" s="118">
        <v>0</v>
      </c>
      <c r="KG11" s="119">
        <v>29212174</v>
      </c>
      <c r="KH11" s="119">
        <v>47065067</v>
      </c>
      <c r="KI11" s="119">
        <v>45560723</v>
      </c>
      <c r="KJ11" s="119">
        <v>36577673</v>
      </c>
      <c r="KK11" s="119">
        <v>19913764</v>
      </c>
      <c r="KL11" s="120">
        <v>178329401</v>
      </c>
      <c r="KM11" s="143">
        <v>182654379</v>
      </c>
      <c r="KN11" s="232">
        <v>0</v>
      </c>
      <c r="KO11" s="236">
        <v>1727248</v>
      </c>
      <c r="KP11" s="237">
        <v>1727248</v>
      </c>
      <c r="KQ11" s="140"/>
      <c r="KR11" s="119">
        <v>126767986</v>
      </c>
      <c r="KS11" s="119">
        <v>145316580</v>
      </c>
      <c r="KT11" s="119">
        <v>154667219</v>
      </c>
      <c r="KU11" s="119">
        <v>107990259</v>
      </c>
      <c r="KV11" s="119">
        <v>68354723</v>
      </c>
      <c r="KW11" s="120">
        <v>603096767</v>
      </c>
      <c r="KX11" s="321">
        <v>604824015</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811121</v>
      </c>
      <c r="LO11" s="119">
        <v>1721081</v>
      </c>
      <c r="LP11" s="119">
        <v>18187743</v>
      </c>
      <c r="LQ11" s="119">
        <v>28044753</v>
      </c>
      <c r="LR11" s="119">
        <v>21952900</v>
      </c>
      <c r="LS11" s="120">
        <v>70717598</v>
      </c>
      <c r="LT11" s="321">
        <v>70717598</v>
      </c>
      <c r="LU11" s="142">
        <v>0</v>
      </c>
      <c r="LV11" s="119">
        <v>0</v>
      </c>
      <c r="LW11" s="120">
        <v>0</v>
      </c>
      <c r="LX11" s="145"/>
      <c r="LY11" s="119">
        <v>8808894</v>
      </c>
      <c r="LZ11" s="119">
        <v>17378166</v>
      </c>
      <c r="MA11" s="119">
        <v>19121335</v>
      </c>
      <c r="MB11" s="119">
        <v>25623958</v>
      </c>
      <c r="MC11" s="119">
        <v>30186203</v>
      </c>
      <c r="MD11" s="120">
        <v>101118556</v>
      </c>
      <c r="ME11" s="121">
        <v>101118556</v>
      </c>
      <c r="MF11" s="142">
        <v>0</v>
      </c>
      <c r="MG11" s="119">
        <v>0</v>
      </c>
      <c r="MH11" s="120">
        <v>0</v>
      </c>
      <c r="MI11" s="145"/>
      <c r="MJ11" s="119">
        <v>75640672</v>
      </c>
      <c r="MK11" s="119">
        <v>135540350</v>
      </c>
      <c r="ML11" s="119">
        <v>463088650</v>
      </c>
      <c r="MM11" s="119">
        <v>721275676</v>
      </c>
      <c r="MN11" s="119">
        <v>522301042</v>
      </c>
      <c r="MO11" s="120">
        <v>1917846390</v>
      </c>
      <c r="MP11" s="143">
        <v>1917846390</v>
      </c>
      <c r="MQ11" s="142">
        <v>0</v>
      </c>
      <c r="MR11" s="119">
        <v>0</v>
      </c>
      <c r="MS11" s="120">
        <v>0</v>
      </c>
      <c r="MT11" s="145"/>
      <c r="MU11" s="119">
        <v>17087032</v>
      </c>
      <c r="MV11" s="119">
        <v>41953433</v>
      </c>
      <c r="MW11" s="119">
        <v>315530087</v>
      </c>
      <c r="MX11" s="119">
        <v>473882374</v>
      </c>
      <c r="MY11" s="119">
        <v>364704984</v>
      </c>
      <c r="MZ11" s="120">
        <v>1213157910</v>
      </c>
      <c r="NA11" s="143">
        <v>1213157910</v>
      </c>
      <c r="NB11" s="142">
        <v>0</v>
      </c>
      <c r="NC11" s="119">
        <v>0</v>
      </c>
      <c r="ND11" s="120">
        <v>0</v>
      </c>
      <c r="NE11" s="145"/>
      <c r="NF11" s="119">
        <v>58243305</v>
      </c>
      <c r="NG11" s="119">
        <v>93337302</v>
      </c>
      <c r="NH11" s="119">
        <v>142763776</v>
      </c>
      <c r="NI11" s="119">
        <v>210843582</v>
      </c>
      <c r="NJ11" s="119">
        <v>102188869</v>
      </c>
      <c r="NK11" s="120">
        <v>607376834</v>
      </c>
      <c r="NL11" s="321">
        <v>607376834</v>
      </c>
      <c r="NM11" s="142">
        <v>0</v>
      </c>
      <c r="NN11" s="119">
        <v>0</v>
      </c>
      <c r="NO11" s="120">
        <v>0</v>
      </c>
      <c r="NP11" s="145"/>
      <c r="NQ11" s="119">
        <v>310335</v>
      </c>
      <c r="NR11" s="119">
        <v>0</v>
      </c>
      <c r="NS11" s="119">
        <v>3286911</v>
      </c>
      <c r="NT11" s="119">
        <v>23975677</v>
      </c>
      <c r="NU11" s="119">
        <v>31105352</v>
      </c>
      <c r="NV11" s="120">
        <v>58678275</v>
      </c>
      <c r="NW11" s="121">
        <v>58678275</v>
      </c>
      <c r="NX11" s="142">
        <v>0</v>
      </c>
      <c r="NY11" s="119">
        <v>0</v>
      </c>
      <c r="NZ11" s="120">
        <v>0</v>
      </c>
      <c r="OA11" s="145"/>
      <c r="OB11" s="119">
        <v>0</v>
      </c>
      <c r="OC11" s="119">
        <v>249615</v>
      </c>
      <c r="OD11" s="119">
        <v>1507876</v>
      </c>
      <c r="OE11" s="119">
        <v>12574043</v>
      </c>
      <c r="OF11" s="119">
        <v>24301837</v>
      </c>
      <c r="OG11" s="120">
        <v>38633371</v>
      </c>
      <c r="OH11" s="121">
        <v>38633371</v>
      </c>
      <c r="OI11" s="142">
        <v>53932056</v>
      </c>
      <c r="OJ11" s="119">
        <v>99310877</v>
      </c>
      <c r="OK11" s="141">
        <v>153242933</v>
      </c>
      <c r="OL11" s="118">
        <v>0</v>
      </c>
      <c r="OM11" s="119">
        <v>1217118582</v>
      </c>
      <c r="ON11" s="119">
        <v>1356203069</v>
      </c>
      <c r="OO11" s="119">
        <v>1635937258</v>
      </c>
      <c r="OP11" s="119">
        <v>1853874954</v>
      </c>
      <c r="OQ11" s="119">
        <v>1383854818</v>
      </c>
      <c r="OR11" s="120">
        <v>7446988681</v>
      </c>
      <c r="OS11" s="143">
        <v>7600231614</v>
      </c>
    </row>
    <row r="12" spans="1:409" ht="19.8" customHeight="1" x14ac:dyDescent="0.2">
      <c r="B12" s="62" t="s">
        <v>14</v>
      </c>
      <c r="C12" s="110">
        <v>28199420</v>
      </c>
      <c r="D12" s="114">
        <v>71021937</v>
      </c>
      <c r="E12" s="113">
        <v>99221357</v>
      </c>
      <c r="F12" s="109">
        <v>0</v>
      </c>
      <c r="G12" s="114">
        <v>326816413</v>
      </c>
      <c r="H12" s="114">
        <v>494472900</v>
      </c>
      <c r="I12" s="114">
        <v>456604550</v>
      </c>
      <c r="J12" s="114">
        <v>407338603</v>
      </c>
      <c r="K12" s="114">
        <v>290242236</v>
      </c>
      <c r="L12" s="112">
        <v>1975474702</v>
      </c>
      <c r="M12" s="116">
        <v>2074696059</v>
      </c>
      <c r="N12" s="110">
        <v>5840168</v>
      </c>
      <c r="O12" s="114">
        <v>18042650</v>
      </c>
      <c r="P12" s="113">
        <v>23882818</v>
      </c>
      <c r="Q12" s="110">
        <v>0</v>
      </c>
      <c r="R12" s="114">
        <v>93779864</v>
      </c>
      <c r="S12" s="114">
        <v>155231545</v>
      </c>
      <c r="T12" s="114">
        <v>149446603</v>
      </c>
      <c r="U12" s="114">
        <v>151415664</v>
      </c>
      <c r="V12" s="114">
        <v>143520192</v>
      </c>
      <c r="W12" s="113">
        <v>693393868</v>
      </c>
      <c r="X12" s="116">
        <v>717276686</v>
      </c>
      <c r="Y12" s="110">
        <v>0</v>
      </c>
      <c r="Z12" s="114">
        <v>0</v>
      </c>
      <c r="AA12" s="113">
        <v>0</v>
      </c>
      <c r="AB12" s="110">
        <v>0</v>
      </c>
      <c r="AC12" s="114">
        <v>47495775</v>
      </c>
      <c r="AD12" s="114">
        <v>82821850</v>
      </c>
      <c r="AE12" s="114">
        <v>82686765</v>
      </c>
      <c r="AF12" s="114">
        <v>89273519</v>
      </c>
      <c r="AG12" s="114">
        <v>80637300</v>
      </c>
      <c r="AH12" s="113">
        <v>382915209</v>
      </c>
      <c r="AI12" s="116">
        <v>382915209</v>
      </c>
      <c r="AJ12" s="110">
        <v>26750</v>
      </c>
      <c r="AK12" s="114">
        <v>89822</v>
      </c>
      <c r="AL12" s="113">
        <v>116572</v>
      </c>
      <c r="AM12" s="110">
        <v>0</v>
      </c>
      <c r="AN12" s="114">
        <v>283864</v>
      </c>
      <c r="AO12" s="114">
        <v>1705759</v>
      </c>
      <c r="AP12" s="114">
        <v>4477999</v>
      </c>
      <c r="AQ12" s="114">
        <v>7245383</v>
      </c>
      <c r="AR12" s="114">
        <v>17048586</v>
      </c>
      <c r="AS12" s="113">
        <v>30761591</v>
      </c>
      <c r="AT12" s="116">
        <v>30878163</v>
      </c>
      <c r="AU12" s="110">
        <v>3004029</v>
      </c>
      <c r="AV12" s="114">
        <v>12977008</v>
      </c>
      <c r="AW12" s="113">
        <v>15981037</v>
      </c>
      <c r="AX12" s="110">
        <v>0</v>
      </c>
      <c r="AY12" s="114">
        <v>26947776</v>
      </c>
      <c r="AZ12" s="114">
        <v>45244122</v>
      </c>
      <c r="BA12" s="114">
        <v>37406341</v>
      </c>
      <c r="BB12" s="114">
        <v>33159891</v>
      </c>
      <c r="BC12" s="114">
        <v>30343254</v>
      </c>
      <c r="BD12" s="113">
        <v>173101384</v>
      </c>
      <c r="BE12" s="116">
        <v>189082421</v>
      </c>
      <c r="BF12" s="110">
        <v>248920</v>
      </c>
      <c r="BG12" s="114">
        <v>1286379</v>
      </c>
      <c r="BH12" s="112">
        <v>1535299</v>
      </c>
      <c r="BI12" s="111">
        <v>0</v>
      </c>
      <c r="BJ12" s="114">
        <v>962727</v>
      </c>
      <c r="BK12" s="114">
        <v>3345403</v>
      </c>
      <c r="BL12" s="114">
        <v>2479344</v>
      </c>
      <c r="BM12" s="114">
        <v>1909710</v>
      </c>
      <c r="BN12" s="114">
        <v>810808</v>
      </c>
      <c r="BO12" s="113">
        <v>9507992</v>
      </c>
      <c r="BP12" s="116">
        <v>11043291</v>
      </c>
      <c r="BQ12" s="110">
        <v>2560469</v>
      </c>
      <c r="BR12" s="114">
        <v>3689441</v>
      </c>
      <c r="BS12" s="113">
        <v>6249910</v>
      </c>
      <c r="BT12" s="110">
        <v>0</v>
      </c>
      <c r="BU12" s="114">
        <v>18089722</v>
      </c>
      <c r="BV12" s="114">
        <v>22114411</v>
      </c>
      <c r="BW12" s="114">
        <v>22396154</v>
      </c>
      <c r="BX12" s="114">
        <v>19827161</v>
      </c>
      <c r="BY12" s="114">
        <v>14680244</v>
      </c>
      <c r="BZ12" s="113">
        <v>97107692</v>
      </c>
      <c r="CA12" s="116">
        <v>103357602</v>
      </c>
      <c r="CB12" s="110">
        <v>1750095</v>
      </c>
      <c r="CC12" s="114">
        <v>7388490</v>
      </c>
      <c r="CD12" s="113">
        <v>9138585</v>
      </c>
      <c r="CE12" s="110">
        <v>0</v>
      </c>
      <c r="CF12" s="114">
        <v>97813914</v>
      </c>
      <c r="CG12" s="114">
        <v>147415014</v>
      </c>
      <c r="CH12" s="114">
        <v>123718731</v>
      </c>
      <c r="CI12" s="114">
        <v>91852902</v>
      </c>
      <c r="CJ12" s="114">
        <v>43567699</v>
      </c>
      <c r="CK12" s="113">
        <v>504368260</v>
      </c>
      <c r="CL12" s="116">
        <v>513506845</v>
      </c>
      <c r="CM12" s="110">
        <v>0</v>
      </c>
      <c r="CN12" s="114">
        <v>0</v>
      </c>
      <c r="CO12" s="113">
        <v>0</v>
      </c>
      <c r="CP12" s="111">
        <v>0</v>
      </c>
      <c r="CQ12" s="114">
        <v>90372689</v>
      </c>
      <c r="CR12" s="114">
        <v>124584127</v>
      </c>
      <c r="CS12" s="114">
        <v>104728419</v>
      </c>
      <c r="CT12" s="114">
        <v>76173107</v>
      </c>
      <c r="CU12" s="114">
        <v>37215181</v>
      </c>
      <c r="CV12" s="113">
        <v>433073523</v>
      </c>
      <c r="CW12" s="116">
        <v>433073523</v>
      </c>
      <c r="CX12" s="110">
        <v>1750095</v>
      </c>
      <c r="CY12" s="114">
        <v>7388490</v>
      </c>
      <c r="CZ12" s="113">
        <v>9138585</v>
      </c>
      <c r="DA12" s="110">
        <v>0</v>
      </c>
      <c r="DB12" s="114">
        <v>7441225</v>
      </c>
      <c r="DC12" s="114">
        <v>22830887</v>
      </c>
      <c r="DD12" s="114">
        <v>18990312</v>
      </c>
      <c r="DE12" s="114">
        <v>15679795</v>
      </c>
      <c r="DF12" s="114">
        <v>6352518</v>
      </c>
      <c r="DG12" s="113">
        <v>71294737</v>
      </c>
      <c r="DH12" s="116">
        <v>80433322</v>
      </c>
      <c r="DI12" s="110">
        <v>162806</v>
      </c>
      <c r="DJ12" s="114">
        <v>818726</v>
      </c>
      <c r="DK12" s="112">
        <v>981532</v>
      </c>
      <c r="DL12" s="111">
        <v>0</v>
      </c>
      <c r="DM12" s="114">
        <v>7543937</v>
      </c>
      <c r="DN12" s="114">
        <v>21242521</v>
      </c>
      <c r="DO12" s="114">
        <v>42916145</v>
      </c>
      <c r="DP12" s="114">
        <v>36167220</v>
      </c>
      <c r="DQ12" s="114">
        <v>19256800</v>
      </c>
      <c r="DR12" s="113">
        <v>127126623</v>
      </c>
      <c r="DS12" s="116">
        <v>128108155</v>
      </c>
      <c r="DT12" s="110">
        <v>162806</v>
      </c>
      <c r="DU12" s="114">
        <v>818726</v>
      </c>
      <c r="DV12" s="113">
        <v>981532</v>
      </c>
      <c r="DW12" s="110">
        <v>0</v>
      </c>
      <c r="DX12" s="114">
        <v>7495768</v>
      </c>
      <c r="DY12" s="114">
        <v>20727318</v>
      </c>
      <c r="DZ12" s="114">
        <v>42133503</v>
      </c>
      <c r="EA12" s="114">
        <v>34953455</v>
      </c>
      <c r="EB12" s="114">
        <v>18796496</v>
      </c>
      <c r="EC12" s="113">
        <v>124106540</v>
      </c>
      <c r="ED12" s="116">
        <v>125088072</v>
      </c>
      <c r="EE12" s="110">
        <v>0</v>
      </c>
      <c r="EF12" s="112">
        <v>0</v>
      </c>
      <c r="EG12" s="113">
        <v>0</v>
      </c>
      <c r="EH12" s="110">
        <v>0</v>
      </c>
      <c r="EI12" s="114">
        <v>48169</v>
      </c>
      <c r="EJ12" s="114">
        <v>515203</v>
      </c>
      <c r="EK12" s="114">
        <v>782642</v>
      </c>
      <c r="EL12" s="114">
        <v>1213765</v>
      </c>
      <c r="EM12" s="114">
        <v>460304</v>
      </c>
      <c r="EN12" s="112">
        <v>3020083</v>
      </c>
      <c r="EO12" s="116">
        <v>3020083</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8"/>
      <c r="FE12" s="114">
        <v>0</v>
      </c>
      <c r="FF12" s="114">
        <v>0</v>
      </c>
      <c r="FG12" s="114">
        <v>0</v>
      </c>
      <c r="FH12" s="114">
        <v>0</v>
      </c>
      <c r="FI12" s="114">
        <v>0</v>
      </c>
      <c r="FJ12" s="113">
        <v>0</v>
      </c>
      <c r="FK12" s="116">
        <v>0</v>
      </c>
      <c r="FL12" s="110">
        <v>7470447</v>
      </c>
      <c r="FM12" s="114">
        <v>21555201</v>
      </c>
      <c r="FN12" s="113">
        <v>29025648</v>
      </c>
      <c r="FO12" s="110">
        <v>0</v>
      </c>
      <c r="FP12" s="114">
        <v>17208742</v>
      </c>
      <c r="FQ12" s="114">
        <v>49187291</v>
      </c>
      <c r="FR12" s="114">
        <v>38373599</v>
      </c>
      <c r="FS12" s="114">
        <v>34689311</v>
      </c>
      <c r="FT12" s="114">
        <v>23182662</v>
      </c>
      <c r="FU12" s="113">
        <v>162641605</v>
      </c>
      <c r="FV12" s="116">
        <v>191667253</v>
      </c>
      <c r="FW12" s="115">
        <v>4818422</v>
      </c>
      <c r="FX12" s="114">
        <v>16548881</v>
      </c>
      <c r="FY12" s="112">
        <v>21367303</v>
      </c>
      <c r="FZ12" s="111">
        <v>0</v>
      </c>
      <c r="GA12" s="114">
        <v>14253248</v>
      </c>
      <c r="GB12" s="114">
        <v>46260092</v>
      </c>
      <c r="GC12" s="114">
        <v>36132033</v>
      </c>
      <c r="GD12" s="114">
        <v>31886886</v>
      </c>
      <c r="GE12" s="114">
        <v>21971735</v>
      </c>
      <c r="GF12" s="113">
        <v>150503994</v>
      </c>
      <c r="GG12" s="319">
        <v>171871297</v>
      </c>
      <c r="GH12" s="115">
        <v>438601</v>
      </c>
      <c r="GI12" s="114">
        <v>971554</v>
      </c>
      <c r="GJ12" s="112">
        <v>1410155</v>
      </c>
      <c r="GK12" s="111">
        <v>0</v>
      </c>
      <c r="GL12" s="114">
        <v>717163</v>
      </c>
      <c r="GM12" s="114">
        <v>1345570</v>
      </c>
      <c r="GN12" s="114">
        <v>1117326</v>
      </c>
      <c r="GO12" s="114">
        <v>1043339</v>
      </c>
      <c r="GP12" s="114">
        <v>447639</v>
      </c>
      <c r="GQ12" s="113">
        <v>4671037</v>
      </c>
      <c r="GR12" s="116">
        <v>6081192</v>
      </c>
      <c r="GS12" s="110">
        <v>2213424</v>
      </c>
      <c r="GT12" s="114">
        <v>4034766</v>
      </c>
      <c r="GU12" s="113">
        <v>6248190</v>
      </c>
      <c r="GV12" s="110">
        <v>0</v>
      </c>
      <c r="GW12" s="114">
        <v>2238331</v>
      </c>
      <c r="GX12" s="114">
        <v>1581629</v>
      </c>
      <c r="GY12" s="114">
        <v>1124240</v>
      </c>
      <c r="GZ12" s="114">
        <v>1759086</v>
      </c>
      <c r="HA12" s="114">
        <v>763288</v>
      </c>
      <c r="HB12" s="112">
        <v>7466574</v>
      </c>
      <c r="HC12" s="116">
        <v>13714764</v>
      </c>
      <c r="HD12" s="110">
        <v>8013549</v>
      </c>
      <c r="HE12" s="114">
        <v>10833972</v>
      </c>
      <c r="HF12" s="112">
        <v>18847521</v>
      </c>
      <c r="HG12" s="111">
        <v>0</v>
      </c>
      <c r="HH12" s="114">
        <v>55916035</v>
      </c>
      <c r="HI12" s="114">
        <v>54319365</v>
      </c>
      <c r="HJ12" s="114">
        <v>54091624</v>
      </c>
      <c r="HK12" s="114">
        <v>60615455</v>
      </c>
      <c r="HL12" s="114">
        <v>42155902</v>
      </c>
      <c r="HM12" s="113">
        <v>267098381</v>
      </c>
      <c r="HN12" s="109">
        <v>285945902</v>
      </c>
      <c r="HO12" s="115">
        <v>4962355</v>
      </c>
      <c r="HP12" s="114">
        <v>12382898</v>
      </c>
      <c r="HQ12" s="113">
        <v>17345253</v>
      </c>
      <c r="HR12" s="110">
        <v>0</v>
      </c>
      <c r="HS12" s="114">
        <v>54553921</v>
      </c>
      <c r="HT12" s="114">
        <v>67077164</v>
      </c>
      <c r="HU12" s="114">
        <v>48057848</v>
      </c>
      <c r="HV12" s="114">
        <v>32598051</v>
      </c>
      <c r="HW12" s="114">
        <v>18558981</v>
      </c>
      <c r="HX12" s="112">
        <v>220845965</v>
      </c>
      <c r="HY12" s="116">
        <v>238191218</v>
      </c>
      <c r="HZ12" s="131">
        <v>685853</v>
      </c>
      <c r="IA12" s="132">
        <v>2779323</v>
      </c>
      <c r="IB12" s="133">
        <v>3465176</v>
      </c>
      <c r="IC12" s="134">
        <v>0</v>
      </c>
      <c r="ID12" s="135">
        <v>130169262</v>
      </c>
      <c r="IE12" s="136">
        <v>172271096</v>
      </c>
      <c r="IF12" s="137">
        <v>189261075</v>
      </c>
      <c r="IG12" s="135">
        <v>131145756</v>
      </c>
      <c r="IH12" s="137">
        <v>81784844</v>
      </c>
      <c r="II12" s="138">
        <v>704632033</v>
      </c>
      <c r="IJ12" s="139">
        <v>708097209</v>
      </c>
      <c r="IK12" s="232">
        <v>0</v>
      </c>
      <c r="IL12" s="236">
        <v>0</v>
      </c>
      <c r="IM12" s="237">
        <v>0</v>
      </c>
      <c r="IN12" s="140"/>
      <c r="IO12" s="119">
        <v>1403117</v>
      </c>
      <c r="IP12" s="119">
        <v>1638671</v>
      </c>
      <c r="IQ12" s="119">
        <v>4050361</v>
      </c>
      <c r="IR12" s="119">
        <v>4646648</v>
      </c>
      <c r="IS12" s="119">
        <v>3739660</v>
      </c>
      <c r="IT12" s="141">
        <v>15478457</v>
      </c>
      <c r="IU12" s="321">
        <v>15478457</v>
      </c>
      <c r="IV12" s="142">
        <v>0</v>
      </c>
      <c r="IW12" s="119">
        <v>0</v>
      </c>
      <c r="IX12" s="120">
        <v>0</v>
      </c>
      <c r="IY12" s="144"/>
      <c r="IZ12" s="119">
        <v>22730</v>
      </c>
      <c r="JA12" s="119">
        <v>30506</v>
      </c>
      <c r="JB12" s="119">
        <v>41871</v>
      </c>
      <c r="JC12" s="119">
        <v>31569</v>
      </c>
      <c r="JD12" s="119">
        <v>272376</v>
      </c>
      <c r="JE12" s="120">
        <v>399052</v>
      </c>
      <c r="JF12" s="121">
        <v>399052</v>
      </c>
      <c r="JG12" s="142">
        <v>0</v>
      </c>
      <c r="JH12" s="119">
        <v>0</v>
      </c>
      <c r="JI12" s="141">
        <v>0</v>
      </c>
      <c r="JJ12" s="118">
        <v>0</v>
      </c>
      <c r="JK12" s="119">
        <v>48411427</v>
      </c>
      <c r="JL12" s="119">
        <v>64226111</v>
      </c>
      <c r="JM12" s="119">
        <v>53838671</v>
      </c>
      <c r="JN12" s="119">
        <v>33631262</v>
      </c>
      <c r="JO12" s="119">
        <v>17774999</v>
      </c>
      <c r="JP12" s="120">
        <v>217882470</v>
      </c>
      <c r="JQ12" s="321">
        <v>217882470</v>
      </c>
      <c r="JR12" s="142">
        <v>17249</v>
      </c>
      <c r="JS12" s="119">
        <v>0</v>
      </c>
      <c r="JT12" s="141">
        <v>17249</v>
      </c>
      <c r="JU12" s="118">
        <v>0</v>
      </c>
      <c r="JV12" s="119">
        <v>1677940</v>
      </c>
      <c r="JW12" s="119">
        <v>2245654</v>
      </c>
      <c r="JX12" s="119">
        <v>4636642</v>
      </c>
      <c r="JY12" s="119">
        <v>2406051</v>
      </c>
      <c r="JZ12" s="119">
        <v>4367068</v>
      </c>
      <c r="KA12" s="120">
        <v>15333355</v>
      </c>
      <c r="KB12" s="321">
        <v>15350604</v>
      </c>
      <c r="KC12" s="234">
        <v>668604</v>
      </c>
      <c r="KD12" s="230">
        <v>2293851</v>
      </c>
      <c r="KE12" s="120">
        <v>2962455</v>
      </c>
      <c r="KF12" s="118">
        <v>0</v>
      </c>
      <c r="KG12" s="119">
        <v>15387154</v>
      </c>
      <c r="KH12" s="119">
        <v>24716856</v>
      </c>
      <c r="KI12" s="119">
        <v>28176639</v>
      </c>
      <c r="KJ12" s="119">
        <v>20365996</v>
      </c>
      <c r="KK12" s="119">
        <v>7936682</v>
      </c>
      <c r="KL12" s="120">
        <v>96583327</v>
      </c>
      <c r="KM12" s="143">
        <v>99545782</v>
      </c>
      <c r="KN12" s="232">
        <v>0</v>
      </c>
      <c r="KO12" s="236">
        <v>485472</v>
      </c>
      <c r="KP12" s="237">
        <v>485472</v>
      </c>
      <c r="KQ12" s="140"/>
      <c r="KR12" s="119">
        <v>61922691</v>
      </c>
      <c r="KS12" s="119">
        <v>75660124</v>
      </c>
      <c r="KT12" s="119">
        <v>90917802</v>
      </c>
      <c r="KU12" s="119">
        <v>57126985</v>
      </c>
      <c r="KV12" s="119">
        <v>40883134</v>
      </c>
      <c r="KW12" s="120">
        <v>326510736</v>
      </c>
      <c r="KX12" s="321">
        <v>326996208</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02711</v>
      </c>
      <c r="LP12" s="119">
        <v>4179312</v>
      </c>
      <c r="LQ12" s="119">
        <v>8855985</v>
      </c>
      <c r="LR12" s="119">
        <v>2129488</v>
      </c>
      <c r="LS12" s="120">
        <v>15567496</v>
      </c>
      <c r="LT12" s="321">
        <v>15567496</v>
      </c>
      <c r="LU12" s="142">
        <v>0</v>
      </c>
      <c r="LV12" s="119">
        <v>0</v>
      </c>
      <c r="LW12" s="120">
        <v>0</v>
      </c>
      <c r="LX12" s="145"/>
      <c r="LY12" s="119">
        <v>1344203</v>
      </c>
      <c r="LZ12" s="119">
        <v>3350463</v>
      </c>
      <c r="MA12" s="119">
        <v>3419777</v>
      </c>
      <c r="MB12" s="119">
        <v>4081260</v>
      </c>
      <c r="MC12" s="119">
        <v>4681437</v>
      </c>
      <c r="MD12" s="120">
        <v>16877140</v>
      </c>
      <c r="ME12" s="121">
        <v>16877140</v>
      </c>
      <c r="MF12" s="142">
        <v>0</v>
      </c>
      <c r="MG12" s="119">
        <v>0</v>
      </c>
      <c r="MH12" s="120">
        <v>0</v>
      </c>
      <c r="MI12" s="145"/>
      <c r="MJ12" s="119">
        <v>25382476</v>
      </c>
      <c r="MK12" s="119">
        <v>71410536</v>
      </c>
      <c r="ML12" s="119">
        <v>297411126</v>
      </c>
      <c r="MM12" s="119">
        <v>502878958</v>
      </c>
      <c r="MN12" s="119">
        <v>328046398</v>
      </c>
      <c r="MO12" s="120">
        <v>1225129494</v>
      </c>
      <c r="MP12" s="143">
        <v>1225129494</v>
      </c>
      <c r="MQ12" s="142">
        <v>0</v>
      </c>
      <c r="MR12" s="119">
        <v>0</v>
      </c>
      <c r="MS12" s="120">
        <v>0</v>
      </c>
      <c r="MT12" s="145"/>
      <c r="MU12" s="119">
        <v>2091361</v>
      </c>
      <c r="MV12" s="119">
        <v>13455411</v>
      </c>
      <c r="MW12" s="119">
        <v>213334126</v>
      </c>
      <c r="MX12" s="119">
        <v>353470061</v>
      </c>
      <c r="MY12" s="119">
        <v>224074859</v>
      </c>
      <c r="MZ12" s="120">
        <v>806425818</v>
      </c>
      <c r="NA12" s="143">
        <v>806425818</v>
      </c>
      <c r="NB12" s="142">
        <v>0</v>
      </c>
      <c r="NC12" s="119">
        <v>0</v>
      </c>
      <c r="ND12" s="120">
        <v>0</v>
      </c>
      <c r="NE12" s="145"/>
      <c r="NF12" s="119">
        <v>23291115</v>
      </c>
      <c r="NG12" s="119">
        <v>57955125</v>
      </c>
      <c r="NH12" s="119">
        <v>81540908</v>
      </c>
      <c r="NI12" s="119">
        <v>113774403</v>
      </c>
      <c r="NJ12" s="119">
        <v>64853379</v>
      </c>
      <c r="NK12" s="120">
        <v>341414930</v>
      </c>
      <c r="NL12" s="321">
        <v>341414930</v>
      </c>
      <c r="NM12" s="142">
        <v>0</v>
      </c>
      <c r="NN12" s="119">
        <v>0</v>
      </c>
      <c r="NO12" s="120">
        <v>0</v>
      </c>
      <c r="NP12" s="145"/>
      <c r="NQ12" s="119">
        <v>0</v>
      </c>
      <c r="NR12" s="119">
        <v>0</v>
      </c>
      <c r="NS12" s="119">
        <v>339491</v>
      </c>
      <c r="NT12" s="119">
        <v>7969760</v>
      </c>
      <c r="NU12" s="119">
        <v>7485991</v>
      </c>
      <c r="NV12" s="120">
        <v>15795242</v>
      </c>
      <c r="NW12" s="121">
        <v>15795242</v>
      </c>
      <c r="NX12" s="142">
        <v>0</v>
      </c>
      <c r="NY12" s="119">
        <v>0</v>
      </c>
      <c r="NZ12" s="120">
        <v>0</v>
      </c>
      <c r="OA12" s="145"/>
      <c r="OB12" s="119">
        <v>0</v>
      </c>
      <c r="OC12" s="119">
        <v>0</v>
      </c>
      <c r="OD12" s="119">
        <v>2196601</v>
      </c>
      <c r="OE12" s="119">
        <v>27664734</v>
      </c>
      <c r="OF12" s="119">
        <v>31632169</v>
      </c>
      <c r="OG12" s="120">
        <v>61493504</v>
      </c>
      <c r="OH12" s="121">
        <v>61493504</v>
      </c>
      <c r="OI12" s="142">
        <v>28885273</v>
      </c>
      <c r="OJ12" s="119">
        <v>73801260</v>
      </c>
      <c r="OK12" s="141">
        <v>102686533</v>
      </c>
      <c r="OL12" s="118">
        <v>0</v>
      </c>
      <c r="OM12" s="119">
        <v>482368151</v>
      </c>
      <c r="ON12" s="119">
        <v>738154532</v>
      </c>
      <c r="OO12" s="119">
        <v>943276751</v>
      </c>
      <c r="OP12" s="119">
        <v>1041363317</v>
      </c>
      <c r="OQ12" s="119">
        <v>700073478</v>
      </c>
      <c r="OR12" s="120">
        <v>3905236229</v>
      </c>
      <c r="OS12" s="143">
        <v>4007922762</v>
      </c>
    </row>
    <row r="13" spans="1:409" ht="19.8" customHeight="1" x14ac:dyDescent="0.2">
      <c r="B13" s="62" t="s">
        <v>7</v>
      </c>
      <c r="C13" s="110">
        <v>14269586</v>
      </c>
      <c r="D13" s="114">
        <v>18166593</v>
      </c>
      <c r="E13" s="113">
        <v>32436179</v>
      </c>
      <c r="F13" s="109">
        <v>0</v>
      </c>
      <c r="G13" s="114">
        <v>344774759</v>
      </c>
      <c r="H13" s="114">
        <v>324873198</v>
      </c>
      <c r="I13" s="114">
        <v>272390610</v>
      </c>
      <c r="J13" s="114">
        <v>279316044</v>
      </c>
      <c r="K13" s="114">
        <v>192077548</v>
      </c>
      <c r="L13" s="109">
        <v>1413432159</v>
      </c>
      <c r="M13" s="116">
        <v>1445868338</v>
      </c>
      <c r="N13" s="110">
        <v>2087391</v>
      </c>
      <c r="O13" s="114">
        <v>2182783</v>
      </c>
      <c r="P13" s="113">
        <v>4270174</v>
      </c>
      <c r="Q13" s="110">
        <v>0</v>
      </c>
      <c r="R13" s="114">
        <v>77913125</v>
      </c>
      <c r="S13" s="114">
        <v>89486571</v>
      </c>
      <c r="T13" s="114">
        <v>86046476</v>
      </c>
      <c r="U13" s="114">
        <v>118824155</v>
      </c>
      <c r="V13" s="114">
        <v>105600390</v>
      </c>
      <c r="W13" s="113">
        <v>477870717</v>
      </c>
      <c r="X13" s="116">
        <v>482140891</v>
      </c>
      <c r="Y13" s="110">
        <v>0</v>
      </c>
      <c r="Z13" s="114">
        <v>0</v>
      </c>
      <c r="AA13" s="113">
        <v>0</v>
      </c>
      <c r="AB13" s="110">
        <v>0</v>
      </c>
      <c r="AC13" s="114">
        <v>42549696</v>
      </c>
      <c r="AD13" s="114">
        <v>49660086</v>
      </c>
      <c r="AE13" s="114">
        <v>53133199</v>
      </c>
      <c r="AF13" s="114">
        <v>77410586</v>
      </c>
      <c r="AG13" s="114">
        <v>68051497</v>
      </c>
      <c r="AH13" s="113">
        <v>290805064</v>
      </c>
      <c r="AI13" s="116">
        <v>290805064</v>
      </c>
      <c r="AJ13" s="110">
        <v>0</v>
      </c>
      <c r="AK13" s="114">
        <v>0</v>
      </c>
      <c r="AL13" s="113">
        <v>0</v>
      </c>
      <c r="AM13" s="110">
        <v>0</v>
      </c>
      <c r="AN13" s="114">
        <v>615987</v>
      </c>
      <c r="AO13" s="114">
        <v>2072938</v>
      </c>
      <c r="AP13" s="114">
        <v>3176614</v>
      </c>
      <c r="AQ13" s="114">
        <v>8234767</v>
      </c>
      <c r="AR13" s="114">
        <v>12114373</v>
      </c>
      <c r="AS13" s="113">
        <v>26214679</v>
      </c>
      <c r="AT13" s="116">
        <v>26214679</v>
      </c>
      <c r="AU13" s="110">
        <v>348099</v>
      </c>
      <c r="AV13" s="114">
        <v>768179</v>
      </c>
      <c r="AW13" s="113">
        <v>1116278</v>
      </c>
      <c r="AX13" s="110">
        <v>0</v>
      </c>
      <c r="AY13" s="114">
        <v>18333171</v>
      </c>
      <c r="AZ13" s="114">
        <v>22340739</v>
      </c>
      <c r="BA13" s="114">
        <v>15867764</v>
      </c>
      <c r="BB13" s="114">
        <v>17685635</v>
      </c>
      <c r="BC13" s="114">
        <v>15627244</v>
      </c>
      <c r="BD13" s="113">
        <v>89854553</v>
      </c>
      <c r="BE13" s="116">
        <v>90970831</v>
      </c>
      <c r="BF13" s="110">
        <v>111506</v>
      </c>
      <c r="BG13" s="114">
        <v>195238</v>
      </c>
      <c r="BH13" s="112">
        <v>306744</v>
      </c>
      <c r="BI13" s="111">
        <v>0</v>
      </c>
      <c r="BJ13" s="114">
        <v>1482186</v>
      </c>
      <c r="BK13" s="114">
        <v>2708060</v>
      </c>
      <c r="BL13" s="114">
        <v>1504440</v>
      </c>
      <c r="BM13" s="114">
        <v>1762848</v>
      </c>
      <c r="BN13" s="114">
        <v>1142260</v>
      </c>
      <c r="BO13" s="113">
        <v>8599794</v>
      </c>
      <c r="BP13" s="116">
        <v>8906538</v>
      </c>
      <c r="BQ13" s="110">
        <v>1627786</v>
      </c>
      <c r="BR13" s="114">
        <v>1219366</v>
      </c>
      <c r="BS13" s="113">
        <v>2847152</v>
      </c>
      <c r="BT13" s="110">
        <v>0</v>
      </c>
      <c r="BU13" s="114">
        <v>14932085</v>
      </c>
      <c r="BV13" s="114">
        <v>12704748</v>
      </c>
      <c r="BW13" s="114">
        <v>12364459</v>
      </c>
      <c r="BX13" s="114">
        <v>13730319</v>
      </c>
      <c r="BY13" s="114">
        <v>8665016</v>
      </c>
      <c r="BZ13" s="113">
        <v>62396627</v>
      </c>
      <c r="CA13" s="116">
        <v>65243779</v>
      </c>
      <c r="CB13" s="110">
        <v>819574</v>
      </c>
      <c r="CC13" s="114">
        <v>1981357</v>
      </c>
      <c r="CD13" s="113">
        <v>2800931</v>
      </c>
      <c r="CE13" s="110">
        <v>0</v>
      </c>
      <c r="CF13" s="114">
        <v>98123431</v>
      </c>
      <c r="CG13" s="114">
        <v>89461042</v>
      </c>
      <c r="CH13" s="114">
        <v>59827395</v>
      </c>
      <c r="CI13" s="114">
        <v>36251472</v>
      </c>
      <c r="CJ13" s="114">
        <v>16905316</v>
      </c>
      <c r="CK13" s="113">
        <v>300568656</v>
      </c>
      <c r="CL13" s="116">
        <v>303369587</v>
      </c>
      <c r="CM13" s="110">
        <v>0</v>
      </c>
      <c r="CN13" s="114">
        <v>0</v>
      </c>
      <c r="CO13" s="113">
        <v>0</v>
      </c>
      <c r="CP13" s="111">
        <v>0</v>
      </c>
      <c r="CQ13" s="114">
        <v>84377291</v>
      </c>
      <c r="CR13" s="114">
        <v>73829015</v>
      </c>
      <c r="CS13" s="114">
        <v>48661504</v>
      </c>
      <c r="CT13" s="114">
        <v>30684655</v>
      </c>
      <c r="CU13" s="114">
        <v>14889427</v>
      </c>
      <c r="CV13" s="113">
        <v>252441892</v>
      </c>
      <c r="CW13" s="116">
        <v>252441892</v>
      </c>
      <c r="CX13" s="110">
        <v>819574</v>
      </c>
      <c r="CY13" s="114">
        <v>1981357</v>
      </c>
      <c r="CZ13" s="113">
        <v>2800931</v>
      </c>
      <c r="DA13" s="110">
        <v>0</v>
      </c>
      <c r="DB13" s="114">
        <v>13746140</v>
      </c>
      <c r="DC13" s="114">
        <v>15632027</v>
      </c>
      <c r="DD13" s="114">
        <v>11165891</v>
      </c>
      <c r="DE13" s="114">
        <v>5566817</v>
      </c>
      <c r="DF13" s="114">
        <v>2015889</v>
      </c>
      <c r="DG13" s="113">
        <v>48126764</v>
      </c>
      <c r="DH13" s="116">
        <v>50927695</v>
      </c>
      <c r="DI13" s="110">
        <v>68151</v>
      </c>
      <c r="DJ13" s="114">
        <v>61250</v>
      </c>
      <c r="DK13" s="112">
        <v>129401</v>
      </c>
      <c r="DL13" s="111">
        <v>0</v>
      </c>
      <c r="DM13" s="114">
        <v>13398914</v>
      </c>
      <c r="DN13" s="114">
        <v>19143256</v>
      </c>
      <c r="DO13" s="114">
        <v>28302486</v>
      </c>
      <c r="DP13" s="114">
        <v>19268873</v>
      </c>
      <c r="DQ13" s="114">
        <v>11639825</v>
      </c>
      <c r="DR13" s="113">
        <v>91753354</v>
      </c>
      <c r="DS13" s="116">
        <v>91882755</v>
      </c>
      <c r="DT13" s="110">
        <v>68151</v>
      </c>
      <c r="DU13" s="114">
        <v>61250</v>
      </c>
      <c r="DV13" s="113">
        <v>129401</v>
      </c>
      <c r="DW13" s="110">
        <v>0</v>
      </c>
      <c r="DX13" s="114">
        <v>12654787</v>
      </c>
      <c r="DY13" s="114">
        <v>18125896</v>
      </c>
      <c r="DZ13" s="114">
        <v>25630410</v>
      </c>
      <c r="EA13" s="114">
        <v>17733328</v>
      </c>
      <c r="EB13" s="114">
        <v>10826205</v>
      </c>
      <c r="EC13" s="113">
        <v>84970626</v>
      </c>
      <c r="ED13" s="116">
        <v>85100027</v>
      </c>
      <c r="EE13" s="110">
        <v>0</v>
      </c>
      <c r="EF13" s="112">
        <v>0</v>
      </c>
      <c r="EG13" s="113">
        <v>0</v>
      </c>
      <c r="EH13" s="110">
        <v>0</v>
      </c>
      <c r="EI13" s="114">
        <v>744127</v>
      </c>
      <c r="EJ13" s="114">
        <v>1017360</v>
      </c>
      <c r="EK13" s="114">
        <v>2672076</v>
      </c>
      <c r="EL13" s="114">
        <v>1535545</v>
      </c>
      <c r="EM13" s="114">
        <v>813620</v>
      </c>
      <c r="EN13" s="112">
        <v>6782728</v>
      </c>
      <c r="EO13" s="116">
        <v>6782728</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8"/>
      <c r="FE13" s="114">
        <v>0</v>
      </c>
      <c r="FF13" s="114">
        <v>0</v>
      </c>
      <c r="FG13" s="114">
        <v>0</v>
      </c>
      <c r="FH13" s="114">
        <v>0</v>
      </c>
      <c r="FI13" s="114">
        <v>0</v>
      </c>
      <c r="FJ13" s="113">
        <v>0</v>
      </c>
      <c r="FK13" s="116">
        <v>0</v>
      </c>
      <c r="FL13" s="110">
        <v>3888616</v>
      </c>
      <c r="FM13" s="114">
        <v>5178245</v>
      </c>
      <c r="FN13" s="113">
        <v>9066861</v>
      </c>
      <c r="FO13" s="110">
        <v>0</v>
      </c>
      <c r="FP13" s="114">
        <v>14069114</v>
      </c>
      <c r="FQ13" s="114">
        <v>32037733</v>
      </c>
      <c r="FR13" s="114">
        <v>20626878</v>
      </c>
      <c r="FS13" s="114">
        <v>19325057</v>
      </c>
      <c r="FT13" s="114">
        <v>12953015</v>
      </c>
      <c r="FU13" s="113">
        <v>99011797</v>
      </c>
      <c r="FV13" s="116">
        <v>108078658</v>
      </c>
      <c r="FW13" s="115">
        <v>1194266</v>
      </c>
      <c r="FX13" s="114">
        <v>3004659</v>
      </c>
      <c r="FY13" s="112">
        <v>4198925</v>
      </c>
      <c r="FZ13" s="111">
        <v>0</v>
      </c>
      <c r="GA13" s="114">
        <v>10911098</v>
      </c>
      <c r="GB13" s="114">
        <v>29057243</v>
      </c>
      <c r="GC13" s="114">
        <v>18784711</v>
      </c>
      <c r="GD13" s="114">
        <v>18393516</v>
      </c>
      <c r="GE13" s="114">
        <v>12605579</v>
      </c>
      <c r="GF13" s="113">
        <v>89752147</v>
      </c>
      <c r="GG13" s="319">
        <v>93951072</v>
      </c>
      <c r="GH13" s="115">
        <v>351526</v>
      </c>
      <c r="GI13" s="114">
        <v>223186</v>
      </c>
      <c r="GJ13" s="112">
        <v>574712</v>
      </c>
      <c r="GK13" s="111">
        <v>0</v>
      </c>
      <c r="GL13" s="114">
        <v>721294</v>
      </c>
      <c r="GM13" s="114">
        <v>659378</v>
      </c>
      <c r="GN13" s="114">
        <v>684296</v>
      </c>
      <c r="GO13" s="114">
        <v>305851</v>
      </c>
      <c r="GP13" s="114">
        <v>162536</v>
      </c>
      <c r="GQ13" s="113">
        <v>2533355</v>
      </c>
      <c r="GR13" s="116">
        <v>3108067</v>
      </c>
      <c r="GS13" s="110">
        <v>2342824</v>
      </c>
      <c r="GT13" s="114">
        <v>1950400</v>
      </c>
      <c r="GU13" s="113">
        <v>4293224</v>
      </c>
      <c r="GV13" s="110">
        <v>0</v>
      </c>
      <c r="GW13" s="114">
        <v>2436722</v>
      </c>
      <c r="GX13" s="114">
        <v>2321112</v>
      </c>
      <c r="GY13" s="114">
        <v>1157871</v>
      </c>
      <c r="GZ13" s="114">
        <v>625690</v>
      </c>
      <c r="HA13" s="114">
        <v>184900</v>
      </c>
      <c r="HB13" s="112">
        <v>6726295</v>
      </c>
      <c r="HC13" s="116">
        <v>11019519</v>
      </c>
      <c r="HD13" s="110">
        <v>5629547</v>
      </c>
      <c r="HE13" s="114">
        <v>5362262</v>
      </c>
      <c r="HF13" s="112">
        <v>10991809</v>
      </c>
      <c r="HG13" s="111">
        <v>0</v>
      </c>
      <c r="HH13" s="114">
        <v>78619638</v>
      </c>
      <c r="HI13" s="114">
        <v>49859720</v>
      </c>
      <c r="HJ13" s="114">
        <v>48608961</v>
      </c>
      <c r="HK13" s="114">
        <v>64664806</v>
      </c>
      <c r="HL13" s="114">
        <v>32815883</v>
      </c>
      <c r="HM13" s="113">
        <v>274569008</v>
      </c>
      <c r="HN13" s="109">
        <v>285560817</v>
      </c>
      <c r="HO13" s="115">
        <v>1776307</v>
      </c>
      <c r="HP13" s="114">
        <v>3400696</v>
      </c>
      <c r="HQ13" s="113">
        <v>5177003</v>
      </c>
      <c r="HR13" s="110">
        <v>0</v>
      </c>
      <c r="HS13" s="114">
        <v>62650537</v>
      </c>
      <c r="HT13" s="114">
        <v>44884876</v>
      </c>
      <c r="HU13" s="114">
        <v>28978414</v>
      </c>
      <c r="HV13" s="114">
        <v>20981681</v>
      </c>
      <c r="HW13" s="114">
        <v>12163119</v>
      </c>
      <c r="HX13" s="112">
        <v>169658627</v>
      </c>
      <c r="HY13" s="116">
        <v>174835630</v>
      </c>
      <c r="HZ13" s="131">
        <v>373039</v>
      </c>
      <c r="IA13" s="132">
        <v>949305</v>
      </c>
      <c r="IB13" s="133">
        <v>1322344</v>
      </c>
      <c r="IC13" s="146">
        <v>0</v>
      </c>
      <c r="ID13" s="132">
        <v>93915077</v>
      </c>
      <c r="IE13" s="147">
        <v>97396288</v>
      </c>
      <c r="IF13" s="133">
        <v>104342665</v>
      </c>
      <c r="IG13" s="132">
        <v>65619938</v>
      </c>
      <c r="IH13" s="133">
        <v>40157993</v>
      </c>
      <c r="II13" s="148">
        <v>401431961</v>
      </c>
      <c r="IJ13" s="139">
        <v>402754305</v>
      </c>
      <c r="IK13" s="232">
        <v>0</v>
      </c>
      <c r="IL13" s="236">
        <v>0</v>
      </c>
      <c r="IM13" s="237">
        <v>0</v>
      </c>
      <c r="IN13" s="140"/>
      <c r="IO13" s="119">
        <v>208611</v>
      </c>
      <c r="IP13" s="119">
        <v>1010874</v>
      </c>
      <c r="IQ13" s="119">
        <v>1230426</v>
      </c>
      <c r="IR13" s="119">
        <v>2353730</v>
      </c>
      <c r="IS13" s="119">
        <v>1778712</v>
      </c>
      <c r="IT13" s="141">
        <v>6582353</v>
      </c>
      <c r="IU13" s="321">
        <v>6582353</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47915985</v>
      </c>
      <c r="JL13" s="119">
        <v>38780639</v>
      </c>
      <c r="JM13" s="119">
        <v>27053636</v>
      </c>
      <c r="JN13" s="119">
        <v>12921078</v>
      </c>
      <c r="JO13" s="119">
        <v>6200231</v>
      </c>
      <c r="JP13" s="120">
        <v>132871569</v>
      </c>
      <c r="JQ13" s="321">
        <v>132871569</v>
      </c>
      <c r="JR13" s="142">
        <v>0</v>
      </c>
      <c r="JS13" s="119">
        <v>0</v>
      </c>
      <c r="JT13" s="141">
        <v>0</v>
      </c>
      <c r="JU13" s="118">
        <v>0</v>
      </c>
      <c r="JV13" s="119">
        <v>8426892</v>
      </c>
      <c r="JW13" s="119">
        <v>10538512</v>
      </c>
      <c r="JX13" s="119">
        <v>14713283</v>
      </c>
      <c r="JY13" s="119">
        <v>5131341</v>
      </c>
      <c r="JZ13" s="119">
        <v>2572192</v>
      </c>
      <c r="KA13" s="120">
        <v>41382220</v>
      </c>
      <c r="KB13" s="321">
        <v>41382220</v>
      </c>
      <c r="KC13" s="234">
        <v>373039</v>
      </c>
      <c r="KD13" s="230">
        <v>949305</v>
      </c>
      <c r="KE13" s="120">
        <v>1322344</v>
      </c>
      <c r="KF13" s="118">
        <v>0</v>
      </c>
      <c r="KG13" s="119">
        <v>7089448</v>
      </c>
      <c r="KH13" s="119">
        <v>7217633</v>
      </c>
      <c r="KI13" s="119">
        <v>8181630</v>
      </c>
      <c r="KJ13" s="119">
        <v>5804436</v>
      </c>
      <c r="KK13" s="119">
        <v>1290301</v>
      </c>
      <c r="KL13" s="120">
        <v>29583448</v>
      </c>
      <c r="KM13" s="143">
        <v>30905792</v>
      </c>
      <c r="KN13" s="232">
        <v>0</v>
      </c>
      <c r="KO13" s="236">
        <v>0</v>
      </c>
      <c r="KP13" s="237">
        <v>0</v>
      </c>
      <c r="KQ13" s="140"/>
      <c r="KR13" s="119">
        <v>29358841</v>
      </c>
      <c r="KS13" s="119">
        <v>36860386</v>
      </c>
      <c r="KT13" s="119">
        <v>49101413</v>
      </c>
      <c r="KU13" s="119">
        <v>37239062</v>
      </c>
      <c r="KV13" s="119">
        <v>20903973</v>
      </c>
      <c r="KW13" s="120">
        <v>173463675</v>
      </c>
      <c r="KX13" s="321">
        <v>173463675</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1">
        <v>0</v>
      </c>
      <c r="LU13" s="142">
        <v>0</v>
      </c>
      <c r="LV13" s="119">
        <v>0</v>
      </c>
      <c r="LW13" s="120">
        <v>0</v>
      </c>
      <c r="LX13" s="145"/>
      <c r="LY13" s="119">
        <v>915300</v>
      </c>
      <c r="LZ13" s="119">
        <v>2988244</v>
      </c>
      <c r="MA13" s="119">
        <v>4062277</v>
      </c>
      <c r="MB13" s="119">
        <v>2170291</v>
      </c>
      <c r="MC13" s="119">
        <v>7412584</v>
      </c>
      <c r="MD13" s="120">
        <v>17548696</v>
      </c>
      <c r="ME13" s="121">
        <v>17548696</v>
      </c>
      <c r="MF13" s="142">
        <v>0</v>
      </c>
      <c r="MG13" s="119">
        <v>0</v>
      </c>
      <c r="MH13" s="120">
        <v>0</v>
      </c>
      <c r="MI13" s="145"/>
      <c r="MJ13" s="119">
        <v>45921182</v>
      </c>
      <c r="MK13" s="119">
        <v>71074595</v>
      </c>
      <c r="ML13" s="119">
        <v>214460920</v>
      </c>
      <c r="MM13" s="119">
        <v>346511256</v>
      </c>
      <c r="MN13" s="119">
        <v>206018424</v>
      </c>
      <c r="MO13" s="120">
        <v>883986377</v>
      </c>
      <c r="MP13" s="143">
        <v>883986377</v>
      </c>
      <c r="MQ13" s="142">
        <v>0</v>
      </c>
      <c r="MR13" s="119">
        <v>0</v>
      </c>
      <c r="MS13" s="120">
        <v>0</v>
      </c>
      <c r="MT13" s="145"/>
      <c r="MU13" s="119">
        <v>4665663</v>
      </c>
      <c r="MV13" s="119">
        <v>12385273</v>
      </c>
      <c r="MW13" s="119">
        <v>142070295</v>
      </c>
      <c r="MX13" s="119">
        <v>257696924</v>
      </c>
      <c r="MY13" s="119">
        <v>168724611</v>
      </c>
      <c r="MZ13" s="120">
        <v>585542766</v>
      </c>
      <c r="NA13" s="143">
        <v>585542766</v>
      </c>
      <c r="NB13" s="142">
        <v>0</v>
      </c>
      <c r="NC13" s="119">
        <v>0</v>
      </c>
      <c r="ND13" s="120">
        <v>0</v>
      </c>
      <c r="NE13" s="145"/>
      <c r="NF13" s="119">
        <v>41255519</v>
      </c>
      <c r="NG13" s="119">
        <v>58689322</v>
      </c>
      <c r="NH13" s="119">
        <v>71703852</v>
      </c>
      <c r="NI13" s="119">
        <v>87760643</v>
      </c>
      <c r="NJ13" s="119">
        <v>34285157</v>
      </c>
      <c r="NK13" s="120">
        <v>293694493</v>
      </c>
      <c r="NL13" s="321">
        <v>293694493</v>
      </c>
      <c r="NM13" s="142">
        <v>0</v>
      </c>
      <c r="NN13" s="119">
        <v>0</v>
      </c>
      <c r="NO13" s="120">
        <v>0</v>
      </c>
      <c r="NP13" s="145"/>
      <c r="NQ13" s="119">
        <v>0</v>
      </c>
      <c r="NR13" s="119">
        <v>0</v>
      </c>
      <c r="NS13" s="119">
        <v>0</v>
      </c>
      <c r="NT13" s="119">
        <v>678141</v>
      </c>
      <c r="NU13" s="119">
        <v>1448145</v>
      </c>
      <c r="NV13" s="120">
        <v>2126286</v>
      </c>
      <c r="NW13" s="121">
        <v>2126286</v>
      </c>
      <c r="NX13" s="142">
        <v>0</v>
      </c>
      <c r="NY13" s="119">
        <v>0</v>
      </c>
      <c r="NZ13" s="120">
        <v>0</v>
      </c>
      <c r="OA13" s="145"/>
      <c r="OB13" s="119">
        <v>0</v>
      </c>
      <c r="OC13" s="119">
        <v>0</v>
      </c>
      <c r="OD13" s="119">
        <v>686773</v>
      </c>
      <c r="OE13" s="119">
        <v>375548</v>
      </c>
      <c r="OF13" s="119">
        <v>1560511</v>
      </c>
      <c r="OG13" s="120">
        <v>2622832</v>
      </c>
      <c r="OH13" s="121">
        <v>2622832</v>
      </c>
      <c r="OI13" s="142">
        <v>14642625</v>
      </c>
      <c r="OJ13" s="119">
        <v>19115898</v>
      </c>
      <c r="OK13" s="141">
        <v>33758523</v>
      </c>
      <c r="OL13" s="118">
        <v>0</v>
      </c>
      <c r="OM13" s="119">
        <v>484611018</v>
      </c>
      <c r="ON13" s="119">
        <v>493344081</v>
      </c>
      <c r="OO13" s="119">
        <v>591194195</v>
      </c>
      <c r="OP13" s="119">
        <v>691447238</v>
      </c>
      <c r="OQ13" s="119">
        <v>438253965</v>
      </c>
      <c r="OR13" s="120">
        <v>2698850497</v>
      </c>
      <c r="OS13" s="143">
        <v>2732609020</v>
      </c>
    </row>
    <row r="14" spans="1:409" ht="19.8" customHeight="1" x14ac:dyDescent="0.2">
      <c r="B14" s="62" t="s">
        <v>8</v>
      </c>
      <c r="C14" s="110">
        <v>12298800</v>
      </c>
      <c r="D14" s="114">
        <v>15150901</v>
      </c>
      <c r="E14" s="113">
        <v>27449701</v>
      </c>
      <c r="F14" s="109">
        <v>0</v>
      </c>
      <c r="G14" s="114">
        <v>142884444</v>
      </c>
      <c r="H14" s="114">
        <v>197366162</v>
      </c>
      <c r="I14" s="114">
        <v>178585735</v>
      </c>
      <c r="J14" s="114">
        <v>154965426</v>
      </c>
      <c r="K14" s="114">
        <v>132775835</v>
      </c>
      <c r="L14" s="109">
        <v>806577602</v>
      </c>
      <c r="M14" s="116">
        <v>834027303</v>
      </c>
      <c r="N14" s="110">
        <v>2093207</v>
      </c>
      <c r="O14" s="114">
        <v>2982198</v>
      </c>
      <c r="P14" s="113">
        <v>5075405</v>
      </c>
      <c r="Q14" s="110">
        <v>0</v>
      </c>
      <c r="R14" s="114">
        <v>37924313</v>
      </c>
      <c r="S14" s="114">
        <v>60345656</v>
      </c>
      <c r="T14" s="114">
        <v>55698555</v>
      </c>
      <c r="U14" s="114">
        <v>60284826</v>
      </c>
      <c r="V14" s="114">
        <v>70095263</v>
      </c>
      <c r="W14" s="113">
        <v>284348613</v>
      </c>
      <c r="X14" s="116">
        <v>289424018</v>
      </c>
      <c r="Y14" s="110">
        <v>0</v>
      </c>
      <c r="Z14" s="114">
        <v>0</v>
      </c>
      <c r="AA14" s="113">
        <v>0</v>
      </c>
      <c r="AB14" s="110">
        <v>0</v>
      </c>
      <c r="AC14" s="114">
        <v>20532511</v>
      </c>
      <c r="AD14" s="114">
        <v>34073203</v>
      </c>
      <c r="AE14" s="114">
        <v>34348003</v>
      </c>
      <c r="AF14" s="114">
        <v>38896743</v>
      </c>
      <c r="AG14" s="114">
        <v>46544894</v>
      </c>
      <c r="AH14" s="113">
        <v>174395354</v>
      </c>
      <c r="AI14" s="116">
        <v>174395354</v>
      </c>
      <c r="AJ14" s="110">
        <v>0</v>
      </c>
      <c r="AK14" s="114">
        <v>0</v>
      </c>
      <c r="AL14" s="113">
        <v>0</v>
      </c>
      <c r="AM14" s="110">
        <v>0</v>
      </c>
      <c r="AN14" s="114">
        <v>91628</v>
      </c>
      <c r="AO14" s="114">
        <v>914027</v>
      </c>
      <c r="AP14" s="114">
        <v>2055429</v>
      </c>
      <c r="AQ14" s="114">
        <v>3173519</v>
      </c>
      <c r="AR14" s="114">
        <v>7106986</v>
      </c>
      <c r="AS14" s="113">
        <v>13341589</v>
      </c>
      <c r="AT14" s="116">
        <v>13341589</v>
      </c>
      <c r="AU14" s="110">
        <v>1071789</v>
      </c>
      <c r="AV14" s="114">
        <v>2027166</v>
      </c>
      <c r="AW14" s="113">
        <v>3098955</v>
      </c>
      <c r="AX14" s="110">
        <v>0</v>
      </c>
      <c r="AY14" s="114">
        <v>9741182</v>
      </c>
      <c r="AZ14" s="114">
        <v>15983508</v>
      </c>
      <c r="BA14" s="114">
        <v>10589577</v>
      </c>
      <c r="BB14" s="114">
        <v>9986920</v>
      </c>
      <c r="BC14" s="114">
        <v>10283965</v>
      </c>
      <c r="BD14" s="113">
        <v>56585152</v>
      </c>
      <c r="BE14" s="116">
        <v>59684107</v>
      </c>
      <c r="BF14" s="110">
        <v>123075</v>
      </c>
      <c r="BG14" s="114">
        <v>443503</v>
      </c>
      <c r="BH14" s="112">
        <v>566578</v>
      </c>
      <c r="BI14" s="111">
        <v>0</v>
      </c>
      <c r="BJ14" s="114">
        <v>1983778</v>
      </c>
      <c r="BK14" s="114">
        <v>2592092</v>
      </c>
      <c r="BL14" s="114">
        <v>2299658</v>
      </c>
      <c r="BM14" s="114">
        <v>1399698</v>
      </c>
      <c r="BN14" s="114">
        <v>1106940</v>
      </c>
      <c r="BO14" s="113">
        <v>9382166</v>
      </c>
      <c r="BP14" s="116">
        <v>9948744</v>
      </c>
      <c r="BQ14" s="110">
        <v>898343</v>
      </c>
      <c r="BR14" s="114">
        <v>511529</v>
      </c>
      <c r="BS14" s="113">
        <v>1409872</v>
      </c>
      <c r="BT14" s="110">
        <v>0</v>
      </c>
      <c r="BU14" s="114">
        <v>5575214</v>
      </c>
      <c r="BV14" s="114">
        <v>6782826</v>
      </c>
      <c r="BW14" s="114">
        <v>6405888</v>
      </c>
      <c r="BX14" s="114">
        <v>6827946</v>
      </c>
      <c r="BY14" s="114">
        <v>5052478</v>
      </c>
      <c r="BZ14" s="113">
        <v>30644352</v>
      </c>
      <c r="CA14" s="116">
        <v>32054224</v>
      </c>
      <c r="CB14" s="110">
        <v>1209500</v>
      </c>
      <c r="CC14" s="114">
        <v>2540703</v>
      </c>
      <c r="CD14" s="113">
        <v>3750203</v>
      </c>
      <c r="CE14" s="110">
        <v>0</v>
      </c>
      <c r="CF14" s="114">
        <v>41461630</v>
      </c>
      <c r="CG14" s="114">
        <v>56150411</v>
      </c>
      <c r="CH14" s="114">
        <v>46222696</v>
      </c>
      <c r="CI14" s="114">
        <v>28408260</v>
      </c>
      <c r="CJ14" s="114">
        <v>17219318</v>
      </c>
      <c r="CK14" s="113">
        <v>189462315</v>
      </c>
      <c r="CL14" s="116">
        <v>193212518</v>
      </c>
      <c r="CM14" s="110">
        <v>0</v>
      </c>
      <c r="CN14" s="114">
        <v>0</v>
      </c>
      <c r="CO14" s="113">
        <v>0</v>
      </c>
      <c r="CP14" s="111">
        <v>0</v>
      </c>
      <c r="CQ14" s="114">
        <v>35331678</v>
      </c>
      <c r="CR14" s="114">
        <v>44591162</v>
      </c>
      <c r="CS14" s="114">
        <v>39070698</v>
      </c>
      <c r="CT14" s="114">
        <v>22723770</v>
      </c>
      <c r="CU14" s="114">
        <v>15594107</v>
      </c>
      <c r="CV14" s="113">
        <v>157311415</v>
      </c>
      <c r="CW14" s="116">
        <v>157311415</v>
      </c>
      <c r="CX14" s="110">
        <v>1209500</v>
      </c>
      <c r="CY14" s="114">
        <v>2540703</v>
      </c>
      <c r="CZ14" s="113">
        <v>3750203</v>
      </c>
      <c r="DA14" s="110">
        <v>0</v>
      </c>
      <c r="DB14" s="114">
        <v>6129952</v>
      </c>
      <c r="DC14" s="114">
        <v>11559249</v>
      </c>
      <c r="DD14" s="114">
        <v>7151998</v>
      </c>
      <c r="DE14" s="114">
        <v>5684490</v>
      </c>
      <c r="DF14" s="114">
        <v>1625211</v>
      </c>
      <c r="DG14" s="113">
        <v>32150900</v>
      </c>
      <c r="DH14" s="116">
        <v>35901103</v>
      </c>
      <c r="DI14" s="110">
        <v>49049</v>
      </c>
      <c r="DJ14" s="114">
        <v>316235</v>
      </c>
      <c r="DK14" s="112">
        <v>365284</v>
      </c>
      <c r="DL14" s="111">
        <v>0</v>
      </c>
      <c r="DM14" s="114">
        <v>4277840</v>
      </c>
      <c r="DN14" s="114">
        <v>11114161</v>
      </c>
      <c r="DO14" s="114">
        <v>21921723</v>
      </c>
      <c r="DP14" s="114">
        <v>17402589</v>
      </c>
      <c r="DQ14" s="114">
        <v>9975606</v>
      </c>
      <c r="DR14" s="113">
        <v>64691919</v>
      </c>
      <c r="DS14" s="116">
        <v>65057203</v>
      </c>
      <c r="DT14" s="110">
        <v>49049</v>
      </c>
      <c r="DU14" s="114">
        <v>316235</v>
      </c>
      <c r="DV14" s="113">
        <v>365284</v>
      </c>
      <c r="DW14" s="110">
        <v>0</v>
      </c>
      <c r="DX14" s="114">
        <v>4042407</v>
      </c>
      <c r="DY14" s="114">
        <v>10874142</v>
      </c>
      <c r="DZ14" s="114">
        <v>21117410</v>
      </c>
      <c r="EA14" s="114">
        <v>17170707</v>
      </c>
      <c r="EB14" s="114">
        <v>9975606</v>
      </c>
      <c r="EC14" s="113">
        <v>63180272</v>
      </c>
      <c r="ED14" s="116">
        <v>63545556</v>
      </c>
      <c r="EE14" s="110">
        <v>0</v>
      </c>
      <c r="EF14" s="112">
        <v>0</v>
      </c>
      <c r="EG14" s="113">
        <v>0</v>
      </c>
      <c r="EH14" s="110">
        <v>0</v>
      </c>
      <c r="EI14" s="114">
        <v>235433</v>
      </c>
      <c r="EJ14" s="114">
        <v>240019</v>
      </c>
      <c r="EK14" s="114">
        <v>804313</v>
      </c>
      <c r="EL14" s="114">
        <v>231882</v>
      </c>
      <c r="EM14" s="114">
        <v>0</v>
      </c>
      <c r="EN14" s="112">
        <v>1511647</v>
      </c>
      <c r="EO14" s="116">
        <v>1511647</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8"/>
      <c r="FE14" s="114">
        <v>0</v>
      </c>
      <c r="FF14" s="114">
        <v>0</v>
      </c>
      <c r="FG14" s="114">
        <v>0</v>
      </c>
      <c r="FH14" s="114">
        <v>0</v>
      </c>
      <c r="FI14" s="114">
        <v>0</v>
      </c>
      <c r="FJ14" s="113">
        <v>0</v>
      </c>
      <c r="FK14" s="116">
        <v>0</v>
      </c>
      <c r="FL14" s="110">
        <v>3357536</v>
      </c>
      <c r="FM14" s="114">
        <v>4627975</v>
      </c>
      <c r="FN14" s="113">
        <v>7985511</v>
      </c>
      <c r="FO14" s="110">
        <v>0</v>
      </c>
      <c r="FP14" s="114">
        <v>8191248</v>
      </c>
      <c r="FQ14" s="114">
        <v>20628107</v>
      </c>
      <c r="FR14" s="114">
        <v>14746734</v>
      </c>
      <c r="FS14" s="114">
        <v>11806754</v>
      </c>
      <c r="FT14" s="114">
        <v>9406818</v>
      </c>
      <c r="FU14" s="113">
        <v>64779661</v>
      </c>
      <c r="FV14" s="116">
        <v>72765172</v>
      </c>
      <c r="FW14" s="115">
        <v>1898782</v>
      </c>
      <c r="FX14" s="114">
        <v>3474398</v>
      </c>
      <c r="FY14" s="112">
        <v>5373180</v>
      </c>
      <c r="FZ14" s="111">
        <v>0</v>
      </c>
      <c r="GA14" s="114">
        <v>6540136</v>
      </c>
      <c r="GB14" s="114">
        <v>18962472</v>
      </c>
      <c r="GC14" s="114">
        <v>13722852</v>
      </c>
      <c r="GD14" s="114">
        <v>10945584</v>
      </c>
      <c r="GE14" s="114">
        <v>9064336</v>
      </c>
      <c r="GF14" s="113">
        <v>59235380</v>
      </c>
      <c r="GG14" s="319">
        <v>64608560</v>
      </c>
      <c r="GH14" s="115">
        <v>216031</v>
      </c>
      <c r="GI14" s="114">
        <v>57915</v>
      </c>
      <c r="GJ14" s="112">
        <v>273946</v>
      </c>
      <c r="GK14" s="111">
        <v>0</v>
      </c>
      <c r="GL14" s="114">
        <v>466343</v>
      </c>
      <c r="GM14" s="114">
        <v>585045</v>
      </c>
      <c r="GN14" s="114">
        <v>281556</v>
      </c>
      <c r="GO14" s="114">
        <v>244254</v>
      </c>
      <c r="GP14" s="114">
        <v>114067</v>
      </c>
      <c r="GQ14" s="113">
        <v>1691265</v>
      </c>
      <c r="GR14" s="116">
        <v>1965211</v>
      </c>
      <c r="GS14" s="110">
        <v>1242723</v>
      </c>
      <c r="GT14" s="114">
        <v>1095662</v>
      </c>
      <c r="GU14" s="113">
        <v>2338385</v>
      </c>
      <c r="GV14" s="110">
        <v>0</v>
      </c>
      <c r="GW14" s="114">
        <v>1184769</v>
      </c>
      <c r="GX14" s="114">
        <v>1080590</v>
      </c>
      <c r="GY14" s="114">
        <v>742326</v>
      </c>
      <c r="GZ14" s="114">
        <v>616916</v>
      </c>
      <c r="HA14" s="114">
        <v>228415</v>
      </c>
      <c r="HB14" s="112">
        <v>3853016</v>
      </c>
      <c r="HC14" s="116">
        <v>6191401</v>
      </c>
      <c r="HD14" s="110">
        <v>3276411</v>
      </c>
      <c r="HE14" s="114">
        <v>1624809</v>
      </c>
      <c r="HF14" s="112">
        <v>4901220</v>
      </c>
      <c r="HG14" s="111">
        <v>0</v>
      </c>
      <c r="HH14" s="114">
        <v>25415528</v>
      </c>
      <c r="HI14" s="114">
        <v>21565596</v>
      </c>
      <c r="HJ14" s="114">
        <v>20924516</v>
      </c>
      <c r="HK14" s="114">
        <v>25457676</v>
      </c>
      <c r="HL14" s="114">
        <v>18173362</v>
      </c>
      <c r="HM14" s="113">
        <v>111536678</v>
      </c>
      <c r="HN14" s="109">
        <v>116437898</v>
      </c>
      <c r="HO14" s="115">
        <v>2313097</v>
      </c>
      <c r="HP14" s="114">
        <v>3058981</v>
      </c>
      <c r="HQ14" s="113">
        <v>5372078</v>
      </c>
      <c r="HR14" s="110">
        <v>0</v>
      </c>
      <c r="HS14" s="114">
        <v>25613885</v>
      </c>
      <c r="HT14" s="114">
        <v>27562231</v>
      </c>
      <c r="HU14" s="114">
        <v>19071511</v>
      </c>
      <c r="HV14" s="114">
        <v>11605321</v>
      </c>
      <c r="HW14" s="114">
        <v>7905468</v>
      </c>
      <c r="HX14" s="112">
        <v>91758416</v>
      </c>
      <c r="HY14" s="116">
        <v>97130494</v>
      </c>
      <c r="HZ14" s="131">
        <v>355095</v>
      </c>
      <c r="IA14" s="132">
        <v>917076</v>
      </c>
      <c r="IB14" s="133">
        <v>1272171</v>
      </c>
      <c r="IC14" s="134">
        <v>0</v>
      </c>
      <c r="ID14" s="135">
        <v>60042058</v>
      </c>
      <c r="IE14" s="136">
        <v>70607330</v>
      </c>
      <c r="IF14" s="137">
        <v>69445137</v>
      </c>
      <c r="IG14" s="135">
        <v>52364962</v>
      </c>
      <c r="IH14" s="137">
        <v>29773073</v>
      </c>
      <c r="II14" s="138">
        <v>282232560</v>
      </c>
      <c r="IJ14" s="139">
        <v>283504731</v>
      </c>
      <c r="IK14" s="232">
        <v>0</v>
      </c>
      <c r="IL14" s="236">
        <v>0</v>
      </c>
      <c r="IM14" s="237">
        <v>0</v>
      </c>
      <c r="IN14" s="140"/>
      <c r="IO14" s="119">
        <v>242895</v>
      </c>
      <c r="IP14" s="119">
        <v>1290343</v>
      </c>
      <c r="IQ14" s="119">
        <v>809978</v>
      </c>
      <c r="IR14" s="119">
        <v>1261553</v>
      </c>
      <c r="IS14" s="119">
        <v>595768</v>
      </c>
      <c r="IT14" s="141">
        <v>4200537</v>
      </c>
      <c r="IU14" s="321">
        <v>4200537</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30257460</v>
      </c>
      <c r="JL14" s="119">
        <v>34481256</v>
      </c>
      <c r="JM14" s="119">
        <v>24430848</v>
      </c>
      <c r="JN14" s="119">
        <v>14633535</v>
      </c>
      <c r="JO14" s="119">
        <v>7103479</v>
      </c>
      <c r="JP14" s="120">
        <v>110906578</v>
      </c>
      <c r="JQ14" s="321">
        <v>110906578</v>
      </c>
      <c r="JR14" s="142">
        <v>0</v>
      </c>
      <c r="JS14" s="119">
        <v>0</v>
      </c>
      <c r="JT14" s="141">
        <v>0</v>
      </c>
      <c r="JU14" s="118">
        <v>0</v>
      </c>
      <c r="JV14" s="119">
        <v>623339</v>
      </c>
      <c r="JW14" s="119">
        <v>1159688</v>
      </c>
      <c r="JX14" s="119">
        <v>1605579</v>
      </c>
      <c r="JY14" s="119">
        <v>969331</v>
      </c>
      <c r="JZ14" s="119">
        <v>861418</v>
      </c>
      <c r="KA14" s="120">
        <v>5219355</v>
      </c>
      <c r="KB14" s="321">
        <v>5219355</v>
      </c>
      <c r="KC14" s="234">
        <v>355095</v>
      </c>
      <c r="KD14" s="230">
        <v>917076</v>
      </c>
      <c r="KE14" s="120">
        <v>1272171</v>
      </c>
      <c r="KF14" s="118">
        <v>0</v>
      </c>
      <c r="KG14" s="119">
        <v>11303493</v>
      </c>
      <c r="KH14" s="119">
        <v>10250116</v>
      </c>
      <c r="KI14" s="119">
        <v>12234058</v>
      </c>
      <c r="KJ14" s="119">
        <v>8121141</v>
      </c>
      <c r="KK14" s="119">
        <v>2840780</v>
      </c>
      <c r="KL14" s="120">
        <v>44749588</v>
      </c>
      <c r="KM14" s="143">
        <v>46021759</v>
      </c>
      <c r="KN14" s="232">
        <v>0</v>
      </c>
      <c r="KO14" s="236">
        <v>0</v>
      </c>
      <c r="KP14" s="237">
        <v>0</v>
      </c>
      <c r="KQ14" s="140"/>
      <c r="KR14" s="119">
        <v>15205953</v>
      </c>
      <c r="KS14" s="119">
        <v>19059689</v>
      </c>
      <c r="KT14" s="119">
        <v>19802287</v>
      </c>
      <c r="KU14" s="119">
        <v>16538822</v>
      </c>
      <c r="KV14" s="119">
        <v>10939383</v>
      </c>
      <c r="KW14" s="120">
        <v>81546134</v>
      </c>
      <c r="KX14" s="321">
        <v>81546134</v>
      </c>
      <c r="KY14" s="142">
        <v>0</v>
      </c>
      <c r="KZ14" s="119">
        <v>0</v>
      </c>
      <c r="LA14" s="120">
        <v>0</v>
      </c>
      <c r="LB14" s="145"/>
      <c r="LC14" s="119">
        <v>341081</v>
      </c>
      <c r="LD14" s="119">
        <v>1311335</v>
      </c>
      <c r="LE14" s="119">
        <v>2716629</v>
      </c>
      <c r="LF14" s="119">
        <v>3171614</v>
      </c>
      <c r="LG14" s="119">
        <v>1379557</v>
      </c>
      <c r="LH14" s="120">
        <v>8920216</v>
      </c>
      <c r="LI14" s="121">
        <v>8920216</v>
      </c>
      <c r="LJ14" s="142">
        <v>0</v>
      </c>
      <c r="LK14" s="119">
        <v>0</v>
      </c>
      <c r="LL14" s="120">
        <v>0</v>
      </c>
      <c r="LM14" s="145"/>
      <c r="LN14" s="119">
        <v>0</v>
      </c>
      <c r="LO14" s="119">
        <v>446134</v>
      </c>
      <c r="LP14" s="119">
        <v>4237659</v>
      </c>
      <c r="LQ14" s="119">
        <v>4357363</v>
      </c>
      <c r="LR14" s="119">
        <v>3546262</v>
      </c>
      <c r="LS14" s="120">
        <v>12587418</v>
      </c>
      <c r="LT14" s="321">
        <v>12587418</v>
      </c>
      <c r="LU14" s="142">
        <v>0</v>
      </c>
      <c r="LV14" s="119">
        <v>0</v>
      </c>
      <c r="LW14" s="120">
        <v>0</v>
      </c>
      <c r="LX14" s="145"/>
      <c r="LY14" s="119">
        <v>2067837</v>
      </c>
      <c r="LZ14" s="119">
        <v>2608769</v>
      </c>
      <c r="MA14" s="119">
        <v>3608099</v>
      </c>
      <c r="MB14" s="119">
        <v>3311603</v>
      </c>
      <c r="MC14" s="119">
        <v>2506426</v>
      </c>
      <c r="MD14" s="120">
        <v>14102734</v>
      </c>
      <c r="ME14" s="121">
        <v>14102734</v>
      </c>
      <c r="MF14" s="142">
        <v>0</v>
      </c>
      <c r="MG14" s="119">
        <v>0</v>
      </c>
      <c r="MH14" s="120">
        <v>0</v>
      </c>
      <c r="MI14" s="145"/>
      <c r="MJ14" s="119">
        <v>19703307</v>
      </c>
      <c r="MK14" s="119">
        <v>39872768</v>
      </c>
      <c r="ML14" s="119">
        <v>137371947</v>
      </c>
      <c r="MM14" s="119">
        <v>147098079</v>
      </c>
      <c r="MN14" s="119">
        <v>91660653</v>
      </c>
      <c r="MO14" s="120">
        <v>435706754</v>
      </c>
      <c r="MP14" s="143">
        <v>435706754</v>
      </c>
      <c r="MQ14" s="142">
        <v>0</v>
      </c>
      <c r="MR14" s="119">
        <v>0</v>
      </c>
      <c r="MS14" s="120">
        <v>0</v>
      </c>
      <c r="MT14" s="145"/>
      <c r="MU14" s="119">
        <v>5647499</v>
      </c>
      <c r="MV14" s="119">
        <v>13048239</v>
      </c>
      <c r="MW14" s="119">
        <v>88714804</v>
      </c>
      <c r="MX14" s="119">
        <v>101356595</v>
      </c>
      <c r="MY14" s="119">
        <v>66992379</v>
      </c>
      <c r="MZ14" s="120">
        <v>275759516</v>
      </c>
      <c r="NA14" s="143">
        <v>275759516</v>
      </c>
      <c r="NB14" s="142">
        <v>0</v>
      </c>
      <c r="NC14" s="119">
        <v>0</v>
      </c>
      <c r="ND14" s="120">
        <v>0</v>
      </c>
      <c r="NE14" s="145"/>
      <c r="NF14" s="119">
        <v>13839268</v>
      </c>
      <c r="NG14" s="119">
        <v>26824529</v>
      </c>
      <c r="NH14" s="119">
        <v>48352459</v>
      </c>
      <c r="NI14" s="119">
        <v>41893859</v>
      </c>
      <c r="NJ14" s="119">
        <v>20267543</v>
      </c>
      <c r="NK14" s="120">
        <v>151177658</v>
      </c>
      <c r="NL14" s="321">
        <v>151177658</v>
      </c>
      <c r="NM14" s="142">
        <v>0</v>
      </c>
      <c r="NN14" s="119">
        <v>0</v>
      </c>
      <c r="NO14" s="120">
        <v>0</v>
      </c>
      <c r="NP14" s="145"/>
      <c r="NQ14" s="119">
        <v>0</v>
      </c>
      <c r="NR14" s="119">
        <v>0</v>
      </c>
      <c r="NS14" s="119">
        <v>0</v>
      </c>
      <c r="NT14" s="119">
        <v>674322</v>
      </c>
      <c r="NU14" s="119">
        <v>0</v>
      </c>
      <c r="NV14" s="120">
        <v>674322</v>
      </c>
      <c r="NW14" s="121">
        <v>674322</v>
      </c>
      <c r="NX14" s="142">
        <v>0</v>
      </c>
      <c r="NY14" s="119">
        <v>0</v>
      </c>
      <c r="NZ14" s="120">
        <v>0</v>
      </c>
      <c r="OA14" s="145"/>
      <c r="OB14" s="119">
        <v>216540</v>
      </c>
      <c r="OC14" s="119">
        <v>0</v>
      </c>
      <c r="OD14" s="119">
        <v>304684</v>
      </c>
      <c r="OE14" s="119">
        <v>3173303</v>
      </c>
      <c r="OF14" s="119">
        <v>4400731</v>
      </c>
      <c r="OG14" s="120">
        <v>8095258</v>
      </c>
      <c r="OH14" s="121">
        <v>8095258</v>
      </c>
      <c r="OI14" s="142">
        <v>12653895</v>
      </c>
      <c r="OJ14" s="119">
        <v>16067977</v>
      </c>
      <c r="OK14" s="141">
        <v>28721872</v>
      </c>
      <c r="OL14" s="118">
        <v>0</v>
      </c>
      <c r="OM14" s="119">
        <v>222629809</v>
      </c>
      <c r="ON14" s="119">
        <v>307846260</v>
      </c>
      <c r="OO14" s="119">
        <v>385402819</v>
      </c>
      <c r="OP14" s="119">
        <v>354428467</v>
      </c>
      <c r="OQ14" s="119">
        <v>254209561</v>
      </c>
      <c r="OR14" s="120">
        <v>1524516916</v>
      </c>
      <c r="OS14" s="143">
        <v>1553238788</v>
      </c>
    </row>
    <row r="15" spans="1:409" ht="19.8" customHeight="1" x14ac:dyDescent="0.2">
      <c r="B15" s="62" t="s">
        <v>9</v>
      </c>
      <c r="C15" s="110">
        <v>9840258</v>
      </c>
      <c r="D15" s="114">
        <v>14514098</v>
      </c>
      <c r="E15" s="113">
        <v>24354356</v>
      </c>
      <c r="F15" s="111">
        <v>0</v>
      </c>
      <c r="G15" s="114">
        <v>145643884</v>
      </c>
      <c r="H15" s="114">
        <v>150772460</v>
      </c>
      <c r="I15" s="114">
        <v>146726885</v>
      </c>
      <c r="J15" s="114">
        <v>163307133</v>
      </c>
      <c r="K15" s="114">
        <v>128930671</v>
      </c>
      <c r="L15" s="109">
        <v>735381033</v>
      </c>
      <c r="M15" s="116">
        <v>759735389</v>
      </c>
      <c r="N15" s="110">
        <v>1710431</v>
      </c>
      <c r="O15" s="114">
        <v>3178547</v>
      </c>
      <c r="P15" s="113">
        <v>4888978</v>
      </c>
      <c r="Q15" s="110">
        <v>0</v>
      </c>
      <c r="R15" s="114">
        <v>44078445</v>
      </c>
      <c r="S15" s="114">
        <v>48776456</v>
      </c>
      <c r="T15" s="114">
        <v>51641663</v>
      </c>
      <c r="U15" s="114">
        <v>72116238</v>
      </c>
      <c r="V15" s="114">
        <v>70464657</v>
      </c>
      <c r="W15" s="113">
        <v>287077459</v>
      </c>
      <c r="X15" s="116">
        <v>291966437</v>
      </c>
      <c r="Y15" s="110">
        <v>0</v>
      </c>
      <c r="Z15" s="114">
        <v>0</v>
      </c>
      <c r="AA15" s="113">
        <v>0</v>
      </c>
      <c r="AB15" s="110">
        <v>0</v>
      </c>
      <c r="AC15" s="114">
        <v>20457056</v>
      </c>
      <c r="AD15" s="114">
        <v>25515820</v>
      </c>
      <c r="AE15" s="114">
        <v>29227894</v>
      </c>
      <c r="AF15" s="114">
        <v>46738017</v>
      </c>
      <c r="AG15" s="114">
        <v>43899501</v>
      </c>
      <c r="AH15" s="113">
        <v>165838288</v>
      </c>
      <c r="AI15" s="116">
        <v>165838288</v>
      </c>
      <c r="AJ15" s="110">
        <v>0</v>
      </c>
      <c r="AK15" s="114">
        <v>0</v>
      </c>
      <c r="AL15" s="113">
        <v>0</v>
      </c>
      <c r="AM15" s="110">
        <v>0</v>
      </c>
      <c r="AN15" s="114">
        <v>328668</v>
      </c>
      <c r="AO15" s="114">
        <v>382039</v>
      </c>
      <c r="AP15" s="114">
        <v>1180460</v>
      </c>
      <c r="AQ15" s="114">
        <v>3147149</v>
      </c>
      <c r="AR15" s="114">
        <v>6473217</v>
      </c>
      <c r="AS15" s="113">
        <v>11511533</v>
      </c>
      <c r="AT15" s="116">
        <v>11511533</v>
      </c>
      <c r="AU15" s="110">
        <v>615046</v>
      </c>
      <c r="AV15" s="114">
        <v>1932861</v>
      </c>
      <c r="AW15" s="113">
        <v>2547907</v>
      </c>
      <c r="AX15" s="110">
        <v>0</v>
      </c>
      <c r="AY15" s="114">
        <v>14239130</v>
      </c>
      <c r="AZ15" s="114">
        <v>13630854</v>
      </c>
      <c r="BA15" s="114">
        <v>11295895</v>
      </c>
      <c r="BB15" s="114">
        <v>11998800</v>
      </c>
      <c r="BC15" s="114">
        <v>12524134</v>
      </c>
      <c r="BD15" s="113">
        <v>63688813</v>
      </c>
      <c r="BE15" s="116">
        <v>66236720</v>
      </c>
      <c r="BF15" s="110">
        <v>85420</v>
      </c>
      <c r="BG15" s="114">
        <v>498086</v>
      </c>
      <c r="BH15" s="112">
        <v>583506</v>
      </c>
      <c r="BI15" s="111">
        <v>0</v>
      </c>
      <c r="BJ15" s="114">
        <v>2065152</v>
      </c>
      <c r="BK15" s="114">
        <v>1691962</v>
      </c>
      <c r="BL15" s="114">
        <v>1786894</v>
      </c>
      <c r="BM15" s="114">
        <v>1767539</v>
      </c>
      <c r="BN15" s="114">
        <v>1617928</v>
      </c>
      <c r="BO15" s="113">
        <v>8929475</v>
      </c>
      <c r="BP15" s="116">
        <v>9512981</v>
      </c>
      <c r="BQ15" s="110">
        <v>1009965</v>
      </c>
      <c r="BR15" s="114">
        <v>747600</v>
      </c>
      <c r="BS15" s="113">
        <v>1757565</v>
      </c>
      <c r="BT15" s="110">
        <v>0</v>
      </c>
      <c r="BU15" s="114">
        <v>6988439</v>
      </c>
      <c r="BV15" s="114">
        <v>7555781</v>
      </c>
      <c r="BW15" s="114">
        <v>8150520</v>
      </c>
      <c r="BX15" s="114">
        <v>8464733</v>
      </c>
      <c r="BY15" s="114">
        <v>5949877</v>
      </c>
      <c r="BZ15" s="113">
        <v>37109350</v>
      </c>
      <c r="CA15" s="116">
        <v>38866915</v>
      </c>
      <c r="CB15" s="110">
        <v>849768</v>
      </c>
      <c r="CC15" s="114">
        <v>2393540</v>
      </c>
      <c r="CD15" s="113">
        <v>3243308</v>
      </c>
      <c r="CE15" s="110">
        <v>0</v>
      </c>
      <c r="CF15" s="114">
        <v>34111208</v>
      </c>
      <c r="CG15" s="114">
        <v>33030130</v>
      </c>
      <c r="CH15" s="114">
        <v>26554642</v>
      </c>
      <c r="CI15" s="114">
        <v>22284176</v>
      </c>
      <c r="CJ15" s="114">
        <v>8511612</v>
      </c>
      <c r="CK15" s="113">
        <v>124491768</v>
      </c>
      <c r="CL15" s="116">
        <v>127735076</v>
      </c>
      <c r="CM15" s="110">
        <v>0</v>
      </c>
      <c r="CN15" s="114">
        <v>0</v>
      </c>
      <c r="CO15" s="113">
        <v>0</v>
      </c>
      <c r="CP15" s="111">
        <v>0</v>
      </c>
      <c r="CQ15" s="114">
        <v>28653574</v>
      </c>
      <c r="CR15" s="114">
        <v>25661695</v>
      </c>
      <c r="CS15" s="114">
        <v>22058500</v>
      </c>
      <c r="CT15" s="114">
        <v>15838862</v>
      </c>
      <c r="CU15" s="114">
        <v>6915864</v>
      </c>
      <c r="CV15" s="113">
        <v>99128495</v>
      </c>
      <c r="CW15" s="116">
        <v>99128495</v>
      </c>
      <c r="CX15" s="110">
        <v>849768</v>
      </c>
      <c r="CY15" s="114">
        <v>2393540</v>
      </c>
      <c r="CZ15" s="113">
        <v>3243308</v>
      </c>
      <c r="DA15" s="110">
        <v>0</v>
      </c>
      <c r="DB15" s="114">
        <v>5457634</v>
      </c>
      <c r="DC15" s="114">
        <v>7368435</v>
      </c>
      <c r="DD15" s="114">
        <v>4496142</v>
      </c>
      <c r="DE15" s="114">
        <v>6445314</v>
      </c>
      <c r="DF15" s="114">
        <v>1595748</v>
      </c>
      <c r="DG15" s="113">
        <v>25363273</v>
      </c>
      <c r="DH15" s="116">
        <v>28606581</v>
      </c>
      <c r="DI15" s="110">
        <v>65515</v>
      </c>
      <c r="DJ15" s="114">
        <v>56666</v>
      </c>
      <c r="DK15" s="112">
        <v>122181</v>
      </c>
      <c r="DL15" s="111">
        <v>0</v>
      </c>
      <c r="DM15" s="114">
        <v>3350074</v>
      </c>
      <c r="DN15" s="114">
        <v>7478608</v>
      </c>
      <c r="DO15" s="114">
        <v>15450190</v>
      </c>
      <c r="DP15" s="114">
        <v>13527481</v>
      </c>
      <c r="DQ15" s="114">
        <v>8000844</v>
      </c>
      <c r="DR15" s="113">
        <v>47807197</v>
      </c>
      <c r="DS15" s="116">
        <v>47929378</v>
      </c>
      <c r="DT15" s="110">
        <v>37631</v>
      </c>
      <c r="DU15" s="114">
        <v>56666</v>
      </c>
      <c r="DV15" s="113">
        <v>94297</v>
      </c>
      <c r="DW15" s="110">
        <v>0</v>
      </c>
      <c r="DX15" s="114">
        <v>2908948</v>
      </c>
      <c r="DY15" s="114">
        <v>6569039</v>
      </c>
      <c r="DZ15" s="114">
        <v>12976742</v>
      </c>
      <c r="EA15" s="114">
        <v>11618391</v>
      </c>
      <c r="EB15" s="114">
        <v>6910101</v>
      </c>
      <c r="EC15" s="113">
        <v>40983221</v>
      </c>
      <c r="ED15" s="116">
        <v>41077518</v>
      </c>
      <c r="EE15" s="110">
        <v>27884</v>
      </c>
      <c r="EF15" s="112">
        <v>0</v>
      </c>
      <c r="EG15" s="113">
        <v>27884</v>
      </c>
      <c r="EH15" s="110">
        <v>0</v>
      </c>
      <c r="EI15" s="114">
        <v>441126</v>
      </c>
      <c r="EJ15" s="114">
        <v>909569</v>
      </c>
      <c r="EK15" s="114">
        <v>2473448</v>
      </c>
      <c r="EL15" s="114">
        <v>1909090</v>
      </c>
      <c r="EM15" s="114">
        <v>1090743</v>
      </c>
      <c r="EN15" s="112">
        <v>6823976</v>
      </c>
      <c r="EO15" s="116">
        <v>6851860</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8"/>
      <c r="FE15" s="114">
        <v>0</v>
      </c>
      <c r="FF15" s="114">
        <v>0</v>
      </c>
      <c r="FG15" s="114">
        <v>0</v>
      </c>
      <c r="FH15" s="114">
        <v>0</v>
      </c>
      <c r="FI15" s="114">
        <v>0</v>
      </c>
      <c r="FJ15" s="113">
        <v>0</v>
      </c>
      <c r="FK15" s="116">
        <v>0</v>
      </c>
      <c r="FL15" s="110">
        <v>2578168</v>
      </c>
      <c r="FM15" s="114">
        <v>3511505</v>
      </c>
      <c r="FN15" s="113">
        <v>6089673</v>
      </c>
      <c r="FO15" s="110">
        <v>0</v>
      </c>
      <c r="FP15" s="114">
        <v>8482519</v>
      </c>
      <c r="FQ15" s="114">
        <v>12969509</v>
      </c>
      <c r="FR15" s="114">
        <v>10496003</v>
      </c>
      <c r="FS15" s="114">
        <v>12274988</v>
      </c>
      <c r="FT15" s="114">
        <v>8211101</v>
      </c>
      <c r="FU15" s="113">
        <v>52434120</v>
      </c>
      <c r="FV15" s="116">
        <v>58523793</v>
      </c>
      <c r="FW15" s="115">
        <v>1798813</v>
      </c>
      <c r="FX15" s="114">
        <v>2646475</v>
      </c>
      <c r="FY15" s="112">
        <v>4445288</v>
      </c>
      <c r="FZ15" s="111">
        <v>0</v>
      </c>
      <c r="GA15" s="114">
        <v>7643169</v>
      </c>
      <c r="GB15" s="114">
        <v>12085162</v>
      </c>
      <c r="GC15" s="114">
        <v>10337345</v>
      </c>
      <c r="GD15" s="114">
        <v>11383036</v>
      </c>
      <c r="GE15" s="114">
        <v>8088908</v>
      </c>
      <c r="GF15" s="113">
        <v>49537620</v>
      </c>
      <c r="GG15" s="319">
        <v>53982908</v>
      </c>
      <c r="GH15" s="115">
        <v>152515</v>
      </c>
      <c r="GI15" s="114">
        <v>36900</v>
      </c>
      <c r="GJ15" s="112">
        <v>189415</v>
      </c>
      <c r="GK15" s="111">
        <v>0</v>
      </c>
      <c r="GL15" s="114">
        <v>396970</v>
      </c>
      <c r="GM15" s="114">
        <v>360761</v>
      </c>
      <c r="GN15" s="114">
        <v>56256</v>
      </c>
      <c r="GO15" s="114">
        <v>241272</v>
      </c>
      <c r="GP15" s="114">
        <v>104193</v>
      </c>
      <c r="GQ15" s="113">
        <v>1159452</v>
      </c>
      <c r="GR15" s="116">
        <v>1348867</v>
      </c>
      <c r="GS15" s="110">
        <v>626840</v>
      </c>
      <c r="GT15" s="114">
        <v>828130</v>
      </c>
      <c r="GU15" s="113">
        <v>1454970</v>
      </c>
      <c r="GV15" s="110">
        <v>0</v>
      </c>
      <c r="GW15" s="114">
        <v>442380</v>
      </c>
      <c r="GX15" s="114">
        <v>523586</v>
      </c>
      <c r="GY15" s="114">
        <v>102402</v>
      </c>
      <c r="GZ15" s="114">
        <v>650680</v>
      </c>
      <c r="HA15" s="114">
        <v>18000</v>
      </c>
      <c r="HB15" s="112">
        <v>1737048</v>
      </c>
      <c r="HC15" s="116">
        <v>3192018</v>
      </c>
      <c r="HD15" s="110">
        <v>2585621</v>
      </c>
      <c r="HE15" s="114">
        <v>2789367</v>
      </c>
      <c r="HF15" s="112">
        <v>5374988</v>
      </c>
      <c r="HG15" s="111">
        <v>0</v>
      </c>
      <c r="HH15" s="114">
        <v>29463076</v>
      </c>
      <c r="HI15" s="114">
        <v>29177213</v>
      </c>
      <c r="HJ15" s="114">
        <v>28925663</v>
      </c>
      <c r="HK15" s="114">
        <v>31819536</v>
      </c>
      <c r="HL15" s="114">
        <v>26589888</v>
      </c>
      <c r="HM15" s="113">
        <v>145975376</v>
      </c>
      <c r="HN15" s="109">
        <v>151350364</v>
      </c>
      <c r="HO15" s="115">
        <v>2050755</v>
      </c>
      <c r="HP15" s="114">
        <v>2584473</v>
      </c>
      <c r="HQ15" s="113">
        <v>4635228</v>
      </c>
      <c r="HR15" s="110">
        <v>0</v>
      </c>
      <c r="HS15" s="114">
        <v>26158562</v>
      </c>
      <c r="HT15" s="114">
        <v>19340544</v>
      </c>
      <c r="HU15" s="114">
        <v>13658724</v>
      </c>
      <c r="HV15" s="114">
        <v>11284714</v>
      </c>
      <c r="HW15" s="114">
        <v>7152569</v>
      </c>
      <c r="HX15" s="112">
        <v>77595113</v>
      </c>
      <c r="HY15" s="116">
        <v>82230341</v>
      </c>
      <c r="HZ15" s="128">
        <v>207782</v>
      </c>
      <c r="IA15" s="149">
        <v>688888</v>
      </c>
      <c r="IB15" s="129">
        <v>896670</v>
      </c>
      <c r="IC15" s="146">
        <v>0</v>
      </c>
      <c r="ID15" s="132">
        <v>34129675</v>
      </c>
      <c r="IE15" s="147">
        <v>39198187</v>
      </c>
      <c r="IF15" s="133">
        <v>54681079</v>
      </c>
      <c r="IG15" s="132">
        <v>36079269</v>
      </c>
      <c r="IH15" s="133">
        <v>19343959</v>
      </c>
      <c r="II15" s="148">
        <v>183432169</v>
      </c>
      <c r="IJ15" s="130">
        <v>184328839</v>
      </c>
      <c r="IK15" s="232">
        <v>0</v>
      </c>
      <c r="IL15" s="236">
        <v>0</v>
      </c>
      <c r="IM15" s="237">
        <v>0</v>
      </c>
      <c r="IN15" s="140"/>
      <c r="IO15" s="119">
        <v>69791</v>
      </c>
      <c r="IP15" s="119">
        <v>890712</v>
      </c>
      <c r="IQ15" s="119">
        <v>426252</v>
      </c>
      <c r="IR15" s="119">
        <v>1889351</v>
      </c>
      <c r="IS15" s="119">
        <v>2126506</v>
      </c>
      <c r="IT15" s="141">
        <v>5402612</v>
      </c>
      <c r="IU15" s="321">
        <v>5402612</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7660561</v>
      </c>
      <c r="JL15" s="119">
        <v>16791142</v>
      </c>
      <c r="JM15" s="119">
        <v>16077181</v>
      </c>
      <c r="JN15" s="119">
        <v>7530709</v>
      </c>
      <c r="JO15" s="119">
        <v>3964641</v>
      </c>
      <c r="JP15" s="120">
        <v>62024234</v>
      </c>
      <c r="JQ15" s="321">
        <v>62024234</v>
      </c>
      <c r="JR15" s="142">
        <v>0</v>
      </c>
      <c r="JS15" s="119">
        <v>0</v>
      </c>
      <c r="JT15" s="141">
        <v>0</v>
      </c>
      <c r="JU15" s="118">
        <v>0</v>
      </c>
      <c r="JV15" s="119">
        <v>790790</v>
      </c>
      <c r="JW15" s="119">
        <v>519423</v>
      </c>
      <c r="JX15" s="119">
        <v>1036474</v>
      </c>
      <c r="JY15" s="119">
        <v>476029</v>
      </c>
      <c r="JZ15" s="119">
        <v>454259</v>
      </c>
      <c r="KA15" s="120">
        <v>3276975</v>
      </c>
      <c r="KB15" s="321">
        <v>3276975</v>
      </c>
      <c r="KC15" s="234">
        <v>207782</v>
      </c>
      <c r="KD15" s="230">
        <v>443523</v>
      </c>
      <c r="KE15" s="120">
        <v>651305</v>
      </c>
      <c r="KF15" s="118">
        <v>0</v>
      </c>
      <c r="KG15" s="119">
        <v>4583379</v>
      </c>
      <c r="KH15" s="119">
        <v>7121006</v>
      </c>
      <c r="KI15" s="119">
        <v>6035217</v>
      </c>
      <c r="KJ15" s="119">
        <v>6027979</v>
      </c>
      <c r="KK15" s="119">
        <v>1770666</v>
      </c>
      <c r="KL15" s="120">
        <v>25538247</v>
      </c>
      <c r="KM15" s="143">
        <v>26189552</v>
      </c>
      <c r="KN15" s="232">
        <v>0</v>
      </c>
      <c r="KO15" s="236">
        <v>245365</v>
      </c>
      <c r="KP15" s="237">
        <v>245365</v>
      </c>
      <c r="KQ15" s="140"/>
      <c r="KR15" s="119">
        <v>9320054</v>
      </c>
      <c r="KS15" s="119">
        <v>12600090</v>
      </c>
      <c r="KT15" s="119">
        <v>26455526</v>
      </c>
      <c r="KU15" s="119">
        <v>14205705</v>
      </c>
      <c r="KV15" s="119">
        <v>6562760</v>
      </c>
      <c r="KW15" s="120">
        <v>69144135</v>
      </c>
      <c r="KX15" s="321">
        <v>69389500</v>
      </c>
      <c r="KY15" s="142">
        <v>0</v>
      </c>
      <c r="KZ15" s="119">
        <v>0</v>
      </c>
      <c r="LA15" s="120">
        <v>0</v>
      </c>
      <c r="LB15" s="145"/>
      <c r="LC15" s="119">
        <v>682107</v>
      </c>
      <c r="LD15" s="119">
        <v>1087167</v>
      </c>
      <c r="LE15" s="119">
        <v>873620</v>
      </c>
      <c r="LF15" s="119">
        <v>1382881</v>
      </c>
      <c r="LG15" s="119">
        <v>1038472</v>
      </c>
      <c r="LH15" s="120">
        <v>5064247</v>
      </c>
      <c r="LI15" s="121">
        <v>5064247</v>
      </c>
      <c r="LJ15" s="142">
        <v>0</v>
      </c>
      <c r="LK15" s="119">
        <v>0</v>
      </c>
      <c r="LL15" s="120">
        <v>0</v>
      </c>
      <c r="LM15" s="145"/>
      <c r="LN15" s="119">
        <v>0</v>
      </c>
      <c r="LO15" s="119">
        <v>0</v>
      </c>
      <c r="LP15" s="119">
        <v>0</v>
      </c>
      <c r="LQ15" s="119">
        <v>314649</v>
      </c>
      <c r="LR15" s="119">
        <v>0</v>
      </c>
      <c r="LS15" s="120">
        <v>314649</v>
      </c>
      <c r="LT15" s="321">
        <v>314649</v>
      </c>
      <c r="LU15" s="142">
        <v>0</v>
      </c>
      <c r="LV15" s="119">
        <v>0</v>
      </c>
      <c r="LW15" s="120">
        <v>0</v>
      </c>
      <c r="LX15" s="145"/>
      <c r="LY15" s="119">
        <v>1022993</v>
      </c>
      <c r="LZ15" s="119">
        <v>188647</v>
      </c>
      <c r="MA15" s="119">
        <v>3776809</v>
      </c>
      <c r="MB15" s="119">
        <v>4251966</v>
      </c>
      <c r="MC15" s="119">
        <v>3426655</v>
      </c>
      <c r="MD15" s="120">
        <v>12667070</v>
      </c>
      <c r="ME15" s="121">
        <v>12667070</v>
      </c>
      <c r="MF15" s="142">
        <v>0</v>
      </c>
      <c r="MG15" s="119">
        <v>0</v>
      </c>
      <c r="MH15" s="120">
        <v>0</v>
      </c>
      <c r="MI15" s="145"/>
      <c r="MJ15" s="119">
        <v>8294313</v>
      </c>
      <c r="MK15" s="119">
        <v>18590105</v>
      </c>
      <c r="ML15" s="119">
        <v>79690627</v>
      </c>
      <c r="MM15" s="119">
        <v>151032293</v>
      </c>
      <c r="MN15" s="119">
        <v>104476042</v>
      </c>
      <c r="MO15" s="120">
        <v>362083380</v>
      </c>
      <c r="MP15" s="143">
        <v>362083380</v>
      </c>
      <c r="MQ15" s="142">
        <v>0</v>
      </c>
      <c r="MR15" s="119">
        <v>0</v>
      </c>
      <c r="MS15" s="120">
        <v>0</v>
      </c>
      <c r="MT15" s="145"/>
      <c r="MU15" s="119">
        <v>1318751</v>
      </c>
      <c r="MV15" s="119">
        <v>715877</v>
      </c>
      <c r="MW15" s="119">
        <v>50765666</v>
      </c>
      <c r="MX15" s="119">
        <v>102885226</v>
      </c>
      <c r="MY15" s="119">
        <v>81226501</v>
      </c>
      <c r="MZ15" s="120">
        <v>236912021</v>
      </c>
      <c r="NA15" s="143">
        <v>236912021</v>
      </c>
      <c r="NB15" s="142">
        <v>0</v>
      </c>
      <c r="NC15" s="119">
        <v>0</v>
      </c>
      <c r="ND15" s="120">
        <v>0</v>
      </c>
      <c r="NE15" s="145"/>
      <c r="NF15" s="119">
        <v>6975562</v>
      </c>
      <c r="NG15" s="119">
        <v>17874228</v>
      </c>
      <c r="NH15" s="119">
        <v>28262764</v>
      </c>
      <c r="NI15" s="119">
        <v>46733040</v>
      </c>
      <c r="NJ15" s="119">
        <v>21289221</v>
      </c>
      <c r="NK15" s="120">
        <v>121134815</v>
      </c>
      <c r="NL15" s="321">
        <v>121134815</v>
      </c>
      <c r="NM15" s="142">
        <v>0</v>
      </c>
      <c r="NN15" s="119">
        <v>0</v>
      </c>
      <c r="NO15" s="120">
        <v>0</v>
      </c>
      <c r="NP15" s="145"/>
      <c r="NQ15" s="119">
        <v>0</v>
      </c>
      <c r="NR15" s="119">
        <v>0</v>
      </c>
      <c r="NS15" s="119">
        <v>0</v>
      </c>
      <c r="NT15" s="119">
        <v>668226</v>
      </c>
      <c r="NU15" s="119">
        <v>0</v>
      </c>
      <c r="NV15" s="120">
        <v>668226</v>
      </c>
      <c r="NW15" s="121">
        <v>668226</v>
      </c>
      <c r="NX15" s="142">
        <v>0</v>
      </c>
      <c r="NY15" s="119">
        <v>0</v>
      </c>
      <c r="NZ15" s="120">
        <v>0</v>
      </c>
      <c r="OA15" s="145"/>
      <c r="OB15" s="119">
        <v>0</v>
      </c>
      <c r="OC15" s="119">
        <v>0</v>
      </c>
      <c r="OD15" s="119">
        <v>662197</v>
      </c>
      <c r="OE15" s="119">
        <v>745801</v>
      </c>
      <c r="OF15" s="119">
        <v>1960320</v>
      </c>
      <c r="OG15" s="120">
        <v>3368318</v>
      </c>
      <c r="OH15" s="121">
        <v>3368318</v>
      </c>
      <c r="OI15" s="142">
        <v>10048040</v>
      </c>
      <c r="OJ15" s="119">
        <v>15202986</v>
      </c>
      <c r="OK15" s="141">
        <v>25251026</v>
      </c>
      <c r="OL15" s="118">
        <v>0</v>
      </c>
      <c r="OM15" s="119">
        <v>188067872</v>
      </c>
      <c r="ON15" s="119">
        <v>208560752</v>
      </c>
      <c r="OO15" s="119">
        <v>281098591</v>
      </c>
      <c r="OP15" s="119">
        <v>350418695</v>
      </c>
      <c r="OQ15" s="119">
        <v>252750672</v>
      </c>
      <c r="OR15" s="120">
        <v>1280896582</v>
      </c>
      <c r="OS15" s="143">
        <v>1306147608</v>
      </c>
    </row>
    <row r="16" spans="1:409" ht="19.8" customHeight="1" x14ac:dyDescent="0.2">
      <c r="B16" s="62" t="s">
        <v>10</v>
      </c>
      <c r="C16" s="110">
        <v>23791634</v>
      </c>
      <c r="D16" s="114">
        <v>42494604</v>
      </c>
      <c r="E16" s="113">
        <v>66286238</v>
      </c>
      <c r="F16" s="172">
        <v>0</v>
      </c>
      <c r="G16" s="114">
        <v>340139053</v>
      </c>
      <c r="H16" s="114">
        <v>271680150</v>
      </c>
      <c r="I16" s="114">
        <v>242125776</v>
      </c>
      <c r="J16" s="114">
        <v>234135122</v>
      </c>
      <c r="K16" s="114">
        <v>194866185</v>
      </c>
      <c r="L16" s="109">
        <v>1282946286</v>
      </c>
      <c r="M16" s="116">
        <v>1349232524</v>
      </c>
      <c r="N16" s="110">
        <v>5990579</v>
      </c>
      <c r="O16" s="114">
        <v>13596708</v>
      </c>
      <c r="P16" s="113">
        <v>19587287</v>
      </c>
      <c r="Q16" s="110">
        <v>0</v>
      </c>
      <c r="R16" s="114">
        <v>108583354</v>
      </c>
      <c r="S16" s="114">
        <v>91012802</v>
      </c>
      <c r="T16" s="114">
        <v>81867442</v>
      </c>
      <c r="U16" s="114">
        <v>103384315</v>
      </c>
      <c r="V16" s="114">
        <v>106567206</v>
      </c>
      <c r="W16" s="113">
        <v>491415119</v>
      </c>
      <c r="X16" s="116">
        <v>511002406</v>
      </c>
      <c r="Y16" s="110">
        <v>0</v>
      </c>
      <c r="Z16" s="114">
        <v>0</v>
      </c>
      <c r="AA16" s="113">
        <v>0</v>
      </c>
      <c r="AB16" s="110">
        <v>0</v>
      </c>
      <c r="AC16" s="114">
        <v>53041808</v>
      </c>
      <c r="AD16" s="114">
        <v>45153152</v>
      </c>
      <c r="AE16" s="114">
        <v>49738388</v>
      </c>
      <c r="AF16" s="114">
        <v>64928721</v>
      </c>
      <c r="AG16" s="114">
        <v>65773319</v>
      </c>
      <c r="AH16" s="113">
        <v>278635388</v>
      </c>
      <c r="AI16" s="116">
        <v>278635388</v>
      </c>
      <c r="AJ16" s="110">
        <v>0</v>
      </c>
      <c r="AK16" s="114">
        <v>0</v>
      </c>
      <c r="AL16" s="113">
        <v>0</v>
      </c>
      <c r="AM16" s="110">
        <v>0</v>
      </c>
      <c r="AN16" s="114">
        <v>569944</v>
      </c>
      <c r="AO16" s="114">
        <v>1385616</v>
      </c>
      <c r="AP16" s="114">
        <v>2088687</v>
      </c>
      <c r="AQ16" s="114">
        <v>5375820</v>
      </c>
      <c r="AR16" s="114">
        <v>10135909</v>
      </c>
      <c r="AS16" s="113">
        <v>19555976</v>
      </c>
      <c r="AT16" s="116">
        <v>19555976</v>
      </c>
      <c r="AU16" s="110">
        <v>3297395</v>
      </c>
      <c r="AV16" s="114">
        <v>9475408</v>
      </c>
      <c r="AW16" s="113">
        <v>12772803</v>
      </c>
      <c r="AX16" s="110">
        <v>0</v>
      </c>
      <c r="AY16" s="114">
        <v>34091010</v>
      </c>
      <c r="AZ16" s="114">
        <v>26190011</v>
      </c>
      <c r="BA16" s="114">
        <v>16345629</v>
      </c>
      <c r="BB16" s="114">
        <v>17870070</v>
      </c>
      <c r="BC16" s="114">
        <v>17462132</v>
      </c>
      <c r="BD16" s="113">
        <v>111958852</v>
      </c>
      <c r="BE16" s="116">
        <v>124731655</v>
      </c>
      <c r="BF16" s="110">
        <v>646228</v>
      </c>
      <c r="BG16" s="114">
        <v>1277407</v>
      </c>
      <c r="BH16" s="112">
        <v>1923635</v>
      </c>
      <c r="BI16" s="111">
        <v>0</v>
      </c>
      <c r="BJ16" s="114">
        <v>3310343</v>
      </c>
      <c r="BK16" s="114">
        <v>3772377</v>
      </c>
      <c r="BL16" s="114">
        <v>1797245</v>
      </c>
      <c r="BM16" s="114">
        <v>1888195</v>
      </c>
      <c r="BN16" s="114">
        <v>1945720</v>
      </c>
      <c r="BO16" s="113">
        <v>12713880</v>
      </c>
      <c r="BP16" s="116">
        <v>14637515</v>
      </c>
      <c r="BQ16" s="110">
        <v>2046956</v>
      </c>
      <c r="BR16" s="114">
        <v>2843893</v>
      </c>
      <c r="BS16" s="113">
        <v>4890849</v>
      </c>
      <c r="BT16" s="110">
        <v>0</v>
      </c>
      <c r="BU16" s="114">
        <v>17570249</v>
      </c>
      <c r="BV16" s="114">
        <v>14511646</v>
      </c>
      <c r="BW16" s="114">
        <v>11897493</v>
      </c>
      <c r="BX16" s="114">
        <v>13321509</v>
      </c>
      <c r="BY16" s="114">
        <v>11250126</v>
      </c>
      <c r="BZ16" s="113">
        <v>68551023</v>
      </c>
      <c r="CA16" s="116">
        <v>73441872</v>
      </c>
      <c r="CB16" s="110">
        <v>1383082</v>
      </c>
      <c r="CC16" s="114">
        <v>3880158</v>
      </c>
      <c r="CD16" s="113">
        <v>5263240</v>
      </c>
      <c r="CE16" s="110">
        <v>0</v>
      </c>
      <c r="CF16" s="114">
        <v>102960452</v>
      </c>
      <c r="CG16" s="114">
        <v>74865300</v>
      </c>
      <c r="CH16" s="114">
        <v>57627783</v>
      </c>
      <c r="CI16" s="114">
        <v>34704990</v>
      </c>
      <c r="CJ16" s="114">
        <v>17458164</v>
      </c>
      <c r="CK16" s="113">
        <v>287616689</v>
      </c>
      <c r="CL16" s="116">
        <v>292879929</v>
      </c>
      <c r="CM16" s="110">
        <v>0</v>
      </c>
      <c r="CN16" s="114">
        <v>0</v>
      </c>
      <c r="CO16" s="113">
        <v>0</v>
      </c>
      <c r="CP16" s="111">
        <v>0</v>
      </c>
      <c r="CQ16" s="114">
        <v>88385309</v>
      </c>
      <c r="CR16" s="114">
        <v>63345537</v>
      </c>
      <c r="CS16" s="114">
        <v>49236164</v>
      </c>
      <c r="CT16" s="114">
        <v>29456280</v>
      </c>
      <c r="CU16" s="114">
        <v>15295055</v>
      </c>
      <c r="CV16" s="113">
        <v>245718345</v>
      </c>
      <c r="CW16" s="116">
        <v>245718345</v>
      </c>
      <c r="CX16" s="110">
        <v>1383082</v>
      </c>
      <c r="CY16" s="114">
        <v>3880158</v>
      </c>
      <c r="CZ16" s="113">
        <v>5263240</v>
      </c>
      <c r="DA16" s="110">
        <v>0</v>
      </c>
      <c r="DB16" s="114">
        <v>14575143</v>
      </c>
      <c r="DC16" s="114">
        <v>11519763</v>
      </c>
      <c r="DD16" s="114">
        <v>8391619</v>
      </c>
      <c r="DE16" s="114">
        <v>5248710</v>
      </c>
      <c r="DF16" s="114">
        <v>2163109</v>
      </c>
      <c r="DG16" s="113">
        <v>41898344</v>
      </c>
      <c r="DH16" s="116">
        <v>47161584</v>
      </c>
      <c r="DI16" s="110">
        <v>151987</v>
      </c>
      <c r="DJ16" s="114">
        <v>1007187</v>
      </c>
      <c r="DK16" s="112">
        <v>1159174</v>
      </c>
      <c r="DL16" s="111">
        <v>0</v>
      </c>
      <c r="DM16" s="114">
        <v>10051658</v>
      </c>
      <c r="DN16" s="114">
        <v>13544630</v>
      </c>
      <c r="DO16" s="114">
        <v>23032283</v>
      </c>
      <c r="DP16" s="114">
        <v>17869467</v>
      </c>
      <c r="DQ16" s="114">
        <v>11788143</v>
      </c>
      <c r="DR16" s="113">
        <v>76286181</v>
      </c>
      <c r="DS16" s="116">
        <v>77445355</v>
      </c>
      <c r="DT16" s="110">
        <v>151987</v>
      </c>
      <c r="DU16" s="114">
        <v>934145</v>
      </c>
      <c r="DV16" s="113">
        <v>1086132</v>
      </c>
      <c r="DW16" s="110">
        <v>0</v>
      </c>
      <c r="DX16" s="114">
        <v>9091543</v>
      </c>
      <c r="DY16" s="114">
        <v>12071571</v>
      </c>
      <c r="DZ16" s="114">
        <v>21289697</v>
      </c>
      <c r="EA16" s="114">
        <v>16624516</v>
      </c>
      <c r="EB16" s="114">
        <v>11326209</v>
      </c>
      <c r="EC16" s="113">
        <v>70403536</v>
      </c>
      <c r="ED16" s="116">
        <v>71489668</v>
      </c>
      <c r="EE16" s="110">
        <v>0</v>
      </c>
      <c r="EF16" s="112">
        <v>73042</v>
      </c>
      <c r="EG16" s="113">
        <v>73042</v>
      </c>
      <c r="EH16" s="110">
        <v>0</v>
      </c>
      <c r="EI16" s="114">
        <v>960115</v>
      </c>
      <c r="EJ16" s="114">
        <v>1473059</v>
      </c>
      <c r="EK16" s="114">
        <v>1742586</v>
      </c>
      <c r="EL16" s="114">
        <v>1244951</v>
      </c>
      <c r="EM16" s="114">
        <v>461934</v>
      </c>
      <c r="EN16" s="112">
        <v>5882645</v>
      </c>
      <c r="EO16" s="116">
        <v>5955687</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8"/>
      <c r="FE16" s="114">
        <v>0</v>
      </c>
      <c r="FF16" s="114">
        <v>0</v>
      </c>
      <c r="FG16" s="114">
        <v>0</v>
      </c>
      <c r="FH16" s="114">
        <v>0</v>
      </c>
      <c r="FI16" s="114">
        <v>0</v>
      </c>
      <c r="FJ16" s="113">
        <v>0</v>
      </c>
      <c r="FK16" s="116">
        <v>0</v>
      </c>
      <c r="FL16" s="110">
        <v>6994556</v>
      </c>
      <c r="FM16" s="114">
        <v>9847574</v>
      </c>
      <c r="FN16" s="113">
        <v>16842130</v>
      </c>
      <c r="FO16" s="110">
        <v>0</v>
      </c>
      <c r="FP16" s="114">
        <v>18814739</v>
      </c>
      <c r="FQ16" s="114">
        <v>24771420</v>
      </c>
      <c r="FR16" s="114">
        <v>18234334</v>
      </c>
      <c r="FS16" s="114">
        <v>16841543</v>
      </c>
      <c r="FT16" s="114">
        <v>13448074</v>
      </c>
      <c r="FU16" s="113">
        <v>92110110</v>
      </c>
      <c r="FV16" s="116">
        <v>108952240</v>
      </c>
      <c r="FW16" s="115">
        <v>4176214</v>
      </c>
      <c r="FX16" s="114">
        <v>7680522</v>
      </c>
      <c r="FY16" s="112">
        <v>11856736</v>
      </c>
      <c r="FZ16" s="111">
        <v>0</v>
      </c>
      <c r="GA16" s="114">
        <v>15960636</v>
      </c>
      <c r="GB16" s="114">
        <v>22897022</v>
      </c>
      <c r="GC16" s="114">
        <v>17516480</v>
      </c>
      <c r="GD16" s="114">
        <v>15616955</v>
      </c>
      <c r="GE16" s="114">
        <v>12991774</v>
      </c>
      <c r="GF16" s="113">
        <v>84982867</v>
      </c>
      <c r="GG16" s="319">
        <v>96839603</v>
      </c>
      <c r="GH16" s="115">
        <v>552119</v>
      </c>
      <c r="GI16" s="114">
        <v>460388</v>
      </c>
      <c r="GJ16" s="112">
        <v>1012507</v>
      </c>
      <c r="GK16" s="111">
        <v>0</v>
      </c>
      <c r="GL16" s="114">
        <v>882109</v>
      </c>
      <c r="GM16" s="114">
        <v>722172</v>
      </c>
      <c r="GN16" s="114">
        <v>420814</v>
      </c>
      <c r="GO16" s="114">
        <v>724596</v>
      </c>
      <c r="GP16" s="114">
        <v>228484</v>
      </c>
      <c r="GQ16" s="113">
        <v>2978175</v>
      </c>
      <c r="GR16" s="116">
        <v>3990682</v>
      </c>
      <c r="GS16" s="110">
        <v>2266223</v>
      </c>
      <c r="GT16" s="114">
        <v>1706664</v>
      </c>
      <c r="GU16" s="113">
        <v>3972887</v>
      </c>
      <c r="GV16" s="110">
        <v>0</v>
      </c>
      <c r="GW16" s="114">
        <v>1971994</v>
      </c>
      <c r="GX16" s="114">
        <v>1152226</v>
      </c>
      <c r="GY16" s="114">
        <v>297040</v>
      </c>
      <c r="GZ16" s="114">
        <v>499992</v>
      </c>
      <c r="HA16" s="114">
        <v>227816</v>
      </c>
      <c r="HB16" s="112">
        <v>4149068</v>
      </c>
      <c r="HC16" s="116">
        <v>8121955</v>
      </c>
      <c r="HD16" s="110">
        <v>3943349</v>
      </c>
      <c r="HE16" s="114">
        <v>7198216</v>
      </c>
      <c r="HF16" s="112">
        <v>11141565</v>
      </c>
      <c r="HG16" s="111">
        <v>0</v>
      </c>
      <c r="HH16" s="114">
        <v>48560701</v>
      </c>
      <c r="HI16" s="114">
        <v>38434464</v>
      </c>
      <c r="HJ16" s="114">
        <v>40527397</v>
      </c>
      <c r="HK16" s="114">
        <v>46429834</v>
      </c>
      <c r="HL16" s="114">
        <v>34931829</v>
      </c>
      <c r="HM16" s="113">
        <v>208884225</v>
      </c>
      <c r="HN16" s="109">
        <v>220025790</v>
      </c>
      <c r="HO16" s="115">
        <v>5328081</v>
      </c>
      <c r="HP16" s="114">
        <v>6964761</v>
      </c>
      <c r="HQ16" s="113">
        <v>12292842</v>
      </c>
      <c r="HR16" s="110">
        <v>0</v>
      </c>
      <c r="HS16" s="114">
        <v>51168149</v>
      </c>
      <c r="HT16" s="114">
        <v>29051534</v>
      </c>
      <c r="HU16" s="114">
        <v>20836537</v>
      </c>
      <c r="HV16" s="114">
        <v>14904973</v>
      </c>
      <c r="HW16" s="114">
        <v>10672769</v>
      </c>
      <c r="HX16" s="112">
        <v>126633962</v>
      </c>
      <c r="HY16" s="116">
        <v>138926804</v>
      </c>
      <c r="HZ16" s="150">
        <v>572399</v>
      </c>
      <c r="IA16" s="135">
        <v>3181751</v>
      </c>
      <c r="IB16" s="150">
        <v>3754150</v>
      </c>
      <c r="IC16" s="134">
        <v>0</v>
      </c>
      <c r="ID16" s="135">
        <v>81392302</v>
      </c>
      <c r="IE16" s="136">
        <v>84531216</v>
      </c>
      <c r="IF16" s="137">
        <v>79621846</v>
      </c>
      <c r="IG16" s="135">
        <v>71444543</v>
      </c>
      <c r="IH16" s="137">
        <v>68130860</v>
      </c>
      <c r="II16" s="138">
        <v>385120767</v>
      </c>
      <c r="IJ16" s="150">
        <v>388874917</v>
      </c>
      <c r="IK16" s="232">
        <v>0</v>
      </c>
      <c r="IL16" s="236">
        <v>0</v>
      </c>
      <c r="IM16" s="237">
        <v>0</v>
      </c>
      <c r="IN16" s="140"/>
      <c r="IO16" s="119">
        <v>2266585</v>
      </c>
      <c r="IP16" s="119">
        <v>1484324</v>
      </c>
      <c r="IQ16" s="119">
        <v>2077454</v>
      </c>
      <c r="IR16" s="119">
        <v>4138362</v>
      </c>
      <c r="IS16" s="119">
        <v>3596498</v>
      </c>
      <c r="IT16" s="141">
        <v>13563223</v>
      </c>
      <c r="IU16" s="321">
        <v>13563223</v>
      </c>
      <c r="IV16" s="142">
        <v>0</v>
      </c>
      <c r="IW16" s="119">
        <v>0</v>
      </c>
      <c r="IX16" s="120">
        <v>0</v>
      </c>
      <c r="IY16" s="144"/>
      <c r="IZ16" s="119">
        <v>142354</v>
      </c>
      <c r="JA16" s="119">
        <v>151883</v>
      </c>
      <c r="JB16" s="119">
        <v>333048</v>
      </c>
      <c r="JC16" s="119">
        <v>438410</v>
      </c>
      <c r="JD16" s="119">
        <v>135971</v>
      </c>
      <c r="JE16" s="120">
        <v>1201666</v>
      </c>
      <c r="JF16" s="121">
        <v>1201666</v>
      </c>
      <c r="JG16" s="142">
        <v>0</v>
      </c>
      <c r="JH16" s="119">
        <v>0</v>
      </c>
      <c r="JI16" s="141">
        <v>0</v>
      </c>
      <c r="JJ16" s="118">
        <v>0</v>
      </c>
      <c r="JK16" s="119">
        <v>28287159</v>
      </c>
      <c r="JL16" s="119">
        <v>19098956</v>
      </c>
      <c r="JM16" s="119">
        <v>10523731</v>
      </c>
      <c r="JN16" s="119">
        <v>6138503</v>
      </c>
      <c r="JO16" s="119">
        <v>3976346</v>
      </c>
      <c r="JP16" s="120">
        <v>68024695</v>
      </c>
      <c r="JQ16" s="321">
        <v>68024695</v>
      </c>
      <c r="JR16" s="142">
        <v>0</v>
      </c>
      <c r="JS16" s="119">
        <v>56652</v>
      </c>
      <c r="JT16" s="141">
        <v>56652</v>
      </c>
      <c r="JU16" s="118">
        <v>0</v>
      </c>
      <c r="JV16" s="119">
        <v>1198669</v>
      </c>
      <c r="JW16" s="119">
        <v>1543472</v>
      </c>
      <c r="JX16" s="119">
        <v>3124026</v>
      </c>
      <c r="JY16" s="119">
        <v>1030274</v>
      </c>
      <c r="JZ16" s="119">
        <v>1831501</v>
      </c>
      <c r="KA16" s="120">
        <v>8727942</v>
      </c>
      <c r="KB16" s="321">
        <v>8784594</v>
      </c>
      <c r="KC16" s="234">
        <v>572399</v>
      </c>
      <c r="KD16" s="230">
        <v>1906970</v>
      </c>
      <c r="KE16" s="120">
        <v>2479369</v>
      </c>
      <c r="KF16" s="118">
        <v>0</v>
      </c>
      <c r="KG16" s="119">
        <v>12888248</v>
      </c>
      <c r="KH16" s="119">
        <v>15369112</v>
      </c>
      <c r="KI16" s="119">
        <v>21102384</v>
      </c>
      <c r="KJ16" s="119">
        <v>16806114</v>
      </c>
      <c r="KK16" s="119">
        <v>11152092</v>
      </c>
      <c r="KL16" s="120">
        <v>77317950</v>
      </c>
      <c r="KM16" s="143">
        <v>79797319</v>
      </c>
      <c r="KN16" s="232">
        <v>0</v>
      </c>
      <c r="KO16" s="236">
        <v>1218129</v>
      </c>
      <c r="KP16" s="237">
        <v>1218129</v>
      </c>
      <c r="KQ16" s="140"/>
      <c r="KR16" s="119">
        <v>28802900</v>
      </c>
      <c r="KS16" s="119">
        <v>34160455</v>
      </c>
      <c r="KT16" s="119">
        <v>24729695</v>
      </c>
      <c r="KU16" s="119">
        <v>22324852</v>
      </c>
      <c r="KV16" s="119">
        <v>23267899</v>
      </c>
      <c r="KW16" s="120">
        <v>133285801</v>
      </c>
      <c r="KX16" s="321">
        <v>134503930</v>
      </c>
      <c r="KY16" s="142">
        <v>0</v>
      </c>
      <c r="KZ16" s="119">
        <v>0</v>
      </c>
      <c r="LA16" s="120">
        <v>0</v>
      </c>
      <c r="LB16" s="145"/>
      <c r="LC16" s="119">
        <v>3980467</v>
      </c>
      <c r="LD16" s="119">
        <v>5350926</v>
      </c>
      <c r="LE16" s="119">
        <v>6649146</v>
      </c>
      <c r="LF16" s="119">
        <v>6898473</v>
      </c>
      <c r="LG16" s="119">
        <v>7172697</v>
      </c>
      <c r="LH16" s="120">
        <v>30051709</v>
      </c>
      <c r="LI16" s="121">
        <v>30051709</v>
      </c>
      <c r="LJ16" s="142">
        <v>0</v>
      </c>
      <c r="LK16" s="119">
        <v>0</v>
      </c>
      <c r="LL16" s="120">
        <v>0</v>
      </c>
      <c r="LM16" s="145"/>
      <c r="LN16" s="119">
        <v>0</v>
      </c>
      <c r="LO16" s="119">
        <v>0</v>
      </c>
      <c r="LP16" s="119">
        <v>1518191</v>
      </c>
      <c r="LQ16" s="119">
        <v>5005403</v>
      </c>
      <c r="LR16" s="119">
        <v>5558763</v>
      </c>
      <c r="LS16" s="120">
        <v>12082357</v>
      </c>
      <c r="LT16" s="321">
        <v>12082357</v>
      </c>
      <c r="LU16" s="142">
        <v>0</v>
      </c>
      <c r="LV16" s="119">
        <v>0</v>
      </c>
      <c r="LW16" s="120">
        <v>0</v>
      </c>
      <c r="LX16" s="145"/>
      <c r="LY16" s="119">
        <v>3825920</v>
      </c>
      <c r="LZ16" s="119">
        <v>7372088</v>
      </c>
      <c r="MA16" s="119">
        <v>9564171</v>
      </c>
      <c r="MB16" s="119">
        <v>8664152</v>
      </c>
      <c r="MC16" s="119">
        <v>11439093</v>
      </c>
      <c r="MD16" s="120">
        <v>40865424</v>
      </c>
      <c r="ME16" s="121">
        <v>40865424</v>
      </c>
      <c r="MF16" s="142">
        <v>0</v>
      </c>
      <c r="MG16" s="119">
        <v>0</v>
      </c>
      <c r="MH16" s="120">
        <v>0</v>
      </c>
      <c r="MI16" s="145"/>
      <c r="MJ16" s="119">
        <v>29080706</v>
      </c>
      <c r="MK16" s="119">
        <v>49294366</v>
      </c>
      <c r="ML16" s="119">
        <v>143565290</v>
      </c>
      <c r="MM16" s="119">
        <v>194566806</v>
      </c>
      <c r="MN16" s="119">
        <v>187410683</v>
      </c>
      <c r="MO16" s="120">
        <v>603917851</v>
      </c>
      <c r="MP16" s="143">
        <v>603917851</v>
      </c>
      <c r="MQ16" s="142">
        <v>0</v>
      </c>
      <c r="MR16" s="119">
        <v>0</v>
      </c>
      <c r="MS16" s="120">
        <v>0</v>
      </c>
      <c r="MT16" s="145"/>
      <c r="MU16" s="119">
        <v>3749569</v>
      </c>
      <c r="MV16" s="119">
        <v>11253029</v>
      </c>
      <c r="MW16" s="119">
        <v>95181595</v>
      </c>
      <c r="MX16" s="119">
        <v>143270500</v>
      </c>
      <c r="MY16" s="119">
        <v>137820891</v>
      </c>
      <c r="MZ16" s="120">
        <v>391275584</v>
      </c>
      <c r="NA16" s="143">
        <v>391275584</v>
      </c>
      <c r="NB16" s="142">
        <v>0</v>
      </c>
      <c r="NC16" s="119">
        <v>0</v>
      </c>
      <c r="ND16" s="120">
        <v>0</v>
      </c>
      <c r="NE16" s="145"/>
      <c r="NF16" s="119">
        <v>25131877</v>
      </c>
      <c r="NG16" s="119">
        <v>37755353</v>
      </c>
      <c r="NH16" s="119">
        <v>48383695</v>
      </c>
      <c r="NI16" s="119">
        <v>49286500</v>
      </c>
      <c r="NJ16" s="119">
        <v>34457353</v>
      </c>
      <c r="NK16" s="120">
        <v>195014778</v>
      </c>
      <c r="NL16" s="321">
        <v>195014778</v>
      </c>
      <c r="NM16" s="142">
        <v>0</v>
      </c>
      <c r="NN16" s="119">
        <v>0</v>
      </c>
      <c r="NO16" s="120">
        <v>0</v>
      </c>
      <c r="NP16" s="145"/>
      <c r="NQ16" s="119">
        <v>0</v>
      </c>
      <c r="NR16" s="119">
        <v>0</v>
      </c>
      <c r="NS16" s="119">
        <v>0</v>
      </c>
      <c r="NT16" s="119">
        <v>0</v>
      </c>
      <c r="NU16" s="119">
        <v>1108088</v>
      </c>
      <c r="NV16" s="120">
        <v>1108088</v>
      </c>
      <c r="NW16" s="121">
        <v>1108088</v>
      </c>
      <c r="NX16" s="142">
        <v>0</v>
      </c>
      <c r="NY16" s="119">
        <v>0</v>
      </c>
      <c r="NZ16" s="120">
        <v>0</v>
      </c>
      <c r="OA16" s="145"/>
      <c r="OB16" s="119">
        <v>199260</v>
      </c>
      <c r="OC16" s="119">
        <v>285984</v>
      </c>
      <c r="OD16" s="119">
        <v>0</v>
      </c>
      <c r="OE16" s="119">
        <v>2009806</v>
      </c>
      <c r="OF16" s="119">
        <v>14024351</v>
      </c>
      <c r="OG16" s="120">
        <v>16519401</v>
      </c>
      <c r="OH16" s="121">
        <v>16519401</v>
      </c>
      <c r="OI16" s="142">
        <v>24364033</v>
      </c>
      <c r="OJ16" s="119">
        <v>45676355</v>
      </c>
      <c r="OK16" s="141">
        <v>70040388</v>
      </c>
      <c r="OL16" s="118">
        <v>0</v>
      </c>
      <c r="OM16" s="119">
        <v>450612061</v>
      </c>
      <c r="ON16" s="119">
        <v>405505732</v>
      </c>
      <c r="OO16" s="119">
        <v>465312912</v>
      </c>
      <c r="OP16" s="119">
        <v>500146471</v>
      </c>
      <c r="OQ16" s="119">
        <v>450407728</v>
      </c>
      <c r="OR16" s="120">
        <v>2271984904</v>
      </c>
      <c r="OS16" s="143">
        <v>2342025292</v>
      </c>
    </row>
    <row r="17" spans="2:409" ht="19.8" customHeight="1" x14ac:dyDescent="0.2">
      <c r="B17" s="62" t="s">
        <v>11</v>
      </c>
      <c r="C17" s="110">
        <v>11626219</v>
      </c>
      <c r="D17" s="114">
        <v>16341789</v>
      </c>
      <c r="E17" s="171">
        <v>27968008</v>
      </c>
      <c r="F17" s="111">
        <v>0</v>
      </c>
      <c r="G17" s="114">
        <v>165139866</v>
      </c>
      <c r="H17" s="114">
        <v>134591491</v>
      </c>
      <c r="I17" s="114">
        <v>133910851</v>
      </c>
      <c r="J17" s="114">
        <v>128704690</v>
      </c>
      <c r="K17" s="114">
        <v>92409613</v>
      </c>
      <c r="L17" s="109">
        <v>654756511</v>
      </c>
      <c r="M17" s="116">
        <v>682724519</v>
      </c>
      <c r="N17" s="110">
        <v>1662880</v>
      </c>
      <c r="O17" s="114">
        <v>2816464</v>
      </c>
      <c r="P17" s="113">
        <v>4479344</v>
      </c>
      <c r="Q17" s="110">
        <v>0</v>
      </c>
      <c r="R17" s="114">
        <v>40327269</v>
      </c>
      <c r="S17" s="114">
        <v>36840048</v>
      </c>
      <c r="T17" s="114">
        <v>39661895</v>
      </c>
      <c r="U17" s="114">
        <v>43656556</v>
      </c>
      <c r="V17" s="114">
        <v>44060849</v>
      </c>
      <c r="W17" s="113">
        <v>204546617</v>
      </c>
      <c r="X17" s="116">
        <v>209025961</v>
      </c>
      <c r="Y17" s="110">
        <v>0</v>
      </c>
      <c r="Z17" s="114">
        <v>0</v>
      </c>
      <c r="AA17" s="113">
        <v>0</v>
      </c>
      <c r="AB17" s="110">
        <v>0</v>
      </c>
      <c r="AC17" s="114">
        <v>20307591</v>
      </c>
      <c r="AD17" s="114">
        <v>20292959</v>
      </c>
      <c r="AE17" s="114">
        <v>22644331</v>
      </c>
      <c r="AF17" s="114">
        <v>26286168</v>
      </c>
      <c r="AG17" s="114">
        <v>27153740</v>
      </c>
      <c r="AH17" s="113">
        <v>116684789</v>
      </c>
      <c r="AI17" s="116">
        <v>116684789</v>
      </c>
      <c r="AJ17" s="110">
        <v>0</v>
      </c>
      <c r="AK17" s="114">
        <v>8801</v>
      </c>
      <c r="AL17" s="113">
        <v>8801</v>
      </c>
      <c r="AM17" s="110">
        <v>0</v>
      </c>
      <c r="AN17" s="114">
        <v>89222</v>
      </c>
      <c r="AO17" s="114">
        <v>626371</v>
      </c>
      <c r="AP17" s="114">
        <v>1645829</v>
      </c>
      <c r="AQ17" s="114">
        <v>2663307</v>
      </c>
      <c r="AR17" s="114">
        <v>4460301</v>
      </c>
      <c r="AS17" s="113">
        <v>9485030</v>
      </c>
      <c r="AT17" s="116">
        <v>9493831</v>
      </c>
      <c r="AU17" s="110">
        <v>1009773</v>
      </c>
      <c r="AV17" s="114">
        <v>1951285</v>
      </c>
      <c r="AW17" s="113">
        <v>2961058</v>
      </c>
      <c r="AX17" s="110">
        <v>0</v>
      </c>
      <c r="AY17" s="114">
        <v>12605354</v>
      </c>
      <c r="AZ17" s="114">
        <v>9508380</v>
      </c>
      <c r="BA17" s="114">
        <v>9059760</v>
      </c>
      <c r="BB17" s="114">
        <v>8603761</v>
      </c>
      <c r="BC17" s="114">
        <v>8705506</v>
      </c>
      <c r="BD17" s="113">
        <v>48482761</v>
      </c>
      <c r="BE17" s="116">
        <v>51443819</v>
      </c>
      <c r="BF17" s="110">
        <v>103360</v>
      </c>
      <c r="BG17" s="114">
        <v>349788</v>
      </c>
      <c r="BH17" s="112">
        <v>453148</v>
      </c>
      <c r="BI17" s="111">
        <v>0</v>
      </c>
      <c r="BJ17" s="114">
        <v>1606456</v>
      </c>
      <c r="BK17" s="114">
        <v>1079127</v>
      </c>
      <c r="BL17" s="114">
        <v>912143</v>
      </c>
      <c r="BM17" s="114">
        <v>901721</v>
      </c>
      <c r="BN17" s="114">
        <v>155260</v>
      </c>
      <c r="BO17" s="113">
        <v>4654707</v>
      </c>
      <c r="BP17" s="116">
        <v>5107855</v>
      </c>
      <c r="BQ17" s="110">
        <v>549747</v>
      </c>
      <c r="BR17" s="114">
        <v>506590</v>
      </c>
      <c r="BS17" s="113">
        <v>1056337</v>
      </c>
      <c r="BT17" s="110">
        <v>0</v>
      </c>
      <c r="BU17" s="114">
        <v>5718646</v>
      </c>
      <c r="BV17" s="114">
        <v>5333211</v>
      </c>
      <c r="BW17" s="114">
        <v>5399832</v>
      </c>
      <c r="BX17" s="114">
        <v>5201599</v>
      </c>
      <c r="BY17" s="114">
        <v>3586042</v>
      </c>
      <c r="BZ17" s="113">
        <v>25239330</v>
      </c>
      <c r="CA17" s="116">
        <v>26295667</v>
      </c>
      <c r="CB17" s="110">
        <v>2566070</v>
      </c>
      <c r="CC17" s="114">
        <v>3942425</v>
      </c>
      <c r="CD17" s="113">
        <v>6508495</v>
      </c>
      <c r="CE17" s="110">
        <v>0</v>
      </c>
      <c r="CF17" s="114">
        <v>53680641</v>
      </c>
      <c r="CG17" s="114">
        <v>38882863</v>
      </c>
      <c r="CH17" s="114">
        <v>32509024</v>
      </c>
      <c r="CI17" s="114">
        <v>23944879</v>
      </c>
      <c r="CJ17" s="114">
        <v>12679896</v>
      </c>
      <c r="CK17" s="113">
        <v>161697303</v>
      </c>
      <c r="CL17" s="116">
        <v>168205798</v>
      </c>
      <c r="CM17" s="110">
        <v>0</v>
      </c>
      <c r="CN17" s="114">
        <v>0</v>
      </c>
      <c r="CO17" s="113">
        <v>0</v>
      </c>
      <c r="CP17" s="111">
        <v>0</v>
      </c>
      <c r="CQ17" s="114">
        <v>43047937</v>
      </c>
      <c r="CR17" s="114">
        <v>30282480</v>
      </c>
      <c r="CS17" s="114">
        <v>25594858</v>
      </c>
      <c r="CT17" s="114">
        <v>18604115</v>
      </c>
      <c r="CU17" s="114">
        <v>10958335</v>
      </c>
      <c r="CV17" s="113">
        <v>128487725</v>
      </c>
      <c r="CW17" s="116">
        <v>128487725</v>
      </c>
      <c r="CX17" s="110">
        <v>2566070</v>
      </c>
      <c r="CY17" s="114">
        <v>3942425</v>
      </c>
      <c r="CZ17" s="113">
        <v>6508495</v>
      </c>
      <c r="DA17" s="110">
        <v>0</v>
      </c>
      <c r="DB17" s="114">
        <v>10632704</v>
      </c>
      <c r="DC17" s="114">
        <v>8600383</v>
      </c>
      <c r="DD17" s="114">
        <v>6914166</v>
      </c>
      <c r="DE17" s="114">
        <v>5340764</v>
      </c>
      <c r="DF17" s="114">
        <v>1721561</v>
      </c>
      <c r="DG17" s="113">
        <v>33209578</v>
      </c>
      <c r="DH17" s="116">
        <v>39718073</v>
      </c>
      <c r="DI17" s="110">
        <v>112873</v>
      </c>
      <c r="DJ17" s="114">
        <v>332648</v>
      </c>
      <c r="DK17" s="112">
        <v>445521</v>
      </c>
      <c r="DL17" s="111">
        <v>0</v>
      </c>
      <c r="DM17" s="114">
        <v>4755633</v>
      </c>
      <c r="DN17" s="114">
        <v>6594048</v>
      </c>
      <c r="DO17" s="114">
        <v>12501144</v>
      </c>
      <c r="DP17" s="114">
        <v>8004399</v>
      </c>
      <c r="DQ17" s="114">
        <v>5065745</v>
      </c>
      <c r="DR17" s="113">
        <v>36920969</v>
      </c>
      <c r="DS17" s="116">
        <v>37366490</v>
      </c>
      <c r="DT17" s="110">
        <v>112873</v>
      </c>
      <c r="DU17" s="114">
        <v>332648</v>
      </c>
      <c r="DV17" s="113">
        <v>445521</v>
      </c>
      <c r="DW17" s="110">
        <v>0</v>
      </c>
      <c r="DX17" s="114">
        <v>4293259</v>
      </c>
      <c r="DY17" s="114">
        <v>6200226</v>
      </c>
      <c r="DZ17" s="114">
        <v>11104021</v>
      </c>
      <c r="EA17" s="114">
        <v>7470782</v>
      </c>
      <c r="EB17" s="114">
        <v>3826493</v>
      </c>
      <c r="EC17" s="113">
        <v>32894781</v>
      </c>
      <c r="ED17" s="116">
        <v>33340302</v>
      </c>
      <c r="EE17" s="110">
        <v>0</v>
      </c>
      <c r="EF17" s="112">
        <v>0</v>
      </c>
      <c r="EG17" s="113">
        <v>0</v>
      </c>
      <c r="EH17" s="110">
        <v>0</v>
      </c>
      <c r="EI17" s="114">
        <v>462374</v>
      </c>
      <c r="EJ17" s="114">
        <v>393822</v>
      </c>
      <c r="EK17" s="114">
        <v>1397123</v>
      </c>
      <c r="EL17" s="114">
        <v>533617</v>
      </c>
      <c r="EM17" s="114">
        <v>1239252</v>
      </c>
      <c r="EN17" s="112">
        <v>4026188</v>
      </c>
      <c r="EO17" s="116">
        <v>4026188</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8"/>
      <c r="FE17" s="114">
        <v>0</v>
      </c>
      <c r="FF17" s="114">
        <v>0</v>
      </c>
      <c r="FG17" s="114">
        <v>0</v>
      </c>
      <c r="FH17" s="114">
        <v>0</v>
      </c>
      <c r="FI17" s="114">
        <v>0</v>
      </c>
      <c r="FJ17" s="113">
        <v>0</v>
      </c>
      <c r="FK17" s="116">
        <v>0</v>
      </c>
      <c r="FL17" s="110">
        <v>2790721</v>
      </c>
      <c r="FM17" s="114">
        <v>3593284</v>
      </c>
      <c r="FN17" s="113">
        <v>6384005</v>
      </c>
      <c r="FO17" s="110">
        <v>0</v>
      </c>
      <c r="FP17" s="114">
        <v>7765219</v>
      </c>
      <c r="FQ17" s="114">
        <v>11512316</v>
      </c>
      <c r="FR17" s="114">
        <v>10616772</v>
      </c>
      <c r="FS17" s="114">
        <v>9606861</v>
      </c>
      <c r="FT17" s="114">
        <v>6533422</v>
      </c>
      <c r="FU17" s="113">
        <v>46034590</v>
      </c>
      <c r="FV17" s="116">
        <v>52418595</v>
      </c>
      <c r="FW17" s="115">
        <v>1888239</v>
      </c>
      <c r="FX17" s="114">
        <v>2660062</v>
      </c>
      <c r="FY17" s="112">
        <v>4548301</v>
      </c>
      <c r="FZ17" s="111">
        <v>0</v>
      </c>
      <c r="GA17" s="114">
        <v>6557077</v>
      </c>
      <c r="GB17" s="114">
        <v>10380824</v>
      </c>
      <c r="GC17" s="114">
        <v>9423847</v>
      </c>
      <c r="GD17" s="114">
        <v>9088515</v>
      </c>
      <c r="GE17" s="114">
        <v>6339562</v>
      </c>
      <c r="GF17" s="113">
        <v>41789825</v>
      </c>
      <c r="GG17" s="319">
        <v>46338126</v>
      </c>
      <c r="GH17" s="115">
        <v>238711</v>
      </c>
      <c r="GI17" s="114">
        <v>304455</v>
      </c>
      <c r="GJ17" s="112">
        <v>543166</v>
      </c>
      <c r="GK17" s="111">
        <v>0</v>
      </c>
      <c r="GL17" s="114">
        <v>517608</v>
      </c>
      <c r="GM17" s="114">
        <v>201747</v>
      </c>
      <c r="GN17" s="114">
        <v>350652</v>
      </c>
      <c r="GO17" s="114">
        <v>339696</v>
      </c>
      <c r="GP17" s="114">
        <v>21060</v>
      </c>
      <c r="GQ17" s="113">
        <v>1430763</v>
      </c>
      <c r="GR17" s="116">
        <v>1973929</v>
      </c>
      <c r="GS17" s="110">
        <v>663771</v>
      </c>
      <c r="GT17" s="114">
        <v>628767</v>
      </c>
      <c r="GU17" s="113">
        <v>1292538</v>
      </c>
      <c r="GV17" s="110">
        <v>0</v>
      </c>
      <c r="GW17" s="114">
        <v>690534</v>
      </c>
      <c r="GX17" s="114">
        <v>929745</v>
      </c>
      <c r="GY17" s="114">
        <v>842273</v>
      </c>
      <c r="GZ17" s="114">
        <v>178650</v>
      </c>
      <c r="HA17" s="114">
        <v>172800</v>
      </c>
      <c r="HB17" s="112">
        <v>2814002</v>
      </c>
      <c r="HC17" s="116">
        <v>4106540</v>
      </c>
      <c r="HD17" s="110">
        <v>2111228</v>
      </c>
      <c r="HE17" s="114">
        <v>3092190</v>
      </c>
      <c r="HF17" s="112">
        <v>5203418</v>
      </c>
      <c r="HG17" s="111">
        <v>0</v>
      </c>
      <c r="HH17" s="114">
        <v>30959558</v>
      </c>
      <c r="HI17" s="114">
        <v>25204797</v>
      </c>
      <c r="HJ17" s="114">
        <v>25599415</v>
      </c>
      <c r="HK17" s="114">
        <v>34404206</v>
      </c>
      <c r="HL17" s="114">
        <v>18658875</v>
      </c>
      <c r="HM17" s="113">
        <v>134826851</v>
      </c>
      <c r="HN17" s="109">
        <v>140030269</v>
      </c>
      <c r="HO17" s="115">
        <v>2382447</v>
      </c>
      <c r="HP17" s="114">
        <v>2564778</v>
      </c>
      <c r="HQ17" s="113">
        <v>4947225</v>
      </c>
      <c r="HR17" s="110">
        <v>0</v>
      </c>
      <c r="HS17" s="114">
        <v>27651546</v>
      </c>
      <c r="HT17" s="114">
        <v>15557419</v>
      </c>
      <c r="HU17" s="114">
        <v>13022601</v>
      </c>
      <c r="HV17" s="114">
        <v>9087789</v>
      </c>
      <c r="HW17" s="114">
        <v>5410826</v>
      </c>
      <c r="HX17" s="112">
        <v>70730181</v>
      </c>
      <c r="HY17" s="116">
        <v>75677406</v>
      </c>
      <c r="HZ17" s="131">
        <v>102905</v>
      </c>
      <c r="IA17" s="132">
        <v>2044477</v>
      </c>
      <c r="IB17" s="133">
        <v>2147382</v>
      </c>
      <c r="IC17" s="146">
        <v>0</v>
      </c>
      <c r="ID17" s="132">
        <v>52790983</v>
      </c>
      <c r="IE17" s="147">
        <v>49981182</v>
      </c>
      <c r="IF17" s="133">
        <v>44668704</v>
      </c>
      <c r="IG17" s="132">
        <v>34612530</v>
      </c>
      <c r="IH17" s="133">
        <v>15921724</v>
      </c>
      <c r="II17" s="148">
        <v>197975123</v>
      </c>
      <c r="IJ17" s="139">
        <v>200122505</v>
      </c>
      <c r="IK17" s="232">
        <v>0</v>
      </c>
      <c r="IL17" s="236">
        <v>0</v>
      </c>
      <c r="IM17" s="237">
        <v>0</v>
      </c>
      <c r="IN17" s="140"/>
      <c r="IO17" s="119">
        <v>1030353</v>
      </c>
      <c r="IP17" s="119">
        <v>757248</v>
      </c>
      <c r="IQ17" s="119">
        <v>914720</v>
      </c>
      <c r="IR17" s="119">
        <v>1489292</v>
      </c>
      <c r="IS17" s="119">
        <v>1848909</v>
      </c>
      <c r="IT17" s="141">
        <v>6040522</v>
      </c>
      <c r="IU17" s="321">
        <v>6040522</v>
      </c>
      <c r="IV17" s="142">
        <v>0</v>
      </c>
      <c r="IW17" s="119">
        <v>0</v>
      </c>
      <c r="IX17" s="120">
        <v>0</v>
      </c>
      <c r="IY17" s="144"/>
      <c r="IZ17" s="119">
        <v>158097</v>
      </c>
      <c r="JA17" s="119">
        <v>225102</v>
      </c>
      <c r="JB17" s="119">
        <v>166651</v>
      </c>
      <c r="JC17" s="119">
        <v>316541</v>
      </c>
      <c r="JD17" s="119">
        <v>85885</v>
      </c>
      <c r="JE17" s="120">
        <v>952276</v>
      </c>
      <c r="JF17" s="121">
        <v>952276</v>
      </c>
      <c r="JG17" s="142">
        <v>0</v>
      </c>
      <c r="JH17" s="119">
        <v>0</v>
      </c>
      <c r="JI17" s="141">
        <v>0</v>
      </c>
      <c r="JJ17" s="118">
        <v>0</v>
      </c>
      <c r="JK17" s="119">
        <v>29113257</v>
      </c>
      <c r="JL17" s="119">
        <v>20578671</v>
      </c>
      <c r="JM17" s="119">
        <v>15698137</v>
      </c>
      <c r="JN17" s="119">
        <v>10709936</v>
      </c>
      <c r="JO17" s="119">
        <v>3163757</v>
      </c>
      <c r="JP17" s="120">
        <v>79263758</v>
      </c>
      <c r="JQ17" s="321">
        <v>79263758</v>
      </c>
      <c r="JR17" s="142">
        <v>0</v>
      </c>
      <c r="JS17" s="119">
        <v>83574</v>
      </c>
      <c r="JT17" s="141">
        <v>83574</v>
      </c>
      <c r="JU17" s="118">
        <v>0</v>
      </c>
      <c r="JV17" s="119">
        <v>1590348</v>
      </c>
      <c r="JW17" s="119">
        <v>1161444</v>
      </c>
      <c r="JX17" s="119">
        <v>1089295</v>
      </c>
      <c r="JY17" s="119">
        <v>140401</v>
      </c>
      <c r="JZ17" s="119">
        <v>122029</v>
      </c>
      <c r="KA17" s="120">
        <v>4103517</v>
      </c>
      <c r="KB17" s="321">
        <v>4187091</v>
      </c>
      <c r="KC17" s="234">
        <v>102905</v>
      </c>
      <c r="KD17" s="230">
        <v>269049</v>
      </c>
      <c r="KE17" s="120">
        <v>371954</v>
      </c>
      <c r="KF17" s="118">
        <v>0</v>
      </c>
      <c r="KG17" s="119">
        <v>5882385</v>
      </c>
      <c r="KH17" s="119">
        <v>8438130</v>
      </c>
      <c r="KI17" s="119">
        <v>9884587</v>
      </c>
      <c r="KJ17" s="119">
        <v>5072583</v>
      </c>
      <c r="KK17" s="119">
        <v>1914551</v>
      </c>
      <c r="KL17" s="120">
        <v>31192236</v>
      </c>
      <c r="KM17" s="143">
        <v>31564190</v>
      </c>
      <c r="KN17" s="232">
        <v>0</v>
      </c>
      <c r="KO17" s="236">
        <v>1691854</v>
      </c>
      <c r="KP17" s="237">
        <v>1691854</v>
      </c>
      <c r="KQ17" s="140"/>
      <c r="KR17" s="119">
        <v>13996731</v>
      </c>
      <c r="KS17" s="119">
        <v>17752177</v>
      </c>
      <c r="KT17" s="119">
        <v>16389702</v>
      </c>
      <c r="KU17" s="119">
        <v>13685337</v>
      </c>
      <c r="KV17" s="119">
        <v>7701650</v>
      </c>
      <c r="KW17" s="120">
        <v>69525597</v>
      </c>
      <c r="KX17" s="321">
        <v>71217451</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35314</v>
      </c>
      <c r="LP17" s="119">
        <v>0</v>
      </c>
      <c r="LQ17" s="119">
        <v>0</v>
      </c>
      <c r="LR17" s="119">
        <v>0</v>
      </c>
      <c r="LS17" s="120">
        <v>235314</v>
      </c>
      <c r="LT17" s="321">
        <v>235314</v>
      </c>
      <c r="LU17" s="142">
        <v>0</v>
      </c>
      <c r="LV17" s="119">
        <v>0</v>
      </c>
      <c r="LW17" s="120">
        <v>0</v>
      </c>
      <c r="LX17" s="145"/>
      <c r="LY17" s="119">
        <v>1019812</v>
      </c>
      <c r="LZ17" s="119">
        <v>833096</v>
      </c>
      <c r="MA17" s="119">
        <v>525612</v>
      </c>
      <c r="MB17" s="119">
        <v>3198440</v>
      </c>
      <c r="MC17" s="119">
        <v>1084943</v>
      </c>
      <c r="MD17" s="120">
        <v>6661903</v>
      </c>
      <c r="ME17" s="121">
        <v>6661903</v>
      </c>
      <c r="MF17" s="142">
        <v>0</v>
      </c>
      <c r="MG17" s="119">
        <v>0</v>
      </c>
      <c r="MH17" s="120">
        <v>0</v>
      </c>
      <c r="MI17" s="145"/>
      <c r="MJ17" s="119">
        <v>19752720</v>
      </c>
      <c r="MK17" s="119">
        <v>26970948</v>
      </c>
      <c r="ML17" s="119">
        <v>89754862</v>
      </c>
      <c r="MM17" s="119">
        <v>144222062</v>
      </c>
      <c r="MN17" s="119">
        <v>80400626</v>
      </c>
      <c r="MO17" s="120">
        <v>361101218</v>
      </c>
      <c r="MP17" s="143">
        <v>361101218</v>
      </c>
      <c r="MQ17" s="142">
        <v>0</v>
      </c>
      <c r="MR17" s="119">
        <v>0</v>
      </c>
      <c r="MS17" s="120">
        <v>0</v>
      </c>
      <c r="MT17" s="145"/>
      <c r="MU17" s="119">
        <v>187614</v>
      </c>
      <c r="MV17" s="119">
        <v>1738374</v>
      </c>
      <c r="MW17" s="119">
        <v>52742138</v>
      </c>
      <c r="MX17" s="119">
        <v>92467278</v>
      </c>
      <c r="MY17" s="119">
        <v>53675254</v>
      </c>
      <c r="MZ17" s="120">
        <v>200810658</v>
      </c>
      <c r="NA17" s="143">
        <v>200810658</v>
      </c>
      <c r="NB17" s="142">
        <v>0</v>
      </c>
      <c r="NC17" s="119">
        <v>0</v>
      </c>
      <c r="ND17" s="120">
        <v>0</v>
      </c>
      <c r="NE17" s="145"/>
      <c r="NF17" s="119">
        <v>18783344</v>
      </c>
      <c r="NG17" s="119">
        <v>23738048</v>
      </c>
      <c r="NH17" s="119">
        <v>35646473</v>
      </c>
      <c r="NI17" s="119">
        <v>48422848</v>
      </c>
      <c r="NJ17" s="119">
        <v>18938252</v>
      </c>
      <c r="NK17" s="120">
        <v>145528965</v>
      </c>
      <c r="NL17" s="321">
        <v>145528965</v>
      </c>
      <c r="NM17" s="142">
        <v>0</v>
      </c>
      <c r="NN17" s="119">
        <v>0</v>
      </c>
      <c r="NO17" s="120">
        <v>0</v>
      </c>
      <c r="NP17" s="145"/>
      <c r="NQ17" s="119">
        <v>0</v>
      </c>
      <c r="NR17" s="119">
        <v>0</v>
      </c>
      <c r="NS17" s="119">
        <v>0</v>
      </c>
      <c r="NT17" s="119">
        <v>149533</v>
      </c>
      <c r="NU17" s="119">
        <v>360473</v>
      </c>
      <c r="NV17" s="120">
        <v>510006</v>
      </c>
      <c r="NW17" s="121">
        <v>510006</v>
      </c>
      <c r="NX17" s="142">
        <v>0</v>
      </c>
      <c r="NY17" s="119">
        <v>0</v>
      </c>
      <c r="NZ17" s="120">
        <v>0</v>
      </c>
      <c r="OA17" s="145"/>
      <c r="OB17" s="119">
        <v>781762</v>
      </c>
      <c r="OC17" s="119">
        <v>1494526</v>
      </c>
      <c r="OD17" s="119">
        <v>1366251</v>
      </c>
      <c r="OE17" s="119">
        <v>3182403</v>
      </c>
      <c r="OF17" s="119">
        <v>7426647</v>
      </c>
      <c r="OG17" s="120">
        <v>14251589</v>
      </c>
      <c r="OH17" s="121">
        <v>14251589</v>
      </c>
      <c r="OI17" s="142">
        <v>11729124</v>
      </c>
      <c r="OJ17" s="119">
        <v>18386266</v>
      </c>
      <c r="OK17" s="141">
        <v>30115390</v>
      </c>
      <c r="OL17" s="118">
        <v>0</v>
      </c>
      <c r="OM17" s="119">
        <v>237683569</v>
      </c>
      <c r="ON17" s="119">
        <v>211543621</v>
      </c>
      <c r="OO17" s="119">
        <v>268334417</v>
      </c>
      <c r="OP17" s="119">
        <v>307539282</v>
      </c>
      <c r="OQ17" s="119">
        <v>188731963</v>
      </c>
      <c r="OR17" s="120">
        <v>1213832852</v>
      </c>
      <c r="OS17" s="143">
        <v>1243948242</v>
      </c>
    </row>
    <row r="18" spans="2:409" ht="19.8" customHeight="1" x14ac:dyDescent="0.2">
      <c r="B18" s="62" t="s">
        <v>12</v>
      </c>
      <c r="C18" s="110">
        <v>16492977</v>
      </c>
      <c r="D18" s="114">
        <v>29122867</v>
      </c>
      <c r="E18" s="113">
        <v>45615844</v>
      </c>
      <c r="F18" s="109">
        <v>0</v>
      </c>
      <c r="G18" s="114">
        <v>122229390</v>
      </c>
      <c r="H18" s="170">
        <v>142293397</v>
      </c>
      <c r="I18" s="170">
        <v>139028426</v>
      </c>
      <c r="J18" s="170">
        <v>147308635</v>
      </c>
      <c r="K18" s="170">
        <v>106605148</v>
      </c>
      <c r="L18" s="112">
        <v>657464996</v>
      </c>
      <c r="M18" s="116">
        <v>703080840</v>
      </c>
      <c r="N18" s="110">
        <v>3303079</v>
      </c>
      <c r="O18" s="114">
        <v>7286541</v>
      </c>
      <c r="P18" s="113">
        <v>10589620</v>
      </c>
      <c r="Q18" s="110">
        <v>0</v>
      </c>
      <c r="R18" s="114">
        <v>33632211</v>
      </c>
      <c r="S18" s="114">
        <v>43169550</v>
      </c>
      <c r="T18" s="114">
        <v>40774459</v>
      </c>
      <c r="U18" s="114">
        <v>54702224</v>
      </c>
      <c r="V18" s="114">
        <v>51730668</v>
      </c>
      <c r="W18" s="113">
        <v>224009112</v>
      </c>
      <c r="X18" s="116">
        <v>234598732</v>
      </c>
      <c r="Y18" s="110">
        <v>0</v>
      </c>
      <c r="Z18" s="114">
        <v>0</v>
      </c>
      <c r="AA18" s="113">
        <v>0</v>
      </c>
      <c r="AB18" s="110">
        <v>0</v>
      </c>
      <c r="AC18" s="114">
        <v>19519760</v>
      </c>
      <c r="AD18" s="114">
        <v>24813578</v>
      </c>
      <c r="AE18" s="114">
        <v>25969163</v>
      </c>
      <c r="AF18" s="114">
        <v>35947279</v>
      </c>
      <c r="AG18" s="114">
        <v>34428927</v>
      </c>
      <c r="AH18" s="113">
        <v>140678707</v>
      </c>
      <c r="AI18" s="116">
        <v>140678707</v>
      </c>
      <c r="AJ18" s="110">
        <v>0</v>
      </c>
      <c r="AK18" s="114">
        <v>148067</v>
      </c>
      <c r="AL18" s="113">
        <v>148067</v>
      </c>
      <c r="AM18" s="110">
        <v>0</v>
      </c>
      <c r="AN18" s="114">
        <v>194379</v>
      </c>
      <c r="AO18" s="114">
        <v>926666</v>
      </c>
      <c r="AP18" s="114">
        <v>888260</v>
      </c>
      <c r="AQ18" s="114">
        <v>3898019</v>
      </c>
      <c r="AR18" s="114">
        <v>4562885</v>
      </c>
      <c r="AS18" s="113">
        <v>10470209</v>
      </c>
      <c r="AT18" s="116">
        <v>10618276</v>
      </c>
      <c r="AU18" s="110">
        <v>2327629</v>
      </c>
      <c r="AV18" s="114">
        <v>5438189</v>
      </c>
      <c r="AW18" s="113">
        <v>7765818</v>
      </c>
      <c r="AX18" s="110">
        <v>0</v>
      </c>
      <c r="AY18" s="114">
        <v>9098572</v>
      </c>
      <c r="AZ18" s="114">
        <v>10980863</v>
      </c>
      <c r="BA18" s="114">
        <v>8075650</v>
      </c>
      <c r="BB18" s="114">
        <v>8365089</v>
      </c>
      <c r="BC18" s="114">
        <v>7907280</v>
      </c>
      <c r="BD18" s="113">
        <v>44427454</v>
      </c>
      <c r="BE18" s="116">
        <v>52193272</v>
      </c>
      <c r="BF18" s="110">
        <v>111696</v>
      </c>
      <c r="BG18" s="114">
        <v>597707</v>
      </c>
      <c r="BH18" s="112">
        <v>709403</v>
      </c>
      <c r="BI18" s="111">
        <v>0</v>
      </c>
      <c r="BJ18" s="114">
        <v>591356</v>
      </c>
      <c r="BK18" s="114">
        <v>1991661</v>
      </c>
      <c r="BL18" s="114">
        <v>1064899</v>
      </c>
      <c r="BM18" s="114">
        <v>1004285</v>
      </c>
      <c r="BN18" s="114">
        <v>640460</v>
      </c>
      <c r="BO18" s="113">
        <v>5292661</v>
      </c>
      <c r="BP18" s="116">
        <v>6002064</v>
      </c>
      <c r="BQ18" s="110">
        <v>863754</v>
      </c>
      <c r="BR18" s="114">
        <v>1102578</v>
      </c>
      <c r="BS18" s="113">
        <v>1966332</v>
      </c>
      <c r="BT18" s="110">
        <v>0</v>
      </c>
      <c r="BU18" s="114">
        <v>4228144</v>
      </c>
      <c r="BV18" s="114">
        <v>4456782</v>
      </c>
      <c r="BW18" s="114">
        <v>4776487</v>
      </c>
      <c r="BX18" s="114">
        <v>5487552</v>
      </c>
      <c r="BY18" s="114">
        <v>4191116</v>
      </c>
      <c r="BZ18" s="113">
        <v>23140081</v>
      </c>
      <c r="CA18" s="116">
        <v>25106413</v>
      </c>
      <c r="CB18" s="110">
        <v>3422845</v>
      </c>
      <c r="CC18" s="114">
        <v>6460115</v>
      </c>
      <c r="CD18" s="113">
        <v>9882960</v>
      </c>
      <c r="CE18" s="110">
        <v>0</v>
      </c>
      <c r="CF18" s="114">
        <v>40587356</v>
      </c>
      <c r="CG18" s="114">
        <v>42716740</v>
      </c>
      <c r="CH18" s="114">
        <v>41488925</v>
      </c>
      <c r="CI18" s="114">
        <v>30070513</v>
      </c>
      <c r="CJ18" s="114">
        <v>15190206</v>
      </c>
      <c r="CK18" s="113">
        <v>170053740</v>
      </c>
      <c r="CL18" s="116">
        <v>179936700</v>
      </c>
      <c r="CM18" s="110">
        <v>0</v>
      </c>
      <c r="CN18" s="114">
        <v>0</v>
      </c>
      <c r="CO18" s="113">
        <v>0</v>
      </c>
      <c r="CP18" s="111">
        <v>0</v>
      </c>
      <c r="CQ18" s="114">
        <v>34062588</v>
      </c>
      <c r="CR18" s="114">
        <v>31024366</v>
      </c>
      <c r="CS18" s="114">
        <v>31955173</v>
      </c>
      <c r="CT18" s="114">
        <v>21874066</v>
      </c>
      <c r="CU18" s="114">
        <v>11875131</v>
      </c>
      <c r="CV18" s="113">
        <v>130791324</v>
      </c>
      <c r="CW18" s="116">
        <v>130791324</v>
      </c>
      <c r="CX18" s="110">
        <v>3422845</v>
      </c>
      <c r="CY18" s="114">
        <v>6460115</v>
      </c>
      <c r="CZ18" s="113">
        <v>9882960</v>
      </c>
      <c r="DA18" s="110">
        <v>0</v>
      </c>
      <c r="DB18" s="114">
        <v>6524768</v>
      </c>
      <c r="DC18" s="114">
        <v>11692374</v>
      </c>
      <c r="DD18" s="114">
        <v>9533752</v>
      </c>
      <c r="DE18" s="114">
        <v>8196447</v>
      </c>
      <c r="DF18" s="114">
        <v>3315075</v>
      </c>
      <c r="DG18" s="113">
        <v>39262416</v>
      </c>
      <c r="DH18" s="116">
        <v>49145376</v>
      </c>
      <c r="DI18" s="110">
        <v>169558</v>
      </c>
      <c r="DJ18" s="114">
        <v>442356</v>
      </c>
      <c r="DK18" s="112">
        <v>611914</v>
      </c>
      <c r="DL18" s="111">
        <v>0</v>
      </c>
      <c r="DM18" s="114">
        <v>5061617</v>
      </c>
      <c r="DN18" s="114">
        <v>6394951</v>
      </c>
      <c r="DO18" s="114">
        <v>10813300</v>
      </c>
      <c r="DP18" s="114">
        <v>12320285</v>
      </c>
      <c r="DQ18" s="114">
        <v>6086889</v>
      </c>
      <c r="DR18" s="113">
        <v>40677042</v>
      </c>
      <c r="DS18" s="116">
        <v>41288956</v>
      </c>
      <c r="DT18" s="110">
        <v>169558</v>
      </c>
      <c r="DU18" s="114">
        <v>336870</v>
      </c>
      <c r="DV18" s="113">
        <v>506428</v>
      </c>
      <c r="DW18" s="110">
        <v>0</v>
      </c>
      <c r="DX18" s="114">
        <v>4861321</v>
      </c>
      <c r="DY18" s="114">
        <v>6147356</v>
      </c>
      <c r="DZ18" s="114">
        <v>10595234</v>
      </c>
      <c r="EA18" s="114">
        <v>12099573</v>
      </c>
      <c r="EB18" s="114">
        <v>5993686</v>
      </c>
      <c r="EC18" s="113">
        <v>39697170</v>
      </c>
      <c r="ED18" s="116">
        <v>40203598</v>
      </c>
      <c r="EE18" s="110">
        <v>0</v>
      </c>
      <c r="EF18" s="112">
        <v>105486</v>
      </c>
      <c r="EG18" s="113">
        <v>105486</v>
      </c>
      <c r="EH18" s="110">
        <v>0</v>
      </c>
      <c r="EI18" s="114">
        <v>200296</v>
      </c>
      <c r="EJ18" s="114">
        <v>247595</v>
      </c>
      <c r="EK18" s="114">
        <v>218066</v>
      </c>
      <c r="EL18" s="114">
        <v>220712</v>
      </c>
      <c r="EM18" s="114">
        <v>93203</v>
      </c>
      <c r="EN18" s="112">
        <v>979872</v>
      </c>
      <c r="EO18" s="116">
        <v>1085358</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8"/>
      <c r="FE18" s="114">
        <v>0</v>
      </c>
      <c r="FF18" s="114">
        <v>0</v>
      </c>
      <c r="FG18" s="114">
        <v>0</v>
      </c>
      <c r="FH18" s="114">
        <v>0</v>
      </c>
      <c r="FI18" s="114">
        <v>0</v>
      </c>
      <c r="FJ18" s="113">
        <v>0</v>
      </c>
      <c r="FK18" s="116">
        <v>0</v>
      </c>
      <c r="FL18" s="110">
        <v>3322985</v>
      </c>
      <c r="FM18" s="114">
        <v>5940101</v>
      </c>
      <c r="FN18" s="113">
        <v>9263086</v>
      </c>
      <c r="FO18" s="110">
        <v>0</v>
      </c>
      <c r="FP18" s="114">
        <v>4363281</v>
      </c>
      <c r="FQ18" s="114">
        <v>13117460</v>
      </c>
      <c r="FR18" s="114">
        <v>12094490</v>
      </c>
      <c r="FS18" s="114">
        <v>12458775</v>
      </c>
      <c r="FT18" s="114">
        <v>7599184</v>
      </c>
      <c r="FU18" s="113">
        <v>49633190</v>
      </c>
      <c r="FV18" s="116">
        <v>58896276</v>
      </c>
      <c r="FW18" s="115">
        <v>2390353</v>
      </c>
      <c r="FX18" s="114">
        <v>4960164</v>
      </c>
      <c r="FY18" s="112">
        <v>7350517</v>
      </c>
      <c r="FZ18" s="111">
        <v>0</v>
      </c>
      <c r="GA18" s="114">
        <v>3375815</v>
      </c>
      <c r="GB18" s="114">
        <v>12405591</v>
      </c>
      <c r="GC18" s="114">
        <v>10654301</v>
      </c>
      <c r="GD18" s="114">
        <v>11857293</v>
      </c>
      <c r="GE18" s="114">
        <v>7410880</v>
      </c>
      <c r="GF18" s="113">
        <v>45703880</v>
      </c>
      <c r="GG18" s="319">
        <v>53054397</v>
      </c>
      <c r="GH18" s="115">
        <v>343276</v>
      </c>
      <c r="GI18" s="114">
        <v>201792</v>
      </c>
      <c r="GJ18" s="112">
        <v>545068</v>
      </c>
      <c r="GK18" s="111">
        <v>0</v>
      </c>
      <c r="GL18" s="114">
        <v>294673</v>
      </c>
      <c r="GM18" s="114">
        <v>318294</v>
      </c>
      <c r="GN18" s="114">
        <v>328713</v>
      </c>
      <c r="GO18" s="114">
        <v>300288</v>
      </c>
      <c r="GP18" s="114">
        <v>113454</v>
      </c>
      <c r="GQ18" s="113">
        <v>1355422</v>
      </c>
      <c r="GR18" s="116">
        <v>1900490</v>
      </c>
      <c r="GS18" s="110">
        <v>589356</v>
      </c>
      <c r="GT18" s="114">
        <v>778145</v>
      </c>
      <c r="GU18" s="113">
        <v>1367501</v>
      </c>
      <c r="GV18" s="110">
        <v>0</v>
      </c>
      <c r="GW18" s="114">
        <v>692793</v>
      </c>
      <c r="GX18" s="114">
        <v>393575</v>
      </c>
      <c r="GY18" s="114">
        <v>1111476</v>
      </c>
      <c r="GZ18" s="114">
        <v>301194</v>
      </c>
      <c r="HA18" s="114">
        <v>74850</v>
      </c>
      <c r="HB18" s="112">
        <v>2573888</v>
      </c>
      <c r="HC18" s="116">
        <v>3941389</v>
      </c>
      <c r="HD18" s="110">
        <v>2974402</v>
      </c>
      <c r="HE18" s="114">
        <v>4344053</v>
      </c>
      <c r="HF18" s="112">
        <v>7318455</v>
      </c>
      <c r="HG18" s="111">
        <v>0</v>
      </c>
      <c r="HH18" s="114">
        <v>18039330</v>
      </c>
      <c r="HI18" s="114">
        <v>19518373</v>
      </c>
      <c r="HJ18" s="114">
        <v>19624460</v>
      </c>
      <c r="HK18" s="114">
        <v>26524647</v>
      </c>
      <c r="HL18" s="114">
        <v>19691521</v>
      </c>
      <c r="HM18" s="113">
        <v>103398331</v>
      </c>
      <c r="HN18" s="109">
        <v>110716786</v>
      </c>
      <c r="HO18" s="115">
        <v>3300108</v>
      </c>
      <c r="HP18" s="114">
        <v>4649701</v>
      </c>
      <c r="HQ18" s="113">
        <v>7949809</v>
      </c>
      <c r="HR18" s="110">
        <v>0</v>
      </c>
      <c r="HS18" s="114">
        <v>20545595</v>
      </c>
      <c r="HT18" s="114">
        <v>17376323</v>
      </c>
      <c r="HU18" s="114">
        <v>14232792</v>
      </c>
      <c r="HV18" s="114">
        <v>11232191</v>
      </c>
      <c r="HW18" s="114">
        <v>6306680</v>
      </c>
      <c r="HX18" s="112">
        <v>69693581</v>
      </c>
      <c r="HY18" s="116">
        <v>77643390</v>
      </c>
      <c r="HZ18" s="150">
        <v>0</v>
      </c>
      <c r="IA18" s="135">
        <v>0</v>
      </c>
      <c r="IB18" s="150">
        <v>0</v>
      </c>
      <c r="IC18" s="134">
        <v>0</v>
      </c>
      <c r="ID18" s="135">
        <v>37591977</v>
      </c>
      <c r="IE18" s="136">
        <v>36886300</v>
      </c>
      <c r="IF18" s="137">
        <v>51156642</v>
      </c>
      <c r="IG18" s="135">
        <v>46509203</v>
      </c>
      <c r="IH18" s="137">
        <v>29953937</v>
      </c>
      <c r="II18" s="138">
        <v>202098059</v>
      </c>
      <c r="IJ18" s="150">
        <v>202098059</v>
      </c>
      <c r="IK18" s="232">
        <v>0</v>
      </c>
      <c r="IL18" s="236">
        <v>0</v>
      </c>
      <c r="IM18" s="237">
        <v>0</v>
      </c>
      <c r="IN18" s="140"/>
      <c r="IO18" s="119">
        <v>678775</v>
      </c>
      <c r="IP18" s="119">
        <v>508772</v>
      </c>
      <c r="IQ18" s="119">
        <v>1223361</v>
      </c>
      <c r="IR18" s="119">
        <v>1274720</v>
      </c>
      <c r="IS18" s="119">
        <v>1119551</v>
      </c>
      <c r="IT18" s="141">
        <v>4805179</v>
      </c>
      <c r="IU18" s="321">
        <v>4805179</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20585955</v>
      </c>
      <c r="JL18" s="119">
        <v>15141040</v>
      </c>
      <c r="JM18" s="119">
        <v>14656316</v>
      </c>
      <c r="JN18" s="119">
        <v>10271997</v>
      </c>
      <c r="JO18" s="119">
        <v>4704087</v>
      </c>
      <c r="JP18" s="120">
        <v>65359395</v>
      </c>
      <c r="JQ18" s="321">
        <v>65359395</v>
      </c>
      <c r="JR18" s="142">
        <v>0</v>
      </c>
      <c r="JS18" s="119">
        <v>0</v>
      </c>
      <c r="JT18" s="141">
        <v>0</v>
      </c>
      <c r="JU18" s="118">
        <v>0</v>
      </c>
      <c r="JV18" s="119">
        <v>308696</v>
      </c>
      <c r="JW18" s="119">
        <v>312014</v>
      </c>
      <c r="JX18" s="119">
        <v>117319</v>
      </c>
      <c r="JY18" s="119">
        <v>0</v>
      </c>
      <c r="JZ18" s="119">
        <v>216183</v>
      </c>
      <c r="KA18" s="120">
        <v>954212</v>
      </c>
      <c r="KB18" s="321">
        <v>954212</v>
      </c>
      <c r="KC18" s="234">
        <v>0</v>
      </c>
      <c r="KD18" s="230">
        <v>0</v>
      </c>
      <c r="KE18" s="120">
        <v>0</v>
      </c>
      <c r="KF18" s="118">
        <v>0</v>
      </c>
      <c r="KG18" s="119">
        <v>3043737</v>
      </c>
      <c r="KH18" s="119">
        <v>5585745</v>
      </c>
      <c r="KI18" s="119">
        <v>12814790</v>
      </c>
      <c r="KJ18" s="119">
        <v>12790901</v>
      </c>
      <c r="KK18" s="119">
        <v>8661810</v>
      </c>
      <c r="KL18" s="120">
        <v>42896983</v>
      </c>
      <c r="KM18" s="143">
        <v>42896983</v>
      </c>
      <c r="KN18" s="232">
        <v>0</v>
      </c>
      <c r="KO18" s="236">
        <v>0</v>
      </c>
      <c r="KP18" s="237">
        <v>0</v>
      </c>
      <c r="KQ18" s="140"/>
      <c r="KR18" s="119">
        <v>10913743</v>
      </c>
      <c r="KS18" s="119">
        <v>11293026</v>
      </c>
      <c r="KT18" s="119">
        <v>12984667</v>
      </c>
      <c r="KU18" s="119">
        <v>10247454</v>
      </c>
      <c r="KV18" s="119">
        <v>8127189</v>
      </c>
      <c r="KW18" s="120">
        <v>53566079</v>
      </c>
      <c r="KX18" s="321">
        <v>53566079</v>
      </c>
      <c r="KY18" s="142">
        <v>0</v>
      </c>
      <c r="KZ18" s="119">
        <v>0</v>
      </c>
      <c r="LA18" s="120">
        <v>0</v>
      </c>
      <c r="LB18" s="145"/>
      <c r="LC18" s="119">
        <v>182014</v>
      </c>
      <c r="LD18" s="119">
        <v>1447950</v>
      </c>
      <c r="LE18" s="119">
        <v>664422</v>
      </c>
      <c r="LF18" s="119">
        <v>2419151</v>
      </c>
      <c r="LG18" s="119">
        <v>556681</v>
      </c>
      <c r="LH18" s="120">
        <v>5270218</v>
      </c>
      <c r="LI18" s="121">
        <v>5270218</v>
      </c>
      <c r="LJ18" s="142">
        <v>0</v>
      </c>
      <c r="LK18" s="119">
        <v>0</v>
      </c>
      <c r="LL18" s="120">
        <v>0</v>
      </c>
      <c r="LM18" s="145"/>
      <c r="LN18" s="119">
        <v>230816</v>
      </c>
      <c r="LO18" s="119">
        <v>518797</v>
      </c>
      <c r="LP18" s="119">
        <v>3480929</v>
      </c>
      <c r="LQ18" s="119">
        <v>2691525</v>
      </c>
      <c r="LR18" s="119">
        <v>1169040</v>
      </c>
      <c r="LS18" s="120">
        <v>8091107</v>
      </c>
      <c r="LT18" s="321">
        <v>8091107</v>
      </c>
      <c r="LU18" s="142">
        <v>0</v>
      </c>
      <c r="LV18" s="119">
        <v>0</v>
      </c>
      <c r="LW18" s="120">
        <v>0</v>
      </c>
      <c r="LX18" s="145"/>
      <c r="LY18" s="119">
        <v>1648241</v>
      </c>
      <c r="LZ18" s="119">
        <v>2078956</v>
      </c>
      <c r="MA18" s="119">
        <v>5214838</v>
      </c>
      <c r="MB18" s="119">
        <v>6813455</v>
      </c>
      <c r="MC18" s="119">
        <v>5399396</v>
      </c>
      <c r="MD18" s="120">
        <v>21154886</v>
      </c>
      <c r="ME18" s="121">
        <v>21154886</v>
      </c>
      <c r="MF18" s="142">
        <v>0</v>
      </c>
      <c r="MG18" s="119">
        <v>0</v>
      </c>
      <c r="MH18" s="120">
        <v>0</v>
      </c>
      <c r="MI18" s="145"/>
      <c r="MJ18" s="119">
        <v>12426468</v>
      </c>
      <c r="MK18" s="119">
        <v>25660323</v>
      </c>
      <c r="ML18" s="119">
        <v>91175167</v>
      </c>
      <c r="MM18" s="119">
        <v>137211856</v>
      </c>
      <c r="MN18" s="119">
        <v>94730178</v>
      </c>
      <c r="MO18" s="120">
        <v>361203992</v>
      </c>
      <c r="MP18" s="143">
        <v>361203992</v>
      </c>
      <c r="MQ18" s="142">
        <v>0</v>
      </c>
      <c r="MR18" s="119">
        <v>0</v>
      </c>
      <c r="MS18" s="120">
        <v>0</v>
      </c>
      <c r="MT18" s="145"/>
      <c r="MU18" s="119">
        <v>478195</v>
      </c>
      <c r="MV18" s="119">
        <v>3859113</v>
      </c>
      <c r="MW18" s="119">
        <v>46437571</v>
      </c>
      <c r="MX18" s="119">
        <v>81214694</v>
      </c>
      <c r="MY18" s="119">
        <v>68235994</v>
      </c>
      <c r="MZ18" s="120">
        <v>200225567</v>
      </c>
      <c r="NA18" s="143">
        <v>200225567</v>
      </c>
      <c r="NB18" s="142">
        <v>0</v>
      </c>
      <c r="NC18" s="119">
        <v>0</v>
      </c>
      <c r="ND18" s="120">
        <v>0</v>
      </c>
      <c r="NE18" s="145"/>
      <c r="NF18" s="119">
        <v>11948273</v>
      </c>
      <c r="NG18" s="119">
        <v>21505333</v>
      </c>
      <c r="NH18" s="119">
        <v>44064636</v>
      </c>
      <c r="NI18" s="119">
        <v>50374948</v>
      </c>
      <c r="NJ18" s="119">
        <v>21274760</v>
      </c>
      <c r="NK18" s="120">
        <v>149167950</v>
      </c>
      <c r="NL18" s="321">
        <v>149167950</v>
      </c>
      <c r="NM18" s="142">
        <v>0</v>
      </c>
      <c r="NN18" s="119">
        <v>0</v>
      </c>
      <c r="NO18" s="120">
        <v>0</v>
      </c>
      <c r="NP18" s="145"/>
      <c r="NQ18" s="119">
        <v>0</v>
      </c>
      <c r="NR18" s="119">
        <v>0</v>
      </c>
      <c r="NS18" s="119">
        <v>0</v>
      </c>
      <c r="NT18" s="119">
        <v>0</v>
      </c>
      <c r="NU18" s="119">
        <v>742824</v>
      </c>
      <c r="NV18" s="120">
        <v>742824</v>
      </c>
      <c r="NW18" s="121">
        <v>742824</v>
      </c>
      <c r="NX18" s="142">
        <v>0</v>
      </c>
      <c r="NY18" s="119">
        <v>0</v>
      </c>
      <c r="NZ18" s="120">
        <v>0</v>
      </c>
      <c r="OA18" s="145"/>
      <c r="OB18" s="119">
        <v>0</v>
      </c>
      <c r="OC18" s="119">
        <v>295877</v>
      </c>
      <c r="OD18" s="119">
        <v>672960</v>
      </c>
      <c r="OE18" s="119">
        <v>5622214</v>
      </c>
      <c r="OF18" s="119">
        <v>4476600</v>
      </c>
      <c r="OG18" s="120">
        <v>11067651</v>
      </c>
      <c r="OH18" s="121">
        <v>11067651</v>
      </c>
      <c r="OI18" s="142">
        <v>16492977</v>
      </c>
      <c r="OJ18" s="119">
        <v>29122867</v>
      </c>
      <c r="OK18" s="141">
        <v>45615844</v>
      </c>
      <c r="OL18" s="118">
        <v>0</v>
      </c>
      <c r="OM18" s="119">
        <v>172247835</v>
      </c>
      <c r="ON18" s="119">
        <v>204840020</v>
      </c>
      <c r="OO18" s="119">
        <v>281360235</v>
      </c>
      <c r="OP18" s="119">
        <v>331029694</v>
      </c>
      <c r="OQ18" s="119">
        <v>231289263</v>
      </c>
      <c r="OR18" s="120">
        <v>1220767047</v>
      </c>
      <c r="OS18" s="143">
        <v>1266382891</v>
      </c>
    </row>
    <row r="19" spans="2:409" ht="19.8" customHeight="1" x14ac:dyDescent="0.2">
      <c r="B19" s="62" t="s">
        <v>13</v>
      </c>
      <c r="C19" s="110">
        <v>3679998</v>
      </c>
      <c r="D19" s="114">
        <v>6463573</v>
      </c>
      <c r="E19" s="113">
        <v>10143571</v>
      </c>
      <c r="F19" s="110">
        <v>0</v>
      </c>
      <c r="G19" s="170">
        <v>50337867</v>
      </c>
      <c r="H19" s="114">
        <v>58183758</v>
      </c>
      <c r="I19" s="114">
        <v>59969712</v>
      </c>
      <c r="J19" s="114">
        <v>58192033</v>
      </c>
      <c r="K19" s="114">
        <v>51149588</v>
      </c>
      <c r="L19" s="112">
        <v>277832958</v>
      </c>
      <c r="M19" s="116">
        <v>287976529</v>
      </c>
      <c r="N19" s="110">
        <v>848494</v>
      </c>
      <c r="O19" s="114">
        <v>1435269</v>
      </c>
      <c r="P19" s="113">
        <v>2283763</v>
      </c>
      <c r="Q19" s="110">
        <v>0</v>
      </c>
      <c r="R19" s="114">
        <v>13566138</v>
      </c>
      <c r="S19" s="114">
        <v>18855210</v>
      </c>
      <c r="T19" s="114">
        <v>18700754</v>
      </c>
      <c r="U19" s="114">
        <v>21169475</v>
      </c>
      <c r="V19" s="114">
        <v>26111574</v>
      </c>
      <c r="W19" s="113">
        <v>98403151</v>
      </c>
      <c r="X19" s="116">
        <v>100686914</v>
      </c>
      <c r="Y19" s="110">
        <v>0</v>
      </c>
      <c r="Z19" s="114">
        <v>0</v>
      </c>
      <c r="AA19" s="113">
        <v>0</v>
      </c>
      <c r="AB19" s="110">
        <v>0</v>
      </c>
      <c r="AC19" s="114">
        <v>6365642</v>
      </c>
      <c r="AD19" s="114">
        <v>9691652</v>
      </c>
      <c r="AE19" s="114">
        <v>11025118</v>
      </c>
      <c r="AF19" s="114">
        <v>12685750</v>
      </c>
      <c r="AG19" s="114">
        <v>17091197</v>
      </c>
      <c r="AH19" s="113">
        <v>56859359</v>
      </c>
      <c r="AI19" s="116">
        <v>56859359</v>
      </c>
      <c r="AJ19" s="110">
        <v>27269</v>
      </c>
      <c r="AK19" s="114">
        <v>0</v>
      </c>
      <c r="AL19" s="113">
        <v>27269</v>
      </c>
      <c r="AM19" s="110">
        <v>0</v>
      </c>
      <c r="AN19" s="114">
        <v>0</v>
      </c>
      <c r="AO19" s="114">
        <v>211543</v>
      </c>
      <c r="AP19" s="114">
        <v>439519</v>
      </c>
      <c r="AQ19" s="114">
        <v>1023723</v>
      </c>
      <c r="AR19" s="114">
        <v>2260767</v>
      </c>
      <c r="AS19" s="113">
        <v>3935552</v>
      </c>
      <c r="AT19" s="116">
        <v>3962821</v>
      </c>
      <c r="AU19" s="110">
        <v>277195</v>
      </c>
      <c r="AV19" s="114">
        <v>764021</v>
      </c>
      <c r="AW19" s="113">
        <v>1041216</v>
      </c>
      <c r="AX19" s="110">
        <v>0</v>
      </c>
      <c r="AY19" s="114">
        <v>3958429</v>
      </c>
      <c r="AZ19" s="114">
        <v>5435558</v>
      </c>
      <c r="BA19" s="114">
        <v>4074323</v>
      </c>
      <c r="BB19" s="114">
        <v>4488479</v>
      </c>
      <c r="BC19" s="114">
        <v>4324217</v>
      </c>
      <c r="BD19" s="113">
        <v>22281006</v>
      </c>
      <c r="BE19" s="116">
        <v>23322222</v>
      </c>
      <c r="BF19" s="110">
        <v>83798</v>
      </c>
      <c r="BG19" s="114">
        <v>197965</v>
      </c>
      <c r="BH19" s="112">
        <v>281763</v>
      </c>
      <c r="BI19" s="111">
        <v>0</v>
      </c>
      <c r="BJ19" s="114">
        <v>602609</v>
      </c>
      <c r="BK19" s="114">
        <v>926372</v>
      </c>
      <c r="BL19" s="114">
        <v>218192</v>
      </c>
      <c r="BM19" s="114">
        <v>399014</v>
      </c>
      <c r="BN19" s="114">
        <v>176149</v>
      </c>
      <c r="BO19" s="113">
        <v>2322336</v>
      </c>
      <c r="BP19" s="116">
        <v>2604099</v>
      </c>
      <c r="BQ19" s="110">
        <v>460232</v>
      </c>
      <c r="BR19" s="114">
        <v>473283</v>
      </c>
      <c r="BS19" s="113">
        <v>933515</v>
      </c>
      <c r="BT19" s="110">
        <v>0</v>
      </c>
      <c r="BU19" s="114">
        <v>2639458</v>
      </c>
      <c r="BV19" s="114">
        <v>2590085</v>
      </c>
      <c r="BW19" s="114">
        <v>2943602</v>
      </c>
      <c r="BX19" s="114">
        <v>2572509</v>
      </c>
      <c r="BY19" s="114">
        <v>2259244</v>
      </c>
      <c r="BZ19" s="113">
        <v>13004898</v>
      </c>
      <c r="CA19" s="116">
        <v>13938413</v>
      </c>
      <c r="CB19" s="110">
        <v>269764</v>
      </c>
      <c r="CC19" s="114">
        <v>1131049</v>
      </c>
      <c r="CD19" s="113">
        <v>1400813</v>
      </c>
      <c r="CE19" s="110">
        <v>0</v>
      </c>
      <c r="CF19" s="114">
        <v>10653999</v>
      </c>
      <c r="CG19" s="114">
        <v>13125767</v>
      </c>
      <c r="CH19" s="114">
        <v>11596344</v>
      </c>
      <c r="CI19" s="114">
        <v>9319872</v>
      </c>
      <c r="CJ19" s="114">
        <v>4626655</v>
      </c>
      <c r="CK19" s="113">
        <v>49322637</v>
      </c>
      <c r="CL19" s="116">
        <v>50723450</v>
      </c>
      <c r="CM19" s="110">
        <v>0</v>
      </c>
      <c r="CN19" s="114">
        <v>0</v>
      </c>
      <c r="CO19" s="113">
        <v>0</v>
      </c>
      <c r="CP19" s="111">
        <v>0</v>
      </c>
      <c r="CQ19" s="114">
        <v>9556467</v>
      </c>
      <c r="CR19" s="114">
        <v>11243544</v>
      </c>
      <c r="CS19" s="114">
        <v>9865030</v>
      </c>
      <c r="CT19" s="114">
        <v>7490356</v>
      </c>
      <c r="CU19" s="114">
        <v>3338775</v>
      </c>
      <c r="CV19" s="113">
        <v>41494172</v>
      </c>
      <c r="CW19" s="116">
        <v>41494172</v>
      </c>
      <c r="CX19" s="110">
        <v>269764</v>
      </c>
      <c r="CY19" s="114">
        <v>1131049</v>
      </c>
      <c r="CZ19" s="113">
        <v>1400813</v>
      </c>
      <c r="DA19" s="110">
        <v>0</v>
      </c>
      <c r="DB19" s="114">
        <v>1097532</v>
      </c>
      <c r="DC19" s="114">
        <v>1882223</v>
      </c>
      <c r="DD19" s="114">
        <v>1731314</v>
      </c>
      <c r="DE19" s="114">
        <v>1829516</v>
      </c>
      <c r="DF19" s="114">
        <v>1287880</v>
      </c>
      <c r="DG19" s="113">
        <v>7828465</v>
      </c>
      <c r="DH19" s="116">
        <v>9229278</v>
      </c>
      <c r="DI19" s="110">
        <v>0</v>
      </c>
      <c r="DJ19" s="114">
        <v>0</v>
      </c>
      <c r="DK19" s="112">
        <v>0</v>
      </c>
      <c r="DL19" s="111">
        <v>0</v>
      </c>
      <c r="DM19" s="114">
        <v>950662</v>
      </c>
      <c r="DN19" s="114">
        <v>1963316</v>
      </c>
      <c r="DO19" s="114">
        <v>5445446</v>
      </c>
      <c r="DP19" s="114">
        <v>5835580</v>
      </c>
      <c r="DQ19" s="114">
        <v>3513544</v>
      </c>
      <c r="DR19" s="113">
        <v>17708548</v>
      </c>
      <c r="DS19" s="116">
        <v>17708548</v>
      </c>
      <c r="DT19" s="110">
        <v>0</v>
      </c>
      <c r="DU19" s="114">
        <v>0</v>
      </c>
      <c r="DV19" s="113">
        <v>0</v>
      </c>
      <c r="DW19" s="110">
        <v>0</v>
      </c>
      <c r="DX19" s="114">
        <v>897643</v>
      </c>
      <c r="DY19" s="114">
        <v>1406638</v>
      </c>
      <c r="DZ19" s="114">
        <v>5267805</v>
      </c>
      <c r="EA19" s="114">
        <v>5420203</v>
      </c>
      <c r="EB19" s="114">
        <v>3419674</v>
      </c>
      <c r="EC19" s="113">
        <v>16411963</v>
      </c>
      <c r="ED19" s="116">
        <v>16411963</v>
      </c>
      <c r="EE19" s="110">
        <v>0</v>
      </c>
      <c r="EF19" s="112">
        <v>0</v>
      </c>
      <c r="EG19" s="113">
        <v>0</v>
      </c>
      <c r="EH19" s="110">
        <v>0</v>
      </c>
      <c r="EI19" s="114">
        <v>53019</v>
      </c>
      <c r="EJ19" s="114">
        <v>556678</v>
      </c>
      <c r="EK19" s="114">
        <v>177641</v>
      </c>
      <c r="EL19" s="114">
        <v>415377</v>
      </c>
      <c r="EM19" s="114">
        <v>93870</v>
      </c>
      <c r="EN19" s="112">
        <v>1296585</v>
      </c>
      <c r="EO19" s="116">
        <v>1296585</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8"/>
      <c r="FE19" s="114">
        <v>0</v>
      </c>
      <c r="FF19" s="114">
        <v>0</v>
      </c>
      <c r="FG19" s="114">
        <v>0</v>
      </c>
      <c r="FH19" s="114">
        <v>0</v>
      </c>
      <c r="FI19" s="114">
        <v>0</v>
      </c>
      <c r="FJ19" s="113">
        <v>0</v>
      </c>
      <c r="FK19" s="116">
        <v>0</v>
      </c>
      <c r="FL19" s="110">
        <v>643905</v>
      </c>
      <c r="FM19" s="114">
        <v>1080642</v>
      </c>
      <c r="FN19" s="113">
        <v>1724547</v>
      </c>
      <c r="FO19" s="110">
        <v>0</v>
      </c>
      <c r="FP19" s="114">
        <v>2406312</v>
      </c>
      <c r="FQ19" s="114">
        <v>5704695</v>
      </c>
      <c r="FR19" s="114">
        <v>3955420</v>
      </c>
      <c r="FS19" s="114">
        <v>3565359</v>
      </c>
      <c r="FT19" s="114">
        <v>2918809</v>
      </c>
      <c r="FU19" s="113">
        <v>18550595</v>
      </c>
      <c r="FV19" s="116">
        <v>20275142</v>
      </c>
      <c r="FW19" s="115">
        <v>340103</v>
      </c>
      <c r="FX19" s="114">
        <v>805215</v>
      </c>
      <c r="FY19" s="112">
        <v>1145318</v>
      </c>
      <c r="FZ19" s="111">
        <v>0</v>
      </c>
      <c r="GA19" s="114">
        <v>1761788</v>
      </c>
      <c r="GB19" s="114">
        <v>5012986</v>
      </c>
      <c r="GC19" s="114">
        <v>3650831</v>
      </c>
      <c r="GD19" s="114">
        <v>3522407</v>
      </c>
      <c r="GE19" s="114">
        <v>2862037</v>
      </c>
      <c r="GF19" s="113">
        <v>16810049</v>
      </c>
      <c r="GG19" s="319">
        <v>17955367</v>
      </c>
      <c r="GH19" s="115">
        <v>14652</v>
      </c>
      <c r="GI19" s="114">
        <v>51381</v>
      </c>
      <c r="GJ19" s="112">
        <v>66033</v>
      </c>
      <c r="GK19" s="111">
        <v>0</v>
      </c>
      <c r="GL19" s="114">
        <v>86763</v>
      </c>
      <c r="GM19" s="114">
        <v>269542</v>
      </c>
      <c r="GN19" s="114">
        <v>141425</v>
      </c>
      <c r="GO19" s="114">
        <v>9652</v>
      </c>
      <c r="GP19" s="114">
        <v>56772</v>
      </c>
      <c r="GQ19" s="113">
        <v>564154</v>
      </c>
      <c r="GR19" s="116">
        <v>630187</v>
      </c>
      <c r="GS19" s="110">
        <v>289150</v>
      </c>
      <c r="GT19" s="114">
        <v>224046</v>
      </c>
      <c r="GU19" s="113">
        <v>513196</v>
      </c>
      <c r="GV19" s="110">
        <v>0</v>
      </c>
      <c r="GW19" s="114">
        <v>557761</v>
      </c>
      <c r="GX19" s="114">
        <v>422167</v>
      </c>
      <c r="GY19" s="114">
        <v>163164</v>
      </c>
      <c r="GZ19" s="114">
        <v>33300</v>
      </c>
      <c r="HA19" s="114">
        <v>0</v>
      </c>
      <c r="HB19" s="112">
        <v>1176392</v>
      </c>
      <c r="HC19" s="116">
        <v>1689588</v>
      </c>
      <c r="HD19" s="110">
        <v>1487261</v>
      </c>
      <c r="HE19" s="114">
        <v>1840933</v>
      </c>
      <c r="HF19" s="112">
        <v>3328194</v>
      </c>
      <c r="HG19" s="111">
        <v>0</v>
      </c>
      <c r="HH19" s="114">
        <v>14909156</v>
      </c>
      <c r="HI19" s="114">
        <v>11018808</v>
      </c>
      <c r="HJ19" s="114">
        <v>14819513</v>
      </c>
      <c r="HK19" s="114">
        <v>14191948</v>
      </c>
      <c r="HL19" s="114">
        <v>10942504</v>
      </c>
      <c r="HM19" s="113">
        <v>65881929</v>
      </c>
      <c r="HN19" s="109">
        <v>69210123</v>
      </c>
      <c r="HO19" s="115">
        <v>430574</v>
      </c>
      <c r="HP19" s="114">
        <v>975680</v>
      </c>
      <c r="HQ19" s="113">
        <v>1406254</v>
      </c>
      <c r="HR19" s="110">
        <v>0</v>
      </c>
      <c r="HS19" s="114">
        <v>7851600</v>
      </c>
      <c r="HT19" s="114">
        <v>7515962</v>
      </c>
      <c r="HU19" s="114">
        <v>5452235</v>
      </c>
      <c r="HV19" s="114">
        <v>4109799</v>
      </c>
      <c r="HW19" s="114">
        <v>3036502</v>
      </c>
      <c r="HX19" s="112">
        <v>27966098</v>
      </c>
      <c r="HY19" s="116">
        <v>29372352</v>
      </c>
      <c r="HZ19" s="131">
        <v>32984</v>
      </c>
      <c r="IA19" s="132">
        <v>133316</v>
      </c>
      <c r="IB19" s="133">
        <v>166300</v>
      </c>
      <c r="IC19" s="146">
        <v>0</v>
      </c>
      <c r="ID19" s="132">
        <v>10720731</v>
      </c>
      <c r="IE19" s="147">
        <v>14708479</v>
      </c>
      <c r="IF19" s="133">
        <v>13468387</v>
      </c>
      <c r="IG19" s="132">
        <v>12245616</v>
      </c>
      <c r="IH19" s="133">
        <v>5220863</v>
      </c>
      <c r="II19" s="148">
        <v>56364076</v>
      </c>
      <c r="IJ19" s="139">
        <v>56530376</v>
      </c>
      <c r="IK19" s="232">
        <v>0</v>
      </c>
      <c r="IL19" s="236">
        <v>0</v>
      </c>
      <c r="IM19" s="237">
        <v>0</v>
      </c>
      <c r="IN19" s="140"/>
      <c r="IO19" s="119">
        <v>80904</v>
      </c>
      <c r="IP19" s="119">
        <v>136457</v>
      </c>
      <c r="IQ19" s="119">
        <v>205695</v>
      </c>
      <c r="IR19" s="119">
        <v>0</v>
      </c>
      <c r="IS19" s="119">
        <v>0</v>
      </c>
      <c r="IT19" s="141">
        <v>423056</v>
      </c>
      <c r="IU19" s="321">
        <v>423056</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499485</v>
      </c>
      <c r="JL19" s="119">
        <v>8365417</v>
      </c>
      <c r="JM19" s="119">
        <v>4864831</v>
      </c>
      <c r="JN19" s="119">
        <v>3642927</v>
      </c>
      <c r="JO19" s="119">
        <v>1543223</v>
      </c>
      <c r="JP19" s="120">
        <v>24915883</v>
      </c>
      <c r="JQ19" s="321">
        <v>24915883</v>
      </c>
      <c r="JR19" s="142">
        <v>0</v>
      </c>
      <c r="JS19" s="119">
        <v>0</v>
      </c>
      <c r="JT19" s="141">
        <v>0</v>
      </c>
      <c r="JU19" s="118">
        <v>0</v>
      </c>
      <c r="JV19" s="119">
        <v>212199</v>
      </c>
      <c r="JW19" s="119">
        <v>91673</v>
      </c>
      <c r="JX19" s="119">
        <v>549849</v>
      </c>
      <c r="JY19" s="119">
        <v>404356</v>
      </c>
      <c r="JZ19" s="119">
        <v>114600</v>
      </c>
      <c r="KA19" s="120">
        <v>1372677</v>
      </c>
      <c r="KB19" s="321">
        <v>1372677</v>
      </c>
      <c r="KC19" s="234">
        <v>32984</v>
      </c>
      <c r="KD19" s="230">
        <v>133316</v>
      </c>
      <c r="KE19" s="120">
        <v>166300</v>
      </c>
      <c r="KF19" s="118">
        <v>0</v>
      </c>
      <c r="KG19" s="119">
        <v>1667038</v>
      </c>
      <c r="KH19" s="119">
        <v>1686275</v>
      </c>
      <c r="KI19" s="119">
        <v>1136564</v>
      </c>
      <c r="KJ19" s="119">
        <v>1316054</v>
      </c>
      <c r="KK19" s="119">
        <v>319997</v>
      </c>
      <c r="KL19" s="120">
        <v>6125928</v>
      </c>
      <c r="KM19" s="143">
        <v>6292228</v>
      </c>
      <c r="KN19" s="232">
        <v>0</v>
      </c>
      <c r="KO19" s="236">
        <v>0</v>
      </c>
      <c r="KP19" s="237">
        <v>0</v>
      </c>
      <c r="KQ19" s="140"/>
      <c r="KR19" s="119">
        <v>2261105</v>
      </c>
      <c r="KS19" s="119">
        <v>4428657</v>
      </c>
      <c r="KT19" s="119">
        <v>6164310</v>
      </c>
      <c r="KU19" s="119">
        <v>4898102</v>
      </c>
      <c r="KV19" s="119">
        <v>2082995</v>
      </c>
      <c r="KW19" s="120">
        <v>19835169</v>
      </c>
      <c r="KX19" s="321">
        <v>19835169</v>
      </c>
      <c r="KY19" s="142">
        <v>0</v>
      </c>
      <c r="KZ19" s="119">
        <v>0</v>
      </c>
      <c r="LA19" s="120">
        <v>0</v>
      </c>
      <c r="LB19" s="145"/>
      <c r="LC19" s="119">
        <v>0</v>
      </c>
      <c r="LD19" s="119">
        <v>0</v>
      </c>
      <c r="LE19" s="119">
        <v>547138</v>
      </c>
      <c r="LF19" s="119">
        <v>1984177</v>
      </c>
      <c r="LG19" s="119">
        <v>1160048</v>
      </c>
      <c r="LH19" s="120">
        <v>3691363</v>
      </c>
      <c r="LI19" s="121">
        <v>3691363</v>
      </c>
      <c r="LJ19" s="142">
        <v>0</v>
      </c>
      <c r="LK19" s="119">
        <v>0</v>
      </c>
      <c r="LL19" s="120">
        <v>0</v>
      </c>
      <c r="LM19" s="145"/>
      <c r="LN19" s="119">
        <v>0</v>
      </c>
      <c r="LO19" s="119">
        <v>0</v>
      </c>
      <c r="LP19" s="119">
        <v>0</v>
      </c>
      <c r="LQ19" s="119">
        <v>0</v>
      </c>
      <c r="LR19" s="119">
        <v>0</v>
      </c>
      <c r="LS19" s="120">
        <v>0</v>
      </c>
      <c r="LT19" s="321">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4051408</v>
      </c>
      <c r="MK19" s="119">
        <v>7901116</v>
      </c>
      <c r="ML19" s="119">
        <v>26633576</v>
      </c>
      <c r="MM19" s="119">
        <v>46101286</v>
      </c>
      <c r="MN19" s="119">
        <v>40403913</v>
      </c>
      <c r="MO19" s="120">
        <v>125091299</v>
      </c>
      <c r="MP19" s="143">
        <v>125091299</v>
      </c>
      <c r="MQ19" s="142">
        <v>0</v>
      </c>
      <c r="MR19" s="119">
        <v>0</v>
      </c>
      <c r="MS19" s="120">
        <v>0</v>
      </c>
      <c r="MT19" s="145"/>
      <c r="MU19" s="119">
        <v>628403</v>
      </c>
      <c r="MV19" s="119">
        <v>490509</v>
      </c>
      <c r="MW19" s="119">
        <v>16223328</v>
      </c>
      <c r="MX19" s="119">
        <v>38220860</v>
      </c>
      <c r="MY19" s="119">
        <v>34024359</v>
      </c>
      <c r="MZ19" s="120">
        <v>89587459</v>
      </c>
      <c r="NA19" s="143">
        <v>89587459</v>
      </c>
      <c r="NB19" s="142">
        <v>0</v>
      </c>
      <c r="NC19" s="119">
        <v>0</v>
      </c>
      <c r="ND19" s="120">
        <v>0</v>
      </c>
      <c r="NE19" s="145"/>
      <c r="NF19" s="119">
        <v>3423005</v>
      </c>
      <c r="NG19" s="119">
        <v>7410607</v>
      </c>
      <c r="NH19" s="119">
        <v>10410248</v>
      </c>
      <c r="NI19" s="119">
        <v>7880426</v>
      </c>
      <c r="NJ19" s="119">
        <v>6379554</v>
      </c>
      <c r="NK19" s="120">
        <v>35503840</v>
      </c>
      <c r="NL19" s="321">
        <v>35503840</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3712982</v>
      </c>
      <c r="OJ19" s="119">
        <v>6596889</v>
      </c>
      <c r="OK19" s="141">
        <v>10309871</v>
      </c>
      <c r="OL19" s="118">
        <v>0</v>
      </c>
      <c r="OM19" s="119">
        <v>65110006</v>
      </c>
      <c r="ON19" s="119">
        <v>80793353</v>
      </c>
      <c r="OO19" s="119">
        <v>100071675</v>
      </c>
      <c r="OP19" s="119">
        <v>116538935</v>
      </c>
      <c r="OQ19" s="119">
        <v>96774364</v>
      </c>
      <c r="OR19" s="120">
        <v>459288333</v>
      </c>
      <c r="OS19" s="143">
        <v>469598204</v>
      </c>
    </row>
    <row r="20" spans="2:409" ht="19.8" customHeight="1" x14ac:dyDescent="0.2">
      <c r="B20" s="62" t="s">
        <v>15</v>
      </c>
      <c r="C20" s="110">
        <v>1874073</v>
      </c>
      <c r="D20" s="114">
        <v>4359919</v>
      </c>
      <c r="E20" s="113">
        <v>6233992</v>
      </c>
      <c r="F20" s="109">
        <v>0</v>
      </c>
      <c r="G20" s="114">
        <v>30293683</v>
      </c>
      <c r="H20" s="114">
        <v>42997969</v>
      </c>
      <c r="I20" s="114">
        <v>36024534</v>
      </c>
      <c r="J20" s="114">
        <v>32734532</v>
      </c>
      <c r="K20" s="114">
        <v>26955570</v>
      </c>
      <c r="L20" s="109">
        <v>169006288</v>
      </c>
      <c r="M20" s="116">
        <v>175240280</v>
      </c>
      <c r="N20" s="110">
        <v>156778</v>
      </c>
      <c r="O20" s="114">
        <v>652122</v>
      </c>
      <c r="P20" s="113">
        <v>808900</v>
      </c>
      <c r="Q20" s="110">
        <v>0</v>
      </c>
      <c r="R20" s="114">
        <v>6952957</v>
      </c>
      <c r="S20" s="114">
        <v>11250288</v>
      </c>
      <c r="T20" s="114">
        <v>9291473</v>
      </c>
      <c r="U20" s="114">
        <v>7843766</v>
      </c>
      <c r="V20" s="114">
        <v>12789423</v>
      </c>
      <c r="W20" s="113">
        <v>48127907</v>
      </c>
      <c r="X20" s="116">
        <v>48936807</v>
      </c>
      <c r="Y20" s="110">
        <v>0</v>
      </c>
      <c r="Z20" s="114">
        <v>0</v>
      </c>
      <c r="AA20" s="113">
        <v>0</v>
      </c>
      <c r="AB20" s="110">
        <v>0</v>
      </c>
      <c r="AC20" s="114">
        <v>3475571</v>
      </c>
      <c r="AD20" s="114">
        <v>5825115</v>
      </c>
      <c r="AE20" s="114">
        <v>5163279</v>
      </c>
      <c r="AF20" s="114">
        <v>3933969</v>
      </c>
      <c r="AG20" s="114">
        <v>6860641</v>
      </c>
      <c r="AH20" s="113">
        <v>25258575</v>
      </c>
      <c r="AI20" s="116">
        <v>25258575</v>
      </c>
      <c r="AJ20" s="110">
        <v>0</v>
      </c>
      <c r="AK20" s="114">
        <v>0</v>
      </c>
      <c r="AL20" s="113">
        <v>0</v>
      </c>
      <c r="AM20" s="110">
        <v>0</v>
      </c>
      <c r="AN20" s="114">
        <v>26038</v>
      </c>
      <c r="AO20" s="114">
        <v>449691</v>
      </c>
      <c r="AP20" s="114">
        <v>446373</v>
      </c>
      <c r="AQ20" s="114">
        <v>952415</v>
      </c>
      <c r="AR20" s="114">
        <v>2007192</v>
      </c>
      <c r="AS20" s="113">
        <v>3881709</v>
      </c>
      <c r="AT20" s="116">
        <v>3881709</v>
      </c>
      <c r="AU20" s="110">
        <v>55038</v>
      </c>
      <c r="AV20" s="114">
        <v>378627</v>
      </c>
      <c r="AW20" s="113">
        <v>433665</v>
      </c>
      <c r="AX20" s="110">
        <v>0</v>
      </c>
      <c r="AY20" s="114">
        <v>1586494</v>
      </c>
      <c r="AZ20" s="114">
        <v>3263169</v>
      </c>
      <c r="BA20" s="114">
        <v>2106850</v>
      </c>
      <c r="BB20" s="114">
        <v>1452157</v>
      </c>
      <c r="BC20" s="114">
        <v>2675157</v>
      </c>
      <c r="BD20" s="113">
        <v>11083827</v>
      </c>
      <c r="BE20" s="116">
        <v>11517492</v>
      </c>
      <c r="BF20" s="110">
        <v>0</v>
      </c>
      <c r="BG20" s="114">
        <v>29244</v>
      </c>
      <c r="BH20" s="112">
        <v>29244</v>
      </c>
      <c r="BI20" s="111">
        <v>0</v>
      </c>
      <c r="BJ20" s="114">
        <v>207755</v>
      </c>
      <c r="BK20" s="114">
        <v>364330</v>
      </c>
      <c r="BL20" s="114">
        <v>92832</v>
      </c>
      <c r="BM20" s="114">
        <v>105539</v>
      </c>
      <c r="BN20" s="114">
        <v>196145</v>
      </c>
      <c r="BO20" s="113">
        <v>966601</v>
      </c>
      <c r="BP20" s="116">
        <v>995845</v>
      </c>
      <c r="BQ20" s="110">
        <v>101740</v>
      </c>
      <c r="BR20" s="114">
        <v>244251</v>
      </c>
      <c r="BS20" s="113">
        <v>345991</v>
      </c>
      <c r="BT20" s="110">
        <v>0</v>
      </c>
      <c r="BU20" s="114">
        <v>1657099</v>
      </c>
      <c r="BV20" s="114">
        <v>1347983</v>
      </c>
      <c r="BW20" s="114">
        <v>1482139</v>
      </c>
      <c r="BX20" s="114">
        <v>1399686</v>
      </c>
      <c r="BY20" s="114">
        <v>1050288</v>
      </c>
      <c r="BZ20" s="113">
        <v>6937195</v>
      </c>
      <c r="CA20" s="116">
        <v>7283186</v>
      </c>
      <c r="CB20" s="110">
        <v>23865</v>
      </c>
      <c r="CC20" s="114">
        <v>208740</v>
      </c>
      <c r="CD20" s="113">
        <v>232605</v>
      </c>
      <c r="CE20" s="110">
        <v>0</v>
      </c>
      <c r="CF20" s="114">
        <v>6553892</v>
      </c>
      <c r="CG20" s="114">
        <v>11900371</v>
      </c>
      <c r="CH20" s="114">
        <v>7162719</v>
      </c>
      <c r="CI20" s="114">
        <v>2809818</v>
      </c>
      <c r="CJ20" s="114">
        <v>1908231</v>
      </c>
      <c r="CK20" s="113">
        <v>30335031</v>
      </c>
      <c r="CL20" s="116">
        <v>30567636</v>
      </c>
      <c r="CM20" s="110">
        <v>0</v>
      </c>
      <c r="CN20" s="114">
        <v>0</v>
      </c>
      <c r="CO20" s="113">
        <v>0</v>
      </c>
      <c r="CP20" s="111">
        <v>0</v>
      </c>
      <c r="CQ20" s="114">
        <v>4874331</v>
      </c>
      <c r="CR20" s="114">
        <v>9143674</v>
      </c>
      <c r="CS20" s="114">
        <v>5098986</v>
      </c>
      <c r="CT20" s="114">
        <v>1524759</v>
      </c>
      <c r="CU20" s="114">
        <v>1505475</v>
      </c>
      <c r="CV20" s="113">
        <v>22147225</v>
      </c>
      <c r="CW20" s="116">
        <v>22147225</v>
      </c>
      <c r="CX20" s="110">
        <v>23865</v>
      </c>
      <c r="CY20" s="114">
        <v>208740</v>
      </c>
      <c r="CZ20" s="113">
        <v>232605</v>
      </c>
      <c r="DA20" s="110">
        <v>0</v>
      </c>
      <c r="DB20" s="114">
        <v>1679561</v>
      </c>
      <c r="DC20" s="114">
        <v>2756697</v>
      </c>
      <c r="DD20" s="114">
        <v>2063733</v>
      </c>
      <c r="DE20" s="114">
        <v>1285059</v>
      </c>
      <c r="DF20" s="114">
        <v>402756</v>
      </c>
      <c r="DG20" s="113">
        <v>8187806</v>
      </c>
      <c r="DH20" s="116">
        <v>8420411</v>
      </c>
      <c r="DI20" s="110">
        <v>0</v>
      </c>
      <c r="DJ20" s="114">
        <v>21085</v>
      </c>
      <c r="DK20" s="112">
        <v>21085</v>
      </c>
      <c r="DL20" s="111">
        <v>0</v>
      </c>
      <c r="DM20" s="114">
        <v>882485</v>
      </c>
      <c r="DN20" s="114">
        <v>2237077</v>
      </c>
      <c r="DO20" s="114">
        <v>6162970</v>
      </c>
      <c r="DP20" s="114">
        <v>9031833</v>
      </c>
      <c r="DQ20" s="114">
        <v>3250874</v>
      </c>
      <c r="DR20" s="113">
        <v>21565239</v>
      </c>
      <c r="DS20" s="116">
        <v>21586324</v>
      </c>
      <c r="DT20" s="110">
        <v>0</v>
      </c>
      <c r="DU20" s="114">
        <v>21085</v>
      </c>
      <c r="DV20" s="113">
        <v>21085</v>
      </c>
      <c r="DW20" s="110">
        <v>0</v>
      </c>
      <c r="DX20" s="114">
        <v>394188</v>
      </c>
      <c r="DY20" s="114">
        <v>2120397</v>
      </c>
      <c r="DZ20" s="114">
        <v>5883868</v>
      </c>
      <c r="EA20" s="114">
        <v>8532973</v>
      </c>
      <c r="EB20" s="114">
        <v>3164499</v>
      </c>
      <c r="EC20" s="113">
        <v>20095925</v>
      </c>
      <c r="ED20" s="116">
        <v>20117010</v>
      </c>
      <c r="EE20" s="110">
        <v>0</v>
      </c>
      <c r="EF20" s="112">
        <v>0</v>
      </c>
      <c r="EG20" s="113">
        <v>0</v>
      </c>
      <c r="EH20" s="110">
        <v>0</v>
      </c>
      <c r="EI20" s="114">
        <v>488297</v>
      </c>
      <c r="EJ20" s="114">
        <v>116680</v>
      </c>
      <c r="EK20" s="114">
        <v>279102</v>
      </c>
      <c r="EL20" s="114">
        <v>498860</v>
      </c>
      <c r="EM20" s="114">
        <v>86375</v>
      </c>
      <c r="EN20" s="112">
        <v>1469314</v>
      </c>
      <c r="EO20" s="116">
        <v>1469314</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8"/>
      <c r="FE20" s="114">
        <v>0</v>
      </c>
      <c r="FF20" s="114">
        <v>0</v>
      </c>
      <c r="FG20" s="114">
        <v>0</v>
      </c>
      <c r="FH20" s="114">
        <v>0</v>
      </c>
      <c r="FI20" s="114">
        <v>0</v>
      </c>
      <c r="FJ20" s="113">
        <v>0</v>
      </c>
      <c r="FK20" s="116">
        <v>0</v>
      </c>
      <c r="FL20" s="110">
        <v>470118</v>
      </c>
      <c r="FM20" s="114">
        <v>1297732</v>
      </c>
      <c r="FN20" s="113">
        <v>1767850</v>
      </c>
      <c r="FO20" s="110">
        <v>0</v>
      </c>
      <c r="FP20" s="114">
        <v>1330328</v>
      </c>
      <c r="FQ20" s="114">
        <v>4679782</v>
      </c>
      <c r="FR20" s="114">
        <v>2718540</v>
      </c>
      <c r="FS20" s="114">
        <v>2224749</v>
      </c>
      <c r="FT20" s="114">
        <v>1997737</v>
      </c>
      <c r="FU20" s="113">
        <v>12951136</v>
      </c>
      <c r="FV20" s="116">
        <v>14718986</v>
      </c>
      <c r="FW20" s="115">
        <v>330348</v>
      </c>
      <c r="FX20" s="114">
        <v>853132</v>
      </c>
      <c r="FY20" s="112">
        <v>1183480</v>
      </c>
      <c r="FZ20" s="111">
        <v>0</v>
      </c>
      <c r="GA20" s="114">
        <v>1147241</v>
      </c>
      <c r="GB20" s="114">
        <v>4038565</v>
      </c>
      <c r="GC20" s="114">
        <v>2572839</v>
      </c>
      <c r="GD20" s="114">
        <v>2206093</v>
      </c>
      <c r="GE20" s="114">
        <v>1793455</v>
      </c>
      <c r="GF20" s="113">
        <v>11758193</v>
      </c>
      <c r="GG20" s="319">
        <v>12941673</v>
      </c>
      <c r="GH20" s="115">
        <v>22770</v>
      </c>
      <c r="GI20" s="114">
        <v>0</v>
      </c>
      <c r="GJ20" s="112">
        <v>22770</v>
      </c>
      <c r="GK20" s="111">
        <v>0</v>
      </c>
      <c r="GL20" s="114">
        <v>100287</v>
      </c>
      <c r="GM20" s="114">
        <v>134877</v>
      </c>
      <c r="GN20" s="114">
        <v>95481</v>
      </c>
      <c r="GO20" s="114">
        <v>18656</v>
      </c>
      <c r="GP20" s="114">
        <v>42372</v>
      </c>
      <c r="GQ20" s="113">
        <v>391673</v>
      </c>
      <c r="GR20" s="116">
        <v>414443</v>
      </c>
      <c r="GS20" s="110">
        <v>117000</v>
      </c>
      <c r="GT20" s="114">
        <v>444600</v>
      </c>
      <c r="GU20" s="113">
        <v>561600</v>
      </c>
      <c r="GV20" s="110">
        <v>0</v>
      </c>
      <c r="GW20" s="114">
        <v>82800</v>
      </c>
      <c r="GX20" s="114">
        <v>506340</v>
      </c>
      <c r="GY20" s="114">
        <v>50220</v>
      </c>
      <c r="GZ20" s="114">
        <v>0</v>
      </c>
      <c r="HA20" s="114">
        <v>161910</v>
      </c>
      <c r="HB20" s="112">
        <v>801270</v>
      </c>
      <c r="HC20" s="116">
        <v>1362870</v>
      </c>
      <c r="HD20" s="110">
        <v>937280</v>
      </c>
      <c r="HE20" s="114">
        <v>1396455</v>
      </c>
      <c r="HF20" s="112">
        <v>2333735</v>
      </c>
      <c r="HG20" s="111">
        <v>0</v>
      </c>
      <c r="HH20" s="114">
        <v>8907309</v>
      </c>
      <c r="HI20" s="114">
        <v>6017575</v>
      </c>
      <c r="HJ20" s="114">
        <v>6642645</v>
      </c>
      <c r="HK20" s="114">
        <v>8273401</v>
      </c>
      <c r="HL20" s="114">
        <v>5398283</v>
      </c>
      <c r="HM20" s="113">
        <v>35239213</v>
      </c>
      <c r="HN20" s="109">
        <v>37572948</v>
      </c>
      <c r="HO20" s="115">
        <v>286032</v>
      </c>
      <c r="HP20" s="114">
        <v>783785</v>
      </c>
      <c r="HQ20" s="113">
        <v>1069817</v>
      </c>
      <c r="HR20" s="110">
        <v>0</v>
      </c>
      <c r="HS20" s="114">
        <v>5666712</v>
      </c>
      <c r="HT20" s="114">
        <v>6912876</v>
      </c>
      <c r="HU20" s="114">
        <v>4046187</v>
      </c>
      <c r="HV20" s="114">
        <v>2550965</v>
      </c>
      <c r="HW20" s="114">
        <v>1611022</v>
      </c>
      <c r="HX20" s="112">
        <v>20787762</v>
      </c>
      <c r="HY20" s="116">
        <v>21857579</v>
      </c>
      <c r="HZ20" s="150">
        <v>96474</v>
      </c>
      <c r="IA20" s="135">
        <v>1785343</v>
      </c>
      <c r="IB20" s="150">
        <v>1881817</v>
      </c>
      <c r="IC20" s="134">
        <v>0</v>
      </c>
      <c r="ID20" s="135">
        <v>19134413</v>
      </c>
      <c r="IE20" s="136">
        <v>20797083</v>
      </c>
      <c r="IF20" s="137">
        <v>23107380</v>
      </c>
      <c r="IG20" s="135">
        <v>21017820</v>
      </c>
      <c r="IH20" s="137">
        <v>9471241</v>
      </c>
      <c r="II20" s="138">
        <v>93527937</v>
      </c>
      <c r="IJ20" s="150">
        <v>95409754</v>
      </c>
      <c r="IK20" s="232">
        <v>0</v>
      </c>
      <c r="IL20" s="236">
        <v>0</v>
      </c>
      <c r="IM20" s="237">
        <v>0</v>
      </c>
      <c r="IN20" s="140"/>
      <c r="IO20" s="119">
        <v>217606</v>
      </c>
      <c r="IP20" s="119">
        <v>435323</v>
      </c>
      <c r="IQ20" s="119">
        <v>220842</v>
      </c>
      <c r="IR20" s="119">
        <v>1584164</v>
      </c>
      <c r="IS20" s="119">
        <v>1914916</v>
      </c>
      <c r="IT20" s="141">
        <v>4372851</v>
      </c>
      <c r="IU20" s="321">
        <v>4372851</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6237128</v>
      </c>
      <c r="JL20" s="119">
        <v>9370698</v>
      </c>
      <c r="JM20" s="119">
        <v>5558447</v>
      </c>
      <c r="JN20" s="119">
        <v>3199836</v>
      </c>
      <c r="JO20" s="119">
        <v>822771</v>
      </c>
      <c r="JP20" s="120">
        <v>25188880</v>
      </c>
      <c r="JQ20" s="321">
        <v>25188880</v>
      </c>
      <c r="JR20" s="142">
        <v>0</v>
      </c>
      <c r="JS20" s="119">
        <v>0</v>
      </c>
      <c r="JT20" s="141">
        <v>0</v>
      </c>
      <c r="JU20" s="118">
        <v>0</v>
      </c>
      <c r="JV20" s="119">
        <v>241793</v>
      </c>
      <c r="JW20" s="119">
        <v>462974</v>
      </c>
      <c r="JX20" s="119">
        <v>664358</v>
      </c>
      <c r="JY20" s="119">
        <v>315166</v>
      </c>
      <c r="JZ20" s="119">
        <v>87883</v>
      </c>
      <c r="KA20" s="120">
        <v>1772174</v>
      </c>
      <c r="KB20" s="321">
        <v>1772174</v>
      </c>
      <c r="KC20" s="234">
        <v>96474</v>
      </c>
      <c r="KD20" s="230">
        <v>1072581</v>
      </c>
      <c r="KE20" s="120">
        <v>1169055</v>
      </c>
      <c r="KF20" s="118">
        <v>0</v>
      </c>
      <c r="KG20" s="119">
        <v>2195046</v>
      </c>
      <c r="KH20" s="119">
        <v>3338534</v>
      </c>
      <c r="KI20" s="119">
        <v>2998078</v>
      </c>
      <c r="KJ20" s="119">
        <v>4421897</v>
      </c>
      <c r="KK20" s="119">
        <v>1233346</v>
      </c>
      <c r="KL20" s="120">
        <v>14186901</v>
      </c>
      <c r="KM20" s="143">
        <v>15355956</v>
      </c>
      <c r="KN20" s="232">
        <v>0</v>
      </c>
      <c r="KO20" s="236">
        <v>712762</v>
      </c>
      <c r="KP20" s="237">
        <v>712762</v>
      </c>
      <c r="KQ20" s="140"/>
      <c r="KR20" s="119">
        <v>10242840</v>
      </c>
      <c r="KS20" s="119">
        <v>7189554</v>
      </c>
      <c r="KT20" s="119">
        <v>10819719</v>
      </c>
      <c r="KU20" s="119">
        <v>8256822</v>
      </c>
      <c r="KV20" s="119">
        <v>3624634</v>
      </c>
      <c r="KW20" s="120">
        <v>40133569</v>
      </c>
      <c r="KX20" s="321">
        <v>40846331</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845936</v>
      </c>
      <c r="LQ20" s="119">
        <v>3239935</v>
      </c>
      <c r="LR20" s="119">
        <v>1787691</v>
      </c>
      <c r="LS20" s="120">
        <v>7873562</v>
      </c>
      <c r="LT20" s="321">
        <v>7873562</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6996690</v>
      </c>
      <c r="MK20" s="119">
        <v>8619242</v>
      </c>
      <c r="ML20" s="119">
        <v>33012486</v>
      </c>
      <c r="MM20" s="119">
        <v>51170582</v>
      </c>
      <c r="MN20" s="119">
        <v>31185960</v>
      </c>
      <c r="MO20" s="120">
        <v>130984960</v>
      </c>
      <c r="MP20" s="143">
        <v>130984960</v>
      </c>
      <c r="MQ20" s="142">
        <v>0</v>
      </c>
      <c r="MR20" s="119">
        <v>0</v>
      </c>
      <c r="MS20" s="120">
        <v>0</v>
      </c>
      <c r="MT20" s="145"/>
      <c r="MU20" s="119">
        <v>0</v>
      </c>
      <c r="MV20" s="119">
        <v>205684</v>
      </c>
      <c r="MW20" s="119">
        <v>21447095</v>
      </c>
      <c r="MX20" s="119">
        <v>36069880</v>
      </c>
      <c r="MY20" s="119">
        <v>22836899</v>
      </c>
      <c r="MZ20" s="120">
        <v>80559558</v>
      </c>
      <c r="NA20" s="143">
        <v>80559558</v>
      </c>
      <c r="NB20" s="142">
        <v>0</v>
      </c>
      <c r="NC20" s="119">
        <v>0</v>
      </c>
      <c r="ND20" s="120">
        <v>0</v>
      </c>
      <c r="NE20" s="145"/>
      <c r="NF20" s="119">
        <v>6996690</v>
      </c>
      <c r="NG20" s="119">
        <v>8413558</v>
      </c>
      <c r="NH20" s="119">
        <v>11565391</v>
      </c>
      <c r="NI20" s="119">
        <v>15100702</v>
      </c>
      <c r="NJ20" s="119">
        <v>7999348</v>
      </c>
      <c r="NK20" s="120">
        <v>50075689</v>
      </c>
      <c r="NL20" s="321">
        <v>50075689</v>
      </c>
      <c r="NM20" s="142">
        <v>0</v>
      </c>
      <c r="NN20" s="119">
        <v>0</v>
      </c>
      <c r="NO20" s="120">
        <v>0</v>
      </c>
      <c r="NP20" s="145"/>
      <c r="NQ20" s="119">
        <v>0</v>
      </c>
      <c r="NR20" s="119">
        <v>0</v>
      </c>
      <c r="NS20" s="119">
        <v>0</v>
      </c>
      <c r="NT20" s="119">
        <v>0</v>
      </c>
      <c r="NU20" s="119">
        <v>349713</v>
      </c>
      <c r="NV20" s="120">
        <v>349713</v>
      </c>
      <c r="NW20" s="121">
        <v>349713</v>
      </c>
      <c r="NX20" s="142">
        <v>0</v>
      </c>
      <c r="NY20" s="119">
        <v>0</v>
      </c>
      <c r="NZ20" s="120">
        <v>0</v>
      </c>
      <c r="OA20" s="145"/>
      <c r="OB20" s="119">
        <v>0</v>
      </c>
      <c r="OC20" s="119">
        <v>0</v>
      </c>
      <c r="OD20" s="119">
        <v>0</v>
      </c>
      <c r="OE20" s="119">
        <v>0</v>
      </c>
      <c r="OF20" s="119">
        <v>0</v>
      </c>
      <c r="OG20" s="120">
        <v>0</v>
      </c>
      <c r="OH20" s="121">
        <v>0</v>
      </c>
      <c r="OI20" s="142">
        <v>1970547</v>
      </c>
      <c r="OJ20" s="119">
        <v>6145262</v>
      </c>
      <c r="OK20" s="141">
        <v>8115809</v>
      </c>
      <c r="OL20" s="118">
        <v>0</v>
      </c>
      <c r="OM20" s="119">
        <v>56424786</v>
      </c>
      <c r="ON20" s="119">
        <v>72414294</v>
      </c>
      <c r="OO20" s="119">
        <v>92144400</v>
      </c>
      <c r="OP20" s="119">
        <v>104922934</v>
      </c>
      <c r="OQ20" s="119">
        <v>67612771</v>
      </c>
      <c r="OR20" s="120">
        <v>393519185</v>
      </c>
      <c r="OS20" s="143">
        <v>401634994</v>
      </c>
    </row>
    <row r="21" spans="2:409" ht="19.8" customHeight="1" x14ac:dyDescent="0.2">
      <c r="B21" s="62" t="s">
        <v>16</v>
      </c>
      <c r="C21" s="110">
        <v>6300314</v>
      </c>
      <c r="D21" s="114">
        <v>12926460</v>
      </c>
      <c r="E21" s="113">
        <v>19226774</v>
      </c>
      <c r="F21" s="109">
        <v>0</v>
      </c>
      <c r="G21" s="114">
        <v>81985976</v>
      </c>
      <c r="H21" s="114">
        <v>131870220</v>
      </c>
      <c r="I21" s="114">
        <v>115848468</v>
      </c>
      <c r="J21" s="114">
        <v>107142398</v>
      </c>
      <c r="K21" s="114">
        <v>83502913</v>
      </c>
      <c r="L21" s="109">
        <v>520349975</v>
      </c>
      <c r="M21" s="116">
        <v>539576749</v>
      </c>
      <c r="N21" s="110">
        <v>1062450</v>
      </c>
      <c r="O21" s="114">
        <v>2621010</v>
      </c>
      <c r="P21" s="113">
        <v>3683460</v>
      </c>
      <c r="Q21" s="110">
        <v>0</v>
      </c>
      <c r="R21" s="114">
        <v>17292900</v>
      </c>
      <c r="S21" s="114">
        <v>29091959</v>
      </c>
      <c r="T21" s="114">
        <v>27431445</v>
      </c>
      <c r="U21" s="114">
        <v>29366607</v>
      </c>
      <c r="V21" s="114">
        <v>27391021</v>
      </c>
      <c r="W21" s="113">
        <v>130573932</v>
      </c>
      <c r="X21" s="116">
        <v>134257392</v>
      </c>
      <c r="Y21" s="110">
        <v>0</v>
      </c>
      <c r="Z21" s="114">
        <v>0</v>
      </c>
      <c r="AA21" s="113">
        <v>0</v>
      </c>
      <c r="AB21" s="110">
        <v>0</v>
      </c>
      <c r="AC21" s="114">
        <v>7393957</v>
      </c>
      <c r="AD21" s="114">
        <v>11300601</v>
      </c>
      <c r="AE21" s="114">
        <v>13394355</v>
      </c>
      <c r="AF21" s="114">
        <v>14901345</v>
      </c>
      <c r="AG21" s="114">
        <v>12109308</v>
      </c>
      <c r="AH21" s="113">
        <v>59099566</v>
      </c>
      <c r="AI21" s="116">
        <v>59099566</v>
      </c>
      <c r="AJ21" s="110">
        <v>0</v>
      </c>
      <c r="AK21" s="114">
        <v>0</v>
      </c>
      <c r="AL21" s="113">
        <v>0</v>
      </c>
      <c r="AM21" s="110">
        <v>0</v>
      </c>
      <c r="AN21" s="114">
        <v>0</v>
      </c>
      <c r="AO21" s="114">
        <v>611356</v>
      </c>
      <c r="AP21" s="114">
        <v>756140</v>
      </c>
      <c r="AQ21" s="114">
        <v>1647476</v>
      </c>
      <c r="AR21" s="114">
        <v>3544906</v>
      </c>
      <c r="AS21" s="113">
        <v>6559878</v>
      </c>
      <c r="AT21" s="116">
        <v>6559878</v>
      </c>
      <c r="AU21" s="110">
        <v>583558</v>
      </c>
      <c r="AV21" s="114">
        <v>1757120</v>
      </c>
      <c r="AW21" s="113">
        <v>2340678</v>
      </c>
      <c r="AX21" s="110">
        <v>0</v>
      </c>
      <c r="AY21" s="114">
        <v>6680981</v>
      </c>
      <c r="AZ21" s="114">
        <v>12988355</v>
      </c>
      <c r="BA21" s="114">
        <v>8447768</v>
      </c>
      <c r="BB21" s="114">
        <v>8394622</v>
      </c>
      <c r="BC21" s="114">
        <v>8238968</v>
      </c>
      <c r="BD21" s="113">
        <v>44750694</v>
      </c>
      <c r="BE21" s="116">
        <v>47091372</v>
      </c>
      <c r="BF21" s="110">
        <v>0</v>
      </c>
      <c r="BG21" s="114">
        <v>528439</v>
      </c>
      <c r="BH21" s="112">
        <v>528439</v>
      </c>
      <c r="BI21" s="111">
        <v>0</v>
      </c>
      <c r="BJ21" s="114">
        <v>337204</v>
      </c>
      <c r="BK21" s="114">
        <v>722497</v>
      </c>
      <c r="BL21" s="114">
        <v>1205824</v>
      </c>
      <c r="BM21" s="114">
        <v>235036</v>
      </c>
      <c r="BN21" s="114">
        <v>394965</v>
      </c>
      <c r="BO21" s="113">
        <v>2895526</v>
      </c>
      <c r="BP21" s="116">
        <v>3423965</v>
      </c>
      <c r="BQ21" s="110">
        <v>478892</v>
      </c>
      <c r="BR21" s="114">
        <v>335451</v>
      </c>
      <c r="BS21" s="113">
        <v>814343</v>
      </c>
      <c r="BT21" s="110">
        <v>0</v>
      </c>
      <c r="BU21" s="114">
        <v>2880758</v>
      </c>
      <c r="BV21" s="114">
        <v>3469150</v>
      </c>
      <c r="BW21" s="114">
        <v>3627358</v>
      </c>
      <c r="BX21" s="114">
        <v>4188128</v>
      </c>
      <c r="BY21" s="114">
        <v>3102874</v>
      </c>
      <c r="BZ21" s="113">
        <v>17268268</v>
      </c>
      <c r="CA21" s="116">
        <v>18082611</v>
      </c>
      <c r="CB21" s="110">
        <v>1163300</v>
      </c>
      <c r="CC21" s="114">
        <v>3871253</v>
      </c>
      <c r="CD21" s="113">
        <v>5034553</v>
      </c>
      <c r="CE21" s="110">
        <v>0</v>
      </c>
      <c r="CF21" s="114">
        <v>29178325</v>
      </c>
      <c r="CG21" s="114">
        <v>50516719</v>
      </c>
      <c r="CH21" s="114">
        <v>38704875</v>
      </c>
      <c r="CI21" s="114">
        <v>28035291</v>
      </c>
      <c r="CJ21" s="114">
        <v>17505052</v>
      </c>
      <c r="CK21" s="113">
        <v>163940262</v>
      </c>
      <c r="CL21" s="116">
        <v>168974815</v>
      </c>
      <c r="CM21" s="110">
        <v>0</v>
      </c>
      <c r="CN21" s="114">
        <v>0</v>
      </c>
      <c r="CO21" s="113">
        <v>0</v>
      </c>
      <c r="CP21" s="111">
        <v>0</v>
      </c>
      <c r="CQ21" s="114">
        <v>18123182</v>
      </c>
      <c r="CR21" s="114">
        <v>31476130</v>
      </c>
      <c r="CS21" s="114">
        <v>27903212</v>
      </c>
      <c r="CT21" s="114">
        <v>20645974</v>
      </c>
      <c r="CU21" s="114">
        <v>14440393</v>
      </c>
      <c r="CV21" s="113">
        <v>112588891</v>
      </c>
      <c r="CW21" s="116">
        <v>112588891</v>
      </c>
      <c r="CX21" s="110">
        <v>1163300</v>
      </c>
      <c r="CY21" s="114">
        <v>3871253</v>
      </c>
      <c r="CZ21" s="113">
        <v>5034553</v>
      </c>
      <c r="DA21" s="110">
        <v>0</v>
      </c>
      <c r="DB21" s="114">
        <v>11055143</v>
      </c>
      <c r="DC21" s="114">
        <v>19040589</v>
      </c>
      <c r="DD21" s="114">
        <v>10801663</v>
      </c>
      <c r="DE21" s="114">
        <v>7389317</v>
      </c>
      <c r="DF21" s="114">
        <v>3064659</v>
      </c>
      <c r="DG21" s="113">
        <v>51351371</v>
      </c>
      <c r="DH21" s="116">
        <v>56385924</v>
      </c>
      <c r="DI21" s="110">
        <v>0</v>
      </c>
      <c r="DJ21" s="114">
        <v>27209</v>
      </c>
      <c r="DK21" s="112">
        <v>27209</v>
      </c>
      <c r="DL21" s="111">
        <v>0</v>
      </c>
      <c r="DM21" s="114">
        <v>2107224</v>
      </c>
      <c r="DN21" s="114">
        <v>4771407</v>
      </c>
      <c r="DO21" s="114">
        <v>12044197</v>
      </c>
      <c r="DP21" s="114">
        <v>6986005</v>
      </c>
      <c r="DQ21" s="114">
        <v>4115963</v>
      </c>
      <c r="DR21" s="113">
        <v>30024796</v>
      </c>
      <c r="DS21" s="116">
        <v>30052005</v>
      </c>
      <c r="DT21" s="110">
        <v>0</v>
      </c>
      <c r="DU21" s="114">
        <v>27209</v>
      </c>
      <c r="DV21" s="113">
        <v>27209</v>
      </c>
      <c r="DW21" s="110">
        <v>0</v>
      </c>
      <c r="DX21" s="114">
        <v>2020410</v>
      </c>
      <c r="DY21" s="114">
        <v>4517525</v>
      </c>
      <c r="DZ21" s="114">
        <v>11467507</v>
      </c>
      <c r="EA21" s="114">
        <v>6353089</v>
      </c>
      <c r="EB21" s="114">
        <v>3455621</v>
      </c>
      <c r="EC21" s="113">
        <v>27814152</v>
      </c>
      <c r="ED21" s="116">
        <v>27841361</v>
      </c>
      <c r="EE21" s="110">
        <v>0</v>
      </c>
      <c r="EF21" s="112">
        <v>0</v>
      </c>
      <c r="EG21" s="113">
        <v>0</v>
      </c>
      <c r="EH21" s="110">
        <v>0</v>
      </c>
      <c r="EI21" s="114">
        <v>86814</v>
      </c>
      <c r="EJ21" s="114">
        <v>253882</v>
      </c>
      <c r="EK21" s="114">
        <v>576690</v>
      </c>
      <c r="EL21" s="114">
        <v>632916</v>
      </c>
      <c r="EM21" s="114">
        <v>660342</v>
      </c>
      <c r="EN21" s="112">
        <v>2210644</v>
      </c>
      <c r="EO21" s="116">
        <v>2210644</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8"/>
      <c r="FE21" s="114">
        <v>0</v>
      </c>
      <c r="FF21" s="114">
        <v>0</v>
      </c>
      <c r="FG21" s="114">
        <v>0</v>
      </c>
      <c r="FH21" s="114">
        <v>0</v>
      </c>
      <c r="FI21" s="114">
        <v>0</v>
      </c>
      <c r="FJ21" s="113">
        <v>0</v>
      </c>
      <c r="FK21" s="116">
        <v>0</v>
      </c>
      <c r="FL21" s="110">
        <v>1440023</v>
      </c>
      <c r="FM21" s="114">
        <v>2822851</v>
      </c>
      <c r="FN21" s="113">
        <v>4262874</v>
      </c>
      <c r="FO21" s="110">
        <v>0</v>
      </c>
      <c r="FP21" s="114">
        <v>3870040</v>
      </c>
      <c r="FQ21" s="114">
        <v>11762309</v>
      </c>
      <c r="FR21" s="114">
        <v>8537595</v>
      </c>
      <c r="FS21" s="114">
        <v>8653506</v>
      </c>
      <c r="FT21" s="114">
        <v>6316981</v>
      </c>
      <c r="FU21" s="113">
        <v>39140431</v>
      </c>
      <c r="FV21" s="116">
        <v>43403305</v>
      </c>
      <c r="FW21" s="115">
        <v>847930</v>
      </c>
      <c r="FX21" s="114">
        <v>2028250</v>
      </c>
      <c r="FY21" s="112">
        <v>2876180</v>
      </c>
      <c r="FZ21" s="111">
        <v>0</v>
      </c>
      <c r="GA21" s="114">
        <v>2762887</v>
      </c>
      <c r="GB21" s="114">
        <v>11199480</v>
      </c>
      <c r="GC21" s="114">
        <v>8163391</v>
      </c>
      <c r="GD21" s="114">
        <v>7755378</v>
      </c>
      <c r="GE21" s="114">
        <v>6082981</v>
      </c>
      <c r="GF21" s="113">
        <v>35964117</v>
      </c>
      <c r="GG21" s="319">
        <v>38840297</v>
      </c>
      <c r="GH21" s="115">
        <v>96030</v>
      </c>
      <c r="GI21" s="114">
        <v>41283</v>
      </c>
      <c r="GJ21" s="112">
        <v>137313</v>
      </c>
      <c r="GK21" s="111">
        <v>0</v>
      </c>
      <c r="GL21" s="114">
        <v>218137</v>
      </c>
      <c r="GM21" s="114">
        <v>207779</v>
      </c>
      <c r="GN21" s="114">
        <v>295631</v>
      </c>
      <c r="GO21" s="114">
        <v>299680</v>
      </c>
      <c r="GP21" s="114">
        <v>14400</v>
      </c>
      <c r="GQ21" s="113">
        <v>1035627</v>
      </c>
      <c r="GR21" s="116">
        <v>1172940</v>
      </c>
      <c r="GS21" s="110">
        <v>496063</v>
      </c>
      <c r="GT21" s="114">
        <v>753318</v>
      </c>
      <c r="GU21" s="113">
        <v>1249381</v>
      </c>
      <c r="GV21" s="110">
        <v>0</v>
      </c>
      <c r="GW21" s="114">
        <v>889016</v>
      </c>
      <c r="GX21" s="114">
        <v>355050</v>
      </c>
      <c r="GY21" s="114">
        <v>78573</v>
      </c>
      <c r="GZ21" s="114">
        <v>598448</v>
      </c>
      <c r="HA21" s="114">
        <v>219600</v>
      </c>
      <c r="HB21" s="112">
        <v>2140687</v>
      </c>
      <c r="HC21" s="116">
        <v>3390068</v>
      </c>
      <c r="HD21" s="110">
        <v>1574861</v>
      </c>
      <c r="HE21" s="114">
        <v>1685326</v>
      </c>
      <c r="HF21" s="112">
        <v>3260187</v>
      </c>
      <c r="HG21" s="111">
        <v>0</v>
      </c>
      <c r="HH21" s="114">
        <v>16584071</v>
      </c>
      <c r="HI21" s="114">
        <v>18449630</v>
      </c>
      <c r="HJ21" s="114">
        <v>17916198</v>
      </c>
      <c r="HK21" s="114">
        <v>25999385</v>
      </c>
      <c r="HL21" s="114">
        <v>23520141</v>
      </c>
      <c r="HM21" s="113">
        <v>102469425</v>
      </c>
      <c r="HN21" s="109">
        <v>105729612</v>
      </c>
      <c r="HO21" s="115">
        <v>1059680</v>
      </c>
      <c r="HP21" s="114">
        <v>1898811</v>
      </c>
      <c r="HQ21" s="113">
        <v>2958491</v>
      </c>
      <c r="HR21" s="110">
        <v>0</v>
      </c>
      <c r="HS21" s="114">
        <v>12953416</v>
      </c>
      <c r="HT21" s="114">
        <v>17278196</v>
      </c>
      <c r="HU21" s="114">
        <v>11214158</v>
      </c>
      <c r="HV21" s="114">
        <v>8101604</v>
      </c>
      <c r="HW21" s="114">
        <v>4653755</v>
      </c>
      <c r="HX21" s="112">
        <v>54201129</v>
      </c>
      <c r="HY21" s="116">
        <v>57159620</v>
      </c>
      <c r="HZ21" s="131">
        <v>35606</v>
      </c>
      <c r="IA21" s="132">
        <v>85011</v>
      </c>
      <c r="IB21" s="133">
        <v>120617</v>
      </c>
      <c r="IC21" s="146">
        <v>0</v>
      </c>
      <c r="ID21" s="132">
        <v>15984011</v>
      </c>
      <c r="IE21" s="147">
        <v>32444817</v>
      </c>
      <c r="IF21" s="133">
        <v>36887738</v>
      </c>
      <c r="IG21" s="132">
        <v>28852841</v>
      </c>
      <c r="IH21" s="133">
        <v>20543776</v>
      </c>
      <c r="II21" s="148">
        <v>134713183</v>
      </c>
      <c r="IJ21" s="139">
        <v>134833800</v>
      </c>
      <c r="IK21" s="232">
        <v>0</v>
      </c>
      <c r="IL21" s="236">
        <v>0</v>
      </c>
      <c r="IM21" s="237">
        <v>0</v>
      </c>
      <c r="IN21" s="140"/>
      <c r="IO21" s="119">
        <v>490847</v>
      </c>
      <c r="IP21" s="119">
        <v>1639489</v>
      </c>
      <c r="IQ21" s="119">
        <v>1691467</v>
      </c>
      <c r="IR21" s="119">
        <v>2150798</v>
      </c>
      <c r="IS21" s="119">
        <v>1156588</v>
      </c>
      <c r="IT21" s="141">
        <v>7129189</v>
      </c>
      <c r="IU21" s="321">
        <v>7129189</v>
      </c>
      <c r="IV21" s="142">
        <v>0</v>
      </c>
      <c r="IW21" s="119">
        <v>0</v>
      </c>
      <c r="IX21" s="120">
        <v>0</v>
      </c>
      <c r="IY21" s="144"/>
      <c r="IZ21" s="119">
        <v>0</v>
      </c>
      <c r="JA21" s="119">
        <v>18080</v>
      </c>
      <c r="JB21" s="119">
        <v>64860</v>
      </c>
      <c r="JC21" s="119">
        <v>36160</v>
      </c>
      <c r="JD21" s="119">
        <v>0</v>
      </c>
      <c r="JE21" s="120">
        <v>119100</v>
      </c>
      <c r="JF21" s="121">
        <v>119100</v>
      </c>
      <c r="JG21" s="142">
        <v>0</v>
      </c>
      <c r="JH21" s="119">
        <v>0</v>
      </c>
      <c r="JI21" s="141">
        <v>0</v>
      </c>
      <c r="JJ21" s="118">
        <v>0</v>
      </c>
      <c r="JK21" s="119">
        <v>8580569</v>
      </c>
      <c r="JL21" s="119">
        <v>11660104</v>
      </c>
      <c r="JM21" s="119">
        <v>10084984</v>
      </c>
      <c r="JN21" s="119">
        <v>5775712</v>
      </c>
      <c r="JO21" s="119">
        <v>2586686</v>
      </c>
      <c r="JP21" s="120">
        <v>38688055</v>
      </c>
      <c r="JQ21" s="321">
        <v>38688055</v>
      </c>
      <c r="JR21" s="142">
        <v>0</v>
      </c>
      <c r="JS21" s="119">
        <v>0</v>
      </c>
      <c r="JT21" s="141">
        <v>0</v>
      </c>
      <c r="JU21" s="118">
        <v>0</v>
      </c>
      <c r="JV21" s="119">
        <v>749851</v>
      </c>
      <c r="JW21" s="119">
        <v>857338</v>
      </c>
      <c r="JX21" s="119">
        <v>1389508</v>
      </c>
      <c r="JY21" s="119">
        <v>303434</v>
      </c>
      <c r="JZ21" s="119">
        <v>818122</v>
      </c>
      <c r="KA21" s="120">
        <v>4118253</v>
      </c>
      <c r="KB21" s="321">
        <v>4118253</v>
      </c>
      <c r="KC21" s="234">
        <v>35606</v>
      </c>
      <c r="KD21" s="230">
        <v>85011</v>
      </c>
      <c r="KE21" s="120">
        <v>120617</v>
      </c>
      <c r="KF21" s="118">
        <v>0</v>
      </c>
      <c r="KG21" s="119">
        <v>1184678</v>
      </c>
      <c r="KH21" s="119">
        <v>4718426</v>
      </c>
      <c r="KI21" s="119">
        <v>3066943</v>
      </c>
      <c r="KJ21" s="119">
        <v>5111983</v>
      </c>
      <c r="KK21" s="119">
        <v>3942273</v>
      </c>
      <c r="KL21" s="120">
        <v>18024303</v>
      </c>
      <c r="KM21" s="143">
        <v>18144920</v>
      </c>
      <c r="KN21" s="232">
        <v>0</v>
      </c>
      <c r="KO21" s="236">
        <v>0</v>
      </c>
      <c r="KP21" s="237">
        <v>0</v>
      </c>
      <c r="KQ21" s="140"/>
      <c r="KR21" s="119">
        <v>4332113</v>
      </c>
      <c r="KS21" s="119">
        <v>12133740</v>
      </c>
      <c r="KT21" s="119">
        <v>16425159</v>
      </c>
      <c r="KU21" s="119">
        <v>10794260</v>
      </c>
      <c r="KV21" s="119">
        <v>7917415</v>
      </c>
      <c r="KW21" s="120">
        <v>51602687</v>
      </c>
      <c r="KX21" s="321">
        <v>51602687</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223125</v>
      </c>
      <c r="LO21" s="119">
        <v>476882</v>
      </c>
      <c r="LP21" s="119">
        <v>2332295</v>
      </c>
      <c r="LQ21" s="119">
        <v>4390531</v>
      </c>
      <c r="LR21" s="119">
        <v>2781304</v>
      </c>
      <c r="LS21" s="120">
        <v>10204137</v>
      </c>
      <c r="LT21" s="321">
        <v>10204137</v>
      </c>
      <c r="LU21" s="142">
        <v>0</v>
      </c>
      <c r="LV21" s="119">
        <v>0</v>
      </c>
      <c r="LW21" s="120">
        <v>0</v>
      </c>
      <c r="LX21" s="145"/>
      <c r="LY21" s="119">
        <v>422828</v>
      </c>
      <c r="LZ21" s="119">
        <v>940758</v>
      </c>
      <c r="MA21" s="119">
        <v>1832522</v>
      </c>
      <c r="MB21" s="119">
        <v>289963</v>
      </c>
      <c r="MC21" s="119">
        <v>1341388</v>
      </c>
      <c r="MD21" s="120">
        <v>4827459</v>
      </c>
      <c r="ME21" s="121">
        <v>4827459</v>
      </c>
      <c r="MF21" s="142">
        <v>0</v>
      </c>
      <c r="MG21" s="119">
        <v>0</v>
      </c>
      <c r="MH21" s="120">
        <v>0</v>
      </c>
      <c r="MI21" s="145"/>
      <c r="MJ21" s="119">
        <v>17945049</v>
      </c>
      <c r="MK21" s="119">
        <v>31203438</v>
      </c>
      <c r="ML21" s="119">
        <v>89429136</v>
      </c>
      <c r="MM21" s="119">
        <v>131965192</v>
      </c>
      <c r="MN21" s="119">
        <v>86708424</v>
      </c>
      <c r="MO21" s="120">
        <v>357251239</v>
      </c>
      <c r="MP21" s="143">
        <v>357251239</v>
      </c>
      <c r="MQ21" s="142">
        <v>0</v>
      </c>
      <c r="MR21" s="119">
        <v>0</v>
      </c>
      <c r="MS21" s="120">
        <v>0</v>
      </c>
      <c r="MT21" s="145"/>
      <c r="MU21" s="119">
        <v>1470573</v>
      </c>
      <c r="MV21" s="119">
        <v>5554139</v>
      </c>
      <c r="MW21" s="119">
        <v>49228199</v>
      </c>
      <c r="MX21" s="119">
        <v>77933206</v>
      </c>
      <c r="MY21" s="119">
        <v>63794214</v>
      </c>
      <c r="MZ21" s="120">
        <v>197980331</v>
      </c>
      <c r="NA21" s="143">
        <v>197980331</v>
      </c>
      <c r="NB21" s="142">
        <v>0</v>
      </c>
      <c r="NC21" s="119">
        <v>0</v>
      </c>
      <c r="ND21" s="120">
        <v>0</v>
      </c>
      <c r="NE21" s="145"/>
      <c r="NF21" s="119">
        <v>16474476</v>
      </c>
      <c r="NG21" s="119">
        <v>25550047</v>
      </c>
      <c r="NH21" s="119">
        <v>38815933</v>
      </c>
      <c r="NI21" s="119">
        <v>48536572</v>
      </c>
      <c r="NJ21" s="119">
        <v>17179059</v>
      </c>
      <c r="NK21" s="120">
        <v>146556087</v>
      </c>
      <c r="NL21" s="321">
        <v>146556087</v>
      </c>
      <c r="NM21" s="142">
        <v>0</v>
      </c>
      <c r="NN21" s="119">
        <v>0</v>
      </c>
      <c r="NO21" s="120">
        <v>0</v>
      </c>
      <c r="NP21" s="145"/>
      <c r="NQ21" s="119">
        <v>0</v>
      </c>
      <c r="NR21" s="119">
        <v>0</v>
      </c>
      <c r="NS21" s="119">
        <v>0</v>
      </c>
      <c r="NT21" s="119">
        <v>0</v>
      </c>
      <c r="NU21" s="119">
        <v>683952</v>
      </c>
      <c r="NV21" s="120">
        <v>683952</v>
      </c>
      <c r="NW21" s="121">
        <v>683952</v>
      </c>
      <c r="NX21" s="142">
        <v>0</v>
      </c>
      <c r="NY21" s="119">
        <v>0</v>
      </c>
      <c r="NZ21" s="120">
        <v>0</v>
      </c>
      <c r="OA21" s="145"/>
      <c r="OB21" s="119">
        <v>0</v>
      </c>
      <c r="OC21" s="119">
        <v>99252</v>
      </c>
      <c r="OD21" s="119">
        <v>1385004</v>
      </c>
      <c r="OE21" s="119">
        <v>5495414</v>
      </c>
      <c r="OF21" s="119">
        <v>5051199</v>
      </c>
      <c r="OG21" s="120">
        <v>12030869</v>
      </c>
      <c r="OH21" s="121">
        <v>12030869</v>
      </c>
      <c r="OI21" s="142">
        <v>6335920</v>
      </c>
      <c r="OJ21" s="119">
        <v>13011471</v>
      </c>
      <c r="OK21" s="141">
        <v>19347391</v>
      </c>
      <c r="OL21" s="118">
        <v>0</v>
      </c>
      <c r="OM21" s="119">
        <v>115915036</v>
      </c>
      <c r="ON21" s="119">
        <v>195518475</v>
      </c>
      <c r="OO21" s="119">
        <v>242165342</v>
      </c>
      <c r="OP21" s="119">
        <v>267960431</v>
      </c>
      <c r="OQ21" s="119">
        <v>190755113</v>
      </c>
      <c r="OR21" s="120">
        <v>1012314397</v>
      </c>
      <c r="OS21" s="143">
        <v>1031661788</v>
      </c>
    </row>
    <row r="22" spans="2:409" ht="19.8" customHeight="1" x14ac:dyDescent="0.2">
      <c r="B22" s="62" t="s">
        <v>17</v>
      </c>
      <c r="C22" s="110">
        <v>6422966</v>
      </c>
      <c r="D22" s="114">
        <v>15775803</v>
      </c>
      <c r="E22" s="113">
        <v>22198769</v>
      </c>
      <c r="F22" s="109">
        <v>0</v>
      </c>
      <c r="G22" s="114">
        <v>83650670</v>
      </c>
      <c r="H22" s="114">
        <v>161551511</v>
      </c>
      <c r="I22" s="114">
        <v>124793533</v>
      </c>
      <c r="J22" s="114">
        <v>125180166</v>
      </c>
      <c r="K22" s="114">
        <v>100461514</v>
      </c>
      <c r="L22" s="109">
        <v>595637394</v>
      </c>
      <c r="M22" s="116">
        <v>617836163</v>
      </c>
      <c r="N22" s="110">
        <v>1166804</v>
      </c>
      <c r="O22" s="114">
        <v>3580522</v>
      </c>
      <c r="P22" s="113">
        <v>4747326</v>
      </c>
      <c r="Q22" s="110">
        <v>0</v>
      </c>
      <c r="R22" s="114">
        <v>18645828</v>
      </c>
      <c r="S22" s="114">
        <v>43130543</v>
      </c>
      <c r="T22" s="114">
        <v>38378906</v>
      </c>
      <c r="U22" s="114">
        <v>47302109</v>
      </c>
      <c r="V22" s="114">
        <v>53116076</v>
      </c>
      <c r="W22" s="113">
        <v>200573462</v>
      </c>
      <c r="X22" s="116">
        <v>205320788</v>
      </c>
      <c r="Y22" s="110">
        <v>0</v>
      </c>
      <c r="Z22" s="114">
        <v>0</v>
      </c>
      <c r="AA22" s="113">
        <v>0</v>
      </c>
      <c r="AB22" s="110">
        <v>0</v>
      </c>
      <c r="AC22" s="114">
        <v>8082766</v>
      </c>
      <c r="AD22" s="114">
        <v>22086641</v>
      </c>
      <c r="AE22" s="114">
        <v>21622128</v>
      </c>
      <c r="AF22" s="114">
        <v>28682360</v>
      </c>
      <c r="AG22" s="114">
        <v>34192631</v>
      </c>
      <c r="AH22" s="113">
        <v>114666526</v>
      </c>
      <c r="AI22" s="116">
        <v>114666526</v>
      </c>
      <c r="AJ22" s="110">
        <v>0</v>
      </c>
      <c r="AK22" s="114">
        <v>62428</v>
      </c>
      <c r="AL22" s="113">
        <v>62428</v>
      </c>
      <c r="AM22" s="110">
        <v>0</v>
      </c>
      <c r="AN22" s="114">
        <v>81227</v>
      </c>
      <c r="AO22" s="114">
        <v>240013</v>
      </c>
      <c r="AP22" s="114">
        <v>1336219</v>
      </c>
      <c r="AQ22" s="114">
        <v>2581772</v>
      </c>
      <c r="AR22" s="114">
        <v>5405961</v>
      </c>
      <c r="AS22" s="113">
        <v>9645192</v>
      </c>
      <c r="AT22" s="116">
        <v>9707620</v>
      </c>
      <c r="AU22" s="110">
        <v>628828</v>
      </c>
      <c r="AV22" s="114">
        <v>2673060</v>
      </c>
      <c r="AW22" s="113">
        <v>3301888</v>
      </c>
      <c r="AX22" s="110">
        <v>0</v>
      </c>
      <c r="AY22" s="114">
        <v>6028472</v>
      </c>
      <c r="AZ22" s="114">
        <v>13529485</v>
      </c>
      <c r="BA22" s="114">
        <v>9498751</v>
      </c>
      <c r="BB22" s="114">
        <v>9803857</v>
      </c>
      <c r="BC22" s="114">
        <v>8642812</v>
      </c>
      <c r="BD22" s="113">
        <v>47503377</v>
      </c>
      <c r="BE22" s="116">
        <v>50805265</v>
      </c>
      <c r="BF22" s="110">
        <v>43782</v>
      </c>
      <c r="BG22" s="114">
        <v>182111</v>
      </c>
      <c r="BH22" s="112">
        <v>225893</v>
      </c>
      <c r="BI22" s="111">
        <v>0</v>
      </c>
      <c r="BJ22" s="114">
        <v>546972</v>
      </c>
      <c r="BK22" s="114">
        <v>1200124</v>
      </c>
      <c r="BL22" s="114">
        <v>826724</v>
      </c>
      <c r="BM22" s="114">
        <v>787529</v>
      </c>
      <c r="BN22" s="114">
        <v>365645</v>
      </c>
      <c r="BO22" s="113">
        <v>3726994</v>
      </c>
      <c r="BP22" s="116">
        <v>3952887</v>
      </c>
      <c r="BQ22" s="110">
        <v>494194</v>
      </c>
      <c r="BR22" s="114">
        <v>662923</v>
      </c>
      <c r="BS22" s="113">
        <v>1157117</v>
      </c>
      <c r="BT22" s="110">
        <v>0</v>
      </c>
      <c r="BU22" s="114">
        <v>3906391</v>
      </c>
      <c r="BV22" s="114">
        <v>6074280</v>
      </c>
      <c r="BW22" s="114">
        <v>5095084</v>
      </c>
      <c r="BX22" s="114">
        <v>5446591</v>
      </c>
      <c r="BY22" s="114">
        <v>4509027</v>
      </c>
      <c r="BZ22" s="113">
        <v>25031373</v>
      </c>
      <c r="CA22" s="116">
        <v>26188490</v>
      </c>
      <c r="CB22" s="110">
        <v>639502</v>
      </c>
      <c r="CC22" s="114">
        <v>2688969</v>
      </c>
      <c r="CD22" s="113">
        <v>3328471</v>
      </c>
      <c r="CE22" s="110">
        <v>0</v>
      </c>
      <c r="CF22" s="114">
        <v>27274614</v>
      </c>
      <c r="CG22" s="114">
        <v>56601399</v>
      </c>
      <c r="CH22" s="114">
        <v>36429189</v>
      </c>
      <c r="CI22" s="114">
        <v>26731505</v>
      </c>
      <c r="CJ22" s="114">
        <v>13723077</v>
      </c>
      <c r="CK22" s="113">
        <v>160759784</v>
      </c>
      <c r="CL22" s="116">
        <v>164088255</v>
      </c>
      <c r="CM22" s="110">
        <v>0</v>
      </c>
      <c r="CN22" s="114">
        <v>0</v>
      </c>
      <c r="CO22" s="113">
        <v>0</v>
      </c>
      <c r="CP22" s="111">
        <v>0</v>
      </c>
      <c r="CQ22" s="114">
        <v>23472837</v>
      </c>
      <c r="CR22" s="114">
        <v>44247988</v>
      </c>
      <c r="CS22" s="114">
        <v>29428780</v>
      </c>
      <c r="CT22" s="114">
        <v>22197707</v>
      </c>
      <c r="CU22" s="114">
        <v>11712964</v>
      </c>
      <c r="CV22" s="113">
        <v>131060276</v>
      </c>
      <c r="CW22" s="116">
        <v>131060276</v>
      </c>
      <c r="CX22" s="110">
        <v>639502</v>
      </c>
      <c r="CY22" s="114">
        <v>2688969</v>
      </c>
      <c r="CZ22" s="113">
        <v>3328471</v>
      </c>
      <c r="DA22" s="110">
        <v>0</v>
      </c>
      <c r="DB22" s="114">
        <v>3801777</v>
      </c>
      <c r="DC22" s="114">
        <v>12353411</v>
      </c>
      <c r="DD22" s="114">
        <v>7000409</v>
      </c>
      <c r="DE22" s="114">
        <v>4533798</v>
      </c>
      <c r="DF22" s="114">
        <v>2010113</v>
      </c>
      <c r="DG22" s="113">
        <v>29699508</v>
      </c>
      <c r="DH22" s="116">
        <v>33027979</v>
      </c>
      <c r="DI22" s="110">
        <v>57313</v>
      </c>
      <c r="DJ22" s="114">
        <v>44553</v>
      </c>
      <c r="DK22" s="112">
        <v>101866</v>
      </c>
      <c r="DL22" s="111">
        <v>0</v>
      </c>
      <c r="DM22" s="114">
        <v>2708272</v>
      </c>
      <c r="DN22" s="114">
        <v>7452222</v>
      </c>
      <c r="DO22" s="114">
        <v>9302131</v>
      </c>
      <c r="DP22" s="114">
        <v>11677178</v>
      </c>
      <c r="DQ22" s="114">
        <v>5389503</v>
      </c>
      <c r="DR22" s="113">
        <v>36529306</v>
      </c>
      <c r="DS22" s="116">
        <v>36631172</v>
      </c>
      <c r="DT22" s="110">
        <v>57313</v>
      </c>
      <c r="DU22" s="114">
        <v>44553</v>
      </c>
      <c r="DV22" s="113">
        <v>101866</v>
      </c>
      <c r="DW22" s="110">
        <v>0</v>
      </c>
      <c r="DX22" s="114">
        <v>2334069</v>
      </c>
      <c r="DY22" s="114">
        <v>6164938</v>
      </c>
      <c r="DZ22" s="114">
        <v>8682845</v>
      </c>
      <c r="EA22" s="114">
        <v>10663025</v>
      </c>
      <c r="EB22" s="114">
        <v>4529218</v>
      </c>
      <c r="EC22" s="113">
        <v>32374095</v>
      </c>
      <c r="ED22" s="116">
        <v>32475961</v>
      </c>
      <c r="EE22" s="110">
        <v>0</v>
      </c>
      <c r="EF22" s="112">
        <v>0</v>
      </c>
      <c r="EG22" s="113">
        <v>0</v>
      </c>
      <c r="EH22" s="110">
        <v>0</v>
      </c>
      <c r="EI22" s="114">
        <v>374203</v>
      </c>
      <c r="EJ22" s="114">
        <v>1287284</v>
      </c>
      <c r="EK22" s="114">
        <v>619286</v>
      </c>
      <c r="EL22" s="114">
        <v>1014153</v>
      </c>
      <c r="EM22" s="114">
        <v>860285</v>
      </c>
      <c r="EN22" s="112">
        <v>4155211</v>
      </c>
      <c r="EO22" s="116">
        <v>4155211</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8"/>
      <c r="FE22" s="114">
        <v>0</v>
      </c>
      <c r="FF22" s="114">
        <v>0</v>
      </c>
      <c r="FG22" s="114">
        <v>0</v>
      </c>
      <c r="FH22" s="114">
        <v>0</v>
      </c>
      <c r="FI22" s="114">
        <v>0</v>
      </c>
      <c r="FJ22" s="113">
        <v>0</v>
      </c>
      <c r="FK22" s="116">
        <v>0</v>
      </c>
      <c r="FL22" s="110">
        <v>1818267</v>
      </c>
      <c r="FM22" s="114">
        <v>3790372</v>
      </c>
      <c r="FN22" s="113">
        <v>5608639</v>
      </c>
      <c r="FO22" s="110">
        <v>0</v>
      </c>
      <c r="FP22" s="114">
        <v>4442665</v>
      </c>
      <c r="FQ22" s="114">
        <v>16333389</v>
      </c>
      <c r="FR22" s="114">
        <v>10336389</v>
      </c>
      <c r="FS22" s="114">
        <v>10303837</v>
      </c>
      <c r="FT22" s="114">
        <v>8659643</v>
      </c>
      <c r="FU22" s="113">
        <v>50075923</v>
      </c>
      <c r="FV22" s="116">
        <v>55684562</v>
      </c>
      <c r="FW22" s="115">
        <v>964048</v>
      </c>
      <c r="FX22" s="114">
        <v>3263761</v>
      </c>
      <c r="FY22" s="112">
        <v>4227809</v>
      </c>
      <c r="FZ22" s="111">
        <v>0</v>
      </c>
      <c r="GA22" s="114">
        <v>3020089</v>
      </c>
      <c r="GB22" s="114">
        <v>14933935</v>
      </c>
      <c r="GC22" s="114">
        <v>9709503</v>
      </c>
      <c r="GD22" s="114">
        <v>9789349</v>
      </c>
      <c r="GE22" s="114">
        <v>8287237</v>
      </c>
      <c r="GF22" s="113">
        <v>45740113</v>
      </c>
      <c r="GG22" s="319">
        <v>49967922</v>
      </c>
      <c r="GH22" s="115">
        <v>40257</v>
      </c>
      <c r="GI22" s="114">
        <v>233611</v>
      </c>
      <c r="GJ22" s="112">
        <v>273868</v>
      </c>
      <c r="GK22" s="111">
        <v>0</v>
      </c>
      <c r="GL22" s="114">
        <v>316029</v>
      </c>
      <c r="GM22" s="114">
        <v>333900</v>
      </c>
      <c r="GN22" s="114">
        <v>308496</v>
      </c>
      <c r="GO22" s="114">
        <v>335301</v>
      </c>
      <c r="GP22" s="114">
        <v>44550</v>
      </c>
      <c r="GQ22" s="113">
        <v>1338276</v>
      </c>
      <c r="GR22" s="116">
        <v>1612144</v>
      </c>
      <c r="GS22" s="110">
        <v>813962</v>
      </c>
      <c r="GT22" s="114">
        <v>293000</v>
      </c>
      <c r="GU22" s="113">
        <v>1106962</v>
      </c>
      <c r="GV22" s="110">
        <v>0</v>
      </c>
      <c r="GW22" s="114">
        <v>1106547</v>
      </c>
      <c r="GX22" s="114">
        <v>1065554</v>
      </c>
      <c r="GY22" s="114">
        <v>318390</v>
      </c>
      <c r="GZ22" s="114">
        <v>179187</v>
      </c>
      <c r="HA22" s="114">
        <v>327856</v>
      </c>
      <c r="HB22" s="112">
        <v>2997534</v>
      </c>
      <c r="HC22" s="116">
        <v>4104496</v>
      </c>
      <c r="HD22" s="110">
        <v>1542150</v>
      </c>
      <c r="HE22" s="114">
        <v>3016884</v>
      </c>
      <c r="HF22" s="112">
        <v>4559034</v>
      </c>
      <c r="HG22" s="111">
        <v>0</v>
      </c>
      <c r="HH22" s="114">
        <v>17010973</v>
      </c>
      <c r="HI22" s="114">
        <v>17058480</v>
      </c>
      <c r="HJ22" s="114">
        <v>16704098</v>
      </c>
      <c r="HK22" s="114">
        <v>19076910</v>
      </c>
      <c r="HL22" s="114">
        <v>12867274</v>
      </c>
      <c r="HM22" s="113">
        <v>82717735</v>
      </c>
      <c r="HN22" s="109">
        <v>87276769</v>
      </c>
      <c r="HO22" s="115">
        <v>1198930</v>
      </c>
      <c r="HP22" s="114">
        <v>2654503</v>
      </c>
      <c r="HQ22" s="113">
        <v>3853433</v>
      </c>
      <c r="HR22" s="110">
        <v>0</v>
      </c>
      <c r="HS22" s="114">
        <v>13568318</v>
      </c>
      <c r="HT22" s="114">
        <v>20975478</v>
      </c>
      <c r="HU22" s="114">
        <v>13642820</v>
      </c>
      <c r="HV22" s="114">
        <v>10088627</v>
      </c>
      <c r="HW22" s="114">
        <v>6705941</v>
      </c>
      <c r="HX22" s="112">
        <v>64981184</v>
      </c>
      <c r="HY22" s="116">
        <v>68834617</v>
      </c>
      <c r="HZ22" s="150">
        <v>119360</v>
      </c>
      <c r="IA22" s="135">
        <v>388217</v>
      </c>
      <c r="IB22" s="150">
        <v>507577</v>
      </c>
      <c r="IC22" s="134">
        <v>0</v>
      </c>
      <c r="ID22" s="135">
        <v>27517652</v>
      </c>
      <c r="IE22" s="136">
        <v>46218348</v>
      </c>
      <c r="IF22" s="137">
        <v>48796454</v>
      </c>
      <c r="IG22" s="135">
        <v>42586761</v>
      </c>
      <c r="IH22" s="137">
        <v>34982968</v>
      </c>
      <c r="II22" s="138">
        <v>200102183</v>
      </c>
      <c r="IJ22" s="150">
        <v>200609760</v>
      </c>
      <c r="IK22" s="232">
        <v>0</v>
      </c>
      <c r="IL22" s="236">
        <v>0</v>
      </c>
      <c r="IM22" s="237">
        <v>0</v>
      </c>
      <c r="IN22" s="140"/>
      <c r="IO22" s="119">
        <v>122372</v>
      </c>
      <c r="IP22" s="119">
        <v>439433</v>
      </c>
      <c r="IQ22" s="119">
        <v>181236</v>
      </c>
      <c r="IR22" s="119">
        <v>1136789</v>
      </c>
      <c r="IS22" s="119">
        <v>0</v>
      </c>
      <c r="IT22" s="141">
        <v>1879830</v>
      </c>
      <c r="IU22" s="321">
        <v>1879830</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2766017</v>
      </c>
      <c r="JL22" s="119">
        <v>19553136</v>
      </c>
      <c r="JM22" s="119">
        <v>13010249</v>
      </c>
      <c r="JN22" s="119">
        <v>12955968</v>
      </c>
      <c r="JO22" s="119">
        <v>9119737</v>
      </c>
      <c r="JP22" s="120">
        <v>67405107</v>
      </c>
      <c r="JQ22" s="321">
        <v>67405107</v>
      </c>
      <c r="JR22" s="142">
        <v>72816</v>
      </c>
      <c r="JS22" s="119">
        <v>119444</v>
      </c>
      <c r="JT22" s="141">
        <v>192260</v>
      </c>
      <c r="JU22" s="118">
        <v>0</v>
      </c>
      <c r="JV22" s="119">
        <v>1610888</v>
      </c>
      <c r="JW22" s="119">
        <v>2117797</v>
      </c>
      <c r="JX22" s="119">
        <v>2797537</v>
      </c>
      <c r="JY22" s="119">
        <v>1770597</v>
      </c>
      <c r="JZ22" s="119">
        <v>1025172</v>
      </c>
      <c r="KA22" s="120">
        <v>9321991</v>
      </c>
      <c r="KB22" s="321">
        <v>9514251</v>
      </c>
      <c r="KC22" s="234">
        <v>46544</v>
      </c>
      <c r="KD22" s="230">
        <v>268773</v>
      </c>
      <c r="KE22" s="120">
        <v>315317</v>
      </c>
      <c r="KF22" s="118">
        <v>0</v>
      </c>
      <c r="KG22" s="119">
        <v>2136940</v>
      </c>
      <c r="KH22" s="119">
        <v>6353978</v>
      </c>
      <c r="KI22" s="119">
        <v>9485850</v>
      </c>
      <c r="KJ22" s="119">
        <v>6930583</v>
      </c>
      <c r="KK22" s="119">
        <v>4039107</v>
      </c>
      <c r="KL22" s="120">
        <v>28946458</v>
      </c>
      <c r="KM22" s="143">
        <v>29261775</v>
      </c>
      <c r="KN22" s="232">
        <v>0</v>
      </c>
      <c r="KO22" s="236">
        <v>0</v>
      </c>
      <c r="KP22" s="237">
        <v>0</v>
      </c>
      <c r="KQ22" s="140"/>
      <c r="KR22" s="119">
        <v>10016810</v>
      </c>
      <c r="KS22" s="119">
        <v>17273312</v>
      </c>
      <c r="KT22" s="119">
        <v>14209446</v>
      </c>
      <c r="KU22" s="119">
        <v>9626643</v>
      </c>
      <c r="KV22" s="119">
        <v>5924350</v>
      </c>
      <c r="KW22" s="120">
        <v>57050561</v>
      </c>
      <c r="KX22" s="321">
        <v>57050561</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146805</v>
      </c>
      <c r="LO22" s="119">
        <v>480692</v>
      </c>
      <c r="LP22" s="119">
        <v>8710015</v>
      </c>
      <c r="LQ22" s="119">
        <v>8839588</v>
      </c>
      <c r="LR22" s="119">
        <v>11498088</v>
      </c>
      <c r="LS22" s="120">
        <v>29675188</v>
      </c>
      <c r="LT22" s="321">
        <v>29675188</v>
      </c>
      <c r="LU22" s="142">
        <v>0</v>
      </c>
      <c r="LV22" s="119">
        <v>0</v>
      </c>
      <c r="LW22" s="120">
        <v>0</v>
      </c>
      <c r="LX22" s="145"/>
      <c r="LY22" s="119">
        <v>717820</v>
      </c>
      <c r="LZ22" s="119">
        <v>0</v>
      </c>
      <c r="MA22" s="119">
        <v>402121</v>
      </c>
      <c r="MB22" s="119">
        <v>1326593</v>
      </c>
      <c r="MC22" s="119">
        <v>3376514</v>
      </c>
      <c r="MD22" s="120">
        <v>5823048</v>
      </c>
      <c r="ME22" s="121">
        <v>5823048</v>
      </c>
      <c r="MF22" s="142">
        <v>0</v>
      </c>
      <c r="MG22" s="119">
        <v>0</v>
      </c>
      <c r="MH22" s="120">
        <v>0</v>
      </c>
      <c r="MI22" s="145"/>
      <c r="MJ22" s="119">
        <v>10824656</v>
      </c>
      <c r="MK22" s="119">
        <v>29430543</v>
      </c>
      <c r="ML22" s="119">
        <v>89282052</v>
      </c>
      <c r="MM22" s="119">
        <v>117687257</v>
      </c>
      <c r="MN22" s="119">
        <v>86267141</v>
      </c>
      <c r="MO22" s="120">
        <v>333491649</v>
      </c>
      <c r="MP22" s="143">
        <v>333491649</v>
      </c>
      <c r="MQ22" s="142">
        <v>0</v>
      </c>
      <c r="MR22" s="119">
        <v>0</v>
      </c>
      <c r="MS22" s="120">
        <v>0</v>
      </c>
      <c r="MT22" s="145"/>
      <c r="MU22" s="119">
        <v>1035795</v>
      </c>
      <c r="MV22" s="119">
        <v>3558987</v>
      </c>
      <c r="MW22" s="119">
        <v>50948720</v>
      </c>
      <c r="MX22" s="119">
        <v>79426002</v>
      </c>
      <c r="MY22" s="119">
        <v>55351132</v>
      </c>
      <c r="MZ22" s="120">
        <v>190320636</v>
      </c>
      <c r="NA22" s="143">
        <v>190320636</v>
      </c>
      <c r="NB22" s="142">
        <v>0</v>
      </c>
      <c r="NC22" s="119">
        <v>0</v>
      </c>
      <c r="ND22" s="120">
        <v>0</v>
      </c>
      <c r="NE22" s="145"/>
      <c r="NF22" s="119">
        <v>9788861</v>
      </c>
      <c r="NG22" s="119">
        <v>25871556</v>
      </c>
      <c r="NH22" s="119">
        <v>37953441</v>
      </c>
      <c r="NI22" s="119">
        <v>36767895</v>
      </c>
      <c r="NJ22" s="119">
        <v>23572714</v>
      </c>
      <c r="NK22" s="120">
        <v>133954467</v>
      </c>
      <c r="NL22" s="321">
        <v>133954467</v>
      </c>
      <c r="NM22" s="142">
        <v>0</v>
      </c>
      <c r="NN22" s="119">
        <v>0</v>
      </c>
      <c r="NO22" s="120">
        <v>0</v>
      </c>
      <c r="NP22" s="145"/>
      <c r="NQ22" s="119">
        <v>0</v>
      </c>
      <c r="NR22" s="119">
        <v>0</v>
      </c>
      <c r="NS22" s="119">
        <v>0</v>
      </c>
      <c r="NT22" s="119">
        <v>0</v>
      </c>
      <c r="NU22" s="119">
        <v>1355036</v>
      </c>
      <c r="NV22" s="120">
        <v>1355036</v>
      </c>
      <c r="NW22" s="121">
        <v>1355036</v>
      </c>
      <c r="NX22" s="142">
        <v>0</v>
      </c>
      <c r="NY22" s="119">
        <v>0</v>
      </c>
      <c r="NZ22" s="120">
        <v>0</v>
      </c>
      <c r="OA22" s="145"/>
      <c r="OB22" s="119">
        <v>0</v>
      </c>
      <c r="OC22" s="119">
        <v>0</v>
      </c>
      <c r="OD22" s="119">
        <v>379891</v>
      </c>
      <c r="OE22" s="119">
        <v>1493360</v>
      </c>
      <c r="OF22" s="119">
        <v>5988259</v>
      </c>
      <c r="OG22" s="120">
        <v>7861510</v>
      </c>
      <c r="OH22" s="121">
        <v>7861510</v>
      </c>
      <c r="OI22" s="142">
        <v>6542326</v>
      </c>
      <c r="OJ22" s="119">
        <v>16164020</v>
      </c>
      <c r="OK22" s="141">
        <v>22706346</v>
      </c>
      <c r="OL22" s="118">
        <v>0</v>
      </c>
      <c r="OM22" s="119">
        <v>121992978</v>
      </c>
      <c r="ON22" s="119">
        <v>237200402</v>
      </c>
      <c r="OO22" s="119">
        <v>262872039</v>
      </c>
      <c r="OP22" s="119">
        <v>285454184</v>
      </c>
      <c r="OQ22" s="119">
        <v>221711623</v>
      </c>
      <c r="OR22" s="120">
        <v>1129231226</v>
      </c>
      <c r="OS22" s="143">
        <v>1151937572</v>
      </c>
    </row>
    <row r="23" spans="2:409" ht="19.8" customHeight="1" x14ac:dyDescent="0.2">
      <c r="B23" s="62" t="s">
        <v>18</v>
      </c>
      <c r="C23" s="110">
        <v>8681851</v>
      </c>
      <c r="D23" s="114">
        <v>16120774</v>
      </c>
      <c r="E23" s="113">
        <v>24802625</v>
      </c>
      <c r="F23" s="109">
        <v>0</v>
      </c>
      <c r="G23" s="114">
        <v>140023531</v>
      </c>
      <c r="H23" s="114">
        <v>172867080</v>
      </c>
      <c r="I23" s="114">
        <v>151869862</v>
      </c>
      <c r="J23" s="114">
        <v>146376455</v>
      </c>
      <c r="K23" s="114">
        <v>104117245</v>
      </c>
      <c r="L23" s="109">
        <v>715254173</v>
      </c>
      <c r="M23" s="116">
        <v>740056798</v>
      </c>
      <c r="N23" s="110">
        <v>2223674</v>
      </c>
      <c r="O23" s="114">
        <v>3951962</v>
      </c>
      <c r="P23" s="113">
        <v>6175636</v>
      </c>
      <c r="Q23" s="110">
        <v>0</v>
      </c>
      <c r="R23" s="114">
        <v>38096467</v>
      </c>
      <c r="S23" s="114">
        <v>51109562</v>
      </c>
      <c r="T23" s="114">
        <v>44522725</v>
      </c>
      <c r="U23" s="114">
        <v>55850687</v>
      </c>
      <c r="V23" s="114">
        <v>53134749</v>
      </c>
      <c r="W23" s="113">
        <v>242714190</v>
      </c>
      <c r="X23" s="116">
        <v>248889826</v>
      </c>
      <c r="Y23" s="110">
        <v>0</v>
      </c>
      <c r="Z23" s="114">
        <v>0</v>
      </c>
      <c r="AA23" s="113">
        <v>0</v>
      </c>
      <c r="AB23" s="110">
        <v>0</v>
      </c>
      <c r="AC23" s="114">
        <v>17637941</v>
      </c>
      <c r="AD23" s="114">
        <v>27177698</v>
      </c>
      <c r="AE23" s="114">
        <v>25331081</v>
      </c>
      <c r="AF23" s="114">
        <v>36489053</v>
      </c>
      <c r="AG23" s="114">
        <v>31716101</v>
      </c>
      <c r="AH23" s="113">
        <v>138351874</v>
      </c>
      <c r="AI23" s="116">
        <v>138351874</v>
      </c>
      <c r="AJ23" s="110">
        <v>0</v>
      </c>
      <c r="AK23" s="114">
        <v>0</v>
      </c>
      <c r="AL23" s="113">
        <v>0</v>
      </c>
      <c r="AM23" s="110">
        <v>0</v>
      </c>
      <c r="AN23" s="114">
        <v>131120</v>
      </c>
      <c r="AO23" s="114">
        <v>879918</v>
      </c>
      <c r="AP23" s="114">
        <v>1174512</v>
      </c>
      <c r="AQ23" s="114">
        <v>2199092</v>
      </c>
      <c r="AR23" s="114">
        <v>5595814</v>
      </c>
      <c r="AS23" s="113">
        <v>9980456</v>
      </c>
      <c r="AT23" s="116">
        <v>9980456</v>
      </c>
      <c r="AU23" s="110">
        <v>1271345</v>
      </c>
      <c r="AV23" s="114">
        <v>2945235</v>
      </c>
      <c r="AW23" s="113">
        <v>4216580</v>
      </c>
      <c r="AX23" s="110">
        <v>0</v>
      </c>
      <c r="AY23" s="114">
        <v>12784970</v>
      </c>
      <c r="AZ23" s="114">
        <v>14162895</v>
      </c>
      <c r="BA23" s="114">
        <v>9770852</v>
      </c>
      <c r="BB23" s="114">
        <v>9241505</v>
      </c>
      <c r="BC23" s="114">
        <v>9515942</v>
      </c>
      <c r="BD23" s="113">
        <v>55476164</v>
      </c>
      <c r="BE23" s="116">
        <v>59692744</v>
      </c>
      <c r="BF23" s="110">
        <v>283436</v>
      </c>
      <c r="BG23" s="114">
        <v>283055</v>
      </c>
      <c r="BH23" s="112">
        <v>566491</v>
      </c>
      <c r="BI23" s="111">
        <v>0</v>
      </c>
      <c r="BJ23" s="114">
        <v>1648668</v>
      </c>
      <c r="BK23" s="114">
        <v>1913806</v>
      </c>
      <c r="BL23" s="114">
        <v>1651017</v>
      </c>
      <c r="BM23" s="114">
        <v>1383649</v>
      </c>
      <c r="BN23" s="114">
        <v>743029</v>
      </c>
      <c r="BO23" s="113">
        <v>7340169</v>
      </c>
      <c r="BP23" s="116">
        <v>7906660</v>
      </c>
      <c r="BQ23" s="110">
        <v>668893</v>
      </c>
      <c r="BR23" s="114">
        <v>723672</v>
      </c>
      <c r="BS23" s="113">
        <v>1392565</v>
      </c>
      <c r="BT23" s="110">
        <v>0</v>
      </c>
      <c r="BU23" s="114">
        <v>5893768</v>
      </c>
      <c r="BV23" s="114">
        <v>6975245</v>
      </c>
      <c r="BW23" s="114">
        <v>6595263</v>
      </c>
      <c r="BX23" s="114">
        <v>6537388</v>
      </c>
      <c r="BY23" s="114">
        <v>5563863</v>
      </c>
      <c r="BZ23" s="113">
        <v>31565527</v>
      </c>
      <c r="CA23" s="116">
        <v>32958092</v>
      </c>
      <c r="CB23" s="110">
        <v>1216504</v>
      </c>
      <c r="CC23" s="114">
        <v>3760599</v>
      </c>
      <c r="CD23" s="113">
        <v>4977103</v>
      </c>
      <c r="CE23" s="110">
        <v>0</v>
      </c>
      <c r="CF23" s="114">
        <v>47133948</v>
      </c>
      <c r="CG23" s="114">
        <v>57156722</v>
      </c>
      <c r="CH23" s="114">
        <v>44275858</v>
      </c>
      <c r="CI23" s="114">
        <v>30484843</v>
      </c>
      <c r="CJ23" s="114">
        <v>13390593</v>
      </c>
      <c r="CK23" s="113">
        <v>192441964</v>
      </c>
      <c r="CL23" s="116">
        <v>197419067</v>
      </c>
      <c r="CM23" s="110">
        <v>0</v>
      </c>
      <c r="CN23" s="114">
        <v>0</v>
      </c>
      <c r="CO23" s="113">
        <v>0</v>
      </c>
      <c r="CP23" s="111">
        <v>0</v>
      </c>
      <c r="CQ23" s="114">
        <v>38819500</v>
      </c>
      <c r="CR23" s="114">
        <v>45826926</v>
      </c>
      <c r="CS23" s="114">
        <v>35895602</v>
      </c>
      <c r="CT23" s="114">
        <v>24575159</v>
      </c>
      <c r="CU23" s="114">
        <v>11713020</v>
      </c>
      <c r="CV23" s="113">
        <v>156830207</v>
      </c>
      <c r="CW23" s="116">
        <v>156830207</v>
      </c>
      <c r="CX23" s="110">
        <v>1216504</v>
      </c>
      <c r="CY23" s="114">
        <v>3760599</v>
      </c>
      <c r="CZ23" s="113">
        <v>4977103</v>
      </c>
      <c r="DA23" s="110">
        <v>0</v>
      </c>
      <c r="DB23" s="114">
        <v>8314448</v>
      </c>
      <c r="DC23" s="114">
        <v>11329796</v>
      </c>
      <c r="DD23" s="114">
        <v>8380256</v>
      </c>
      <c r="DE23" s="114">
        <v>5909684</v>
      </c>
      <c r="DF23" s="114">
        <v>1677573</v>
      </c>
      <c r="DG23" s="113">
        <v>35611757</v>
      </c>
      <c r="DH23" s="116">
        <v>40588860</v>
      </c>
      <c r="DI23" s="110">
        <v>39947</v>
      </c>
      <c r="DJ23" s="114">
        <v>124521</v>
      </c>
      <c r="DK23" s="112">
        <v>164468</v>
      </c>
      <c r="DL23" s="111">
        <v>0</v>
      </c>
      <c r="DM23" s="114">
        <v>3330169</v>
      </c>
      <c r="DN23" s="114">
        <v>7166834</v>
      </c>
      <c r="DO23" s="114">
        <v>19123068</v>
      </c>
      <c r="DP23" s="114">
        <v>17351277</v>
      </c>
      <c r="DQ23" s="114">
        <v>8038734</v>
      </c>
      <c r="DR23" s="113">
        <v>55010082</v>
      </c>
      <c r="DS23" s="116">
        <v>55174550</v>
      </c>
      <c r="DT23" s="110">
        <v>39947</v>
      </c>
      <c r="DU23" s="114">
        <v>124521</v>
      </c>
      <c r="DV23" s="113">
        <v>164468</v>
      </c>
      <c r="DW23" s="110">
        <v>0</v>
      </c>
      <c r="DX23" s="114">
        <v>3249260</v>
      </c>
      <c r="DY23" s="114">
        <v>7082453</v>
      </c>
      <c r="DZ23" s="114">
        <v>18848011</v>
      </c>
      <c r="EA23" s="114">
        <v>17020736</v>
      </c>
      <c r="EB23" s="114">
        <v>7911862</v>
      </c>
      <c r="EC23" s="113">
        <v>54112322</v>
      </c>
      <c r="ED23" s="116">
        <v>54276790</v>
      </c>
      <c r="EE23" s="110">
        <v>0</v>
      </c>
      <c r="EF23" s="112">
        <v>0</v>
      </c>
      <c r="EG23" s="113">
        <v>0</v>
      </c>
      <c r="EH23" s="110">
        <v>0</v>
      </c>
      <c r="EI23" s="114">
        <v>80909</v>
      </c>
      <c r="EJ23" s="114">
        <v>84381</v>
      </c>
      <c r="EK23" s="114">
        <v>275057</v>
      </c>
      <c r="EL23" s="114">
        <v>330541</v>
      </c>
      <c r="EM23" s="114">
        <v>126872</v>
      </c>
      <c r="EN23" s="112">
        <v>897760</v>
      </c>
      <c r="EO23" s="116">
        <v>89776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8"/>
      <c r="FE23" s="114">
        <v>0</v>
      </c>
      <c r="FF23" s="114">
        <v>0</v>
      </c>
      <c r="FG23" s="114">
        <v>0</v>
      </c>
      <c r="FH23" s="114">
        <v>0</v>
      </c>
      <c r="FI23" s="114">
        <v>0</v>
      </c>
      <c r="FJ23" s="113">
        <v>0</v>
      </c>
      <c r="FK23" s="116">
        <v>0</v>
      </c>
      <c r="FL23" s="110">
        <v>2219046</v>
      </c>
      <c r="FM23" s="114">
        <v>3848122</v>
      </c>
      <c r="FN23" s="113">
        <v>6067168</v>
      </c>
      <c r="FO23" s="110">
        <v>0</v>
      </c>
      <c r="FP23" s="114">
        <v>7589174</v>
      </c>
      <c r="FQ23" s="114">
        <v>14886666</v>
      </c>
      <c r="FR23" s="114">
        <v>10207550</v>
      </c>
      <c r="FS23" s="114">
        <v>10981783</v>
      </c>
      <c r="FT23" s="114">
        <v>7935408</v>
      </c>
      <c r="FU23" s="113">
        <v>51600581</v>
      </c>
      <c r="FV23" s="116">
        <v>57667749</v>
      </c>
      <c r="FW23" s="115">
        <v>1084553</v>
      </c>
      <c r="FX23" s="114">
        <v>2821769</v>
      </c>
      <c r="FY23" s="112">
        <v>3906322</v>
      </c>
      <c r="FZ23" s="111">
        <v>0</v>
      </c>
      <c r="GA23" s="114">
        <v>6227869</v>
      </c>
      <c r="GB23" s="114">
        <v>13812563</v>
      </c>
      <c r="GC23" s="114">
        <v>9737948</v>
      </c>
      <c r="GD23" s="114">
        <v>10270400</v>
      </c>
      <c r="GE23" s="114">
        <v>7776928</v>
      </c>
      <c r="GF23" s="113">
        <v>47825708</v>
      </c>
      <c r="GG23" s="319">
        <v>51732030</v>
      </c>
      <c r="GH23" s="115">
        <v>174193</v>
      </c>
      <c r="GI23" s="114">
        <v>81532</v>
      </c>
      <c r="GJ23" s="112">
        <v>255725</v>
      </c>
      <c r="GK23" s="111">
        <v>0</v>
      </c>
      <c r="GL23" s="114">
        <v>287685</v>
      </c>
      <c r="GM23" s="114">
        <v>356043</v>
      </c>
      <c r="GN23" s="114">
        <v>169322</v>
      </c>
      <c r="GO23" s="114">
        <v>357653</v>
      </c>
      <c r="GP23" s="114">
        <v>41580</v>
      </c>
      <c r="GQ23" s="113">
        <v>1212283</v>
      </c>
      <c r="GR23" s="116">
        <v>1468008</v>
      </c>
      <c r="GS23" s="110">
        <v>960300</v>
      </c>
      <c r="GT23" s="114">
        <v>944821</v>
      </c>
      <c r="GU23" s="113">
        <v>1905121</v>
      </c>
      <c r="GV23" s="110">
        <v>0</v>
      </c>
      <c r="GW23" s="114">
        <v>1073620</v>
      </c>
      <c r="GX23" s="114">
        <v>718060</v>
      </c>
      <c r="GY23" s="114">
        <v>300280</v>
      </c>
      <c r="GZ23" s="114">
        <v>353730</v>
      </c>
      <c r="HA23" s="114">
        <v>116900</v>
      </c>
      <c r="HB23" s="112">
        <v>2562590</v>
      </c>
      <c r="HC23" s="116">
        <v>4467711</v>
      </c>
      <c r="HD23" s="110">
        <v>1416950</v>
      </c>
      <c r="HE23" s="114">
        <v>1270558</v>
      </c>
      <c r="HF23" s="112">
        <v>2687508</v>
      </c>
      <c r="HG23" s="111">
        <v>0</v>
      </c>
      <c r="HH23" s="114">
        <v>20802013</v>
      </c>
      <c r="HI23" s="114">
        <v>20755403</v>
      </c>
      <c r="HJ23" s="114">
        <v>18597247</v>
      </c>
      <c r="HK23" s="114">
        <v>21152330</v>
      </c>
      <c r="HL23" s="114">
        <v>15577055</v>
      </c>
      <c r="HM23" s="113">
        <v>96884048</v>
      </c>
      <c r="HN23" s="109">
        <v>99571556</v>
      </c>
      <c r="HO23" s="115">
        <v>1565730</v>
      </c>
      <c r="HP23" s="114">
        <v>3165012</v>
      </c>
      <c r="HQ23" s="113">
        <v>4730742</v>
      </c>
      <c r="HR23" s="110">
        <v>0</v>
      </c>
      <c r="HS23" s="114">
        <v>23071760</v>
      </c>
      <c r="HT23" s="114">
        <v>21791893</v>
      </c>
      <c r="HU23" s="114">
        <v>15143414</v>
      </c>
      <c r="HV23" s="114">
        <v>10555535</v>
      </c>
      <c r="HW23" s="114">
        <v>6040706</v>
      </c>
      <c r="HX23" s="112">
        <v>76603308</v>
      </c>
      <c r="HY23" s="116">
        <v>81334050</v>
      </c>
      <c r="HZ23" s="131">
        <v>423620</v>
      </c>
      <c r="IA23" s="132">
        <v>1352559</v>
      </c>
      <c r="IB23" s="133">
        <v>1776179</v>
      </c>
      <c r="IC23" s="146">
        <v>0</v>
      </c>
      <c r="ID23" s="132">
        <v>33721691</v>
      </c>
      <c r="IE23" s="147">
        <v>47384989</v>
      </c>
      <c r="IF23" s="133">
        <v>51436162</v>
      </c>
      <c r="IG23" s="132">
        <v>38480610</v>
      </c>
      <c r="IH23" s="133">
        <v>28865013</v>
      </c>
      <c r="II23" s="148">
        <v>199888465</v>
      </c>
      <c r="IJ23" s="139">
        <v>201664644</v>
      </c>
      <c r="IK23" s="232">
        <v>0</v>
      </c>
      <c r="IL23" s="236">
        <v>0</v>
      </c>
      <c r="IM23" s="237">
        <v>0</v>
      </c>
      <c r="IN23" s="140"/>
      <c r="IO23" s="119">
        <v>71178</v>
      </c>
      <c r="IP23" s="119">
        <v>115443</v>
      </c>
      <c r="IQ23" s="119">
        <v>656675</v>
      </c>
      <c r="IR23" s="119">
        <v>0</v>
      </c>
      <c r="IS23" s="119">
        <v>508370</v>
      </c>
      <c r="IT23" s="141">
        <v>1351666</v>
      </c>
      <c r="IU23" s="321">
        <v>1351666</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1455220</v>
      </c>
      <c r="JL23" s="119">
        <v>13015326</v>
      </c>
      <c r="JM23" s="119">
        <v>9034999</v>
      </c>
      <c r="JN23" s="119">
        <v>4070455</v>
      </c>
      <c r="JO23" s="119">
        <v>1302922</v>
      </c>
      <c r="JP23" s="120">
        <v>38878922</v>
      </c>
      <c r="JQ23" s="321">
        <v>38878922</v>
      </c>
      <c r="JR23" s="142">
        <v>0</v>
      </c>
      <c r="JS23" s="119">
        <v>0</v>
      </c>
      <c r="JT23" s="141">
        <v>0</v>
      </c>
      <c r="JU23" s="118">
        <v>0</v>
      </c>
      <c r="JV23" s="119">
        <v>1278968</v>
      </c>
      <c r="JW23" s="119">
        <v>708331</v>
      </c>
      <c r="JX23" s="119">
        <v>1664051</v>
      </c>
      <c r="JY23" s="119">
        <v>2068086</v>
      </c>
      <c r="JZ23" s="119">
        <v>1924759</v>
      </c>
      <c r="KA23" s="120">
        <v>7644195</v>
      </c>
      <c r="KB23" s="321">
        <v>7644195</v>
      </c>
      <c r="KC23" s="234">
        <v>423620</v>
      </c>
      <c r="KD23" s="230">
        <v>871985</v>
      </c>
      <c r="KE23" s="120">
        <v>1295605</v>
      </c>
      <c r="KF23" s="118">
        <v>0</v>
      </c>
      <c r="KG23" s="119">
        <v>6672594</v>
      </c>
      <c r="KH23" s="119">
        <v>10099332</v>
      </c>
      <c r="KI23" s="119">
        <v>9312899</v>
      </c>
      <c r="KJ23" s="119">
        <v>6016026</v>
      </c>
      <c r="KK23" s="119">
        <v>3872300</v>
      </c>
      <c r="KL23" s="120">
        <v>35973151</v>
      </c>
      <c r="KM23" s="143">
        <v>37268756</v>
      </c>
      <c r="KN23" s="232">
        <v>0</v>
      </c>
      <c r="KO23" s="236">
        <v>480574</v>
      </c>
      <c r="KP23" s="237">
        <v>480574</v>
      </c>
      <c r="KQ23" s="140"/>
      <c r="KR23" s="119">
        <v>12699253</v>
      </c>
      <c r="KS23" s="119">
        <v>21119325</v>
      </c>
      <c r="KT23" s="119">
        <v>25624039</v>
      </c>
      <c r="KU23" s="119">
        <v>14718768</v>
      </c>
      <c r="KV23" s="119">
        <v>9185587</v>
      </c>
      <c r="KW23" s="120">
        <v>83346972</v>
      </c>
      <c r="KX23" s="321">
        <v>83827546</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425658</v>
      </c>
      <c r="LP23" s="119">
        <v>1992095</v>
      </c>
      <c r="LQ23" s="119">
        <v>5454560</v>
      </c>
      <c r="LR23" s="119">
        <v>656242</v>
      </c>
      <c r="LS23" s="120">
        <v>8528555</v>
      </c>
      <c r="LT23" s="321">
        <v>8528555</v>
      </c>
      <c r="LU23" s="142">
        <v>0</v>
      </c>
      <c r="LV23" s="119">
        <v>0</v>
      </c>
      <c r="LW23" s="120">
        <v>0</v>
      </c>
      <c r="LX23" s="145"/>
      <c r="LY23" s="119">
        <v>1544478</v>
      </c>
      <c r="LZ23" s="119">
        <v>1901574</v>
      </c>
      <c r="MA23" s="119">
        <v>3151404</v>
      </c>
      <c r="MB23" s="119">
        <v>6152715</v>
      </c>
      <c r="MC23" s="119">
        <v>11414833</v>
      </c>
      <c r="MD23" s="120">
        <v>24165004</v>
      </c>
      <c r="ME23" s="121">
        <v>24165004</v>
      </c>
      <c r="MF23" s="142">
        <v>0</v>
      </c>
      <c r="MG23" s="119">
        <v>0</v>
      </c>
      <c r="MH23" s="120">
        <v>0</v>
      </c>
      <c r="MI23" s="145"/>
      <c r="MJ23" s="119">
        <v>8979367</v>
      </c>
      <c r="MK23" s="119">
        <v>17573240</v>
      </c>
      <c r="ML23" s="119">
        <v>83571340</v>
      </c>
      <c r="MM23" s="119">
        <v>155293696</v>
      </c>
      <c r="MN23" s="119">
        <v>115652310</v>
      </c>
      <c r="MO23" s="120">
        <v>381069953</v>
      </c>
      <c r="MP23" s="143">
        <v>381069953</v>
      </c>
      <c r="MQ23" s="142">
        <v>0</v>
      </c>
      <c r="MR23" s="119">
        <v>0</v>
      </c>
      <c r="MS23" s="120">
        <v>0</v>
      </c>
      <c r="MT23" s="145"/>
      <c r="MU23" s="119">
        <v>1173051</v>
      </c>
      <c r="MV23" s="119">
        <v>3147149</v>
      </c>
      <c r="MW23" s="119">
        <v>53693853</v>
      </c>
      <c r="MX23" s="119">
        <v>115234256</v>
      </c>
      <c r="MY23" s="119">
        <v>81804638</v>
      </c>
      <c r="MZ23" s="120">
        <v>255052947</v>
      </c>
      <c r="NA23" s="143">
        <v>255052947</v>
      </c>
      <c r="NB23" s="142">
        <v>0</v>
      </c>
      <c r="NC23" s="119">
        <v>0</v>
      </c>
      <c r="ND23" s="120">
        <v>0</v>
      </c>
      <c r="NE23" s="145"/>
      <c r="NF23" s="119">
        <v>7806316</v>
      </c>
      <c r="NG23" s="119">
        <v>14426091</v>
      </c>
      <c r="NH23" s="119">
        <v>29487428</v>
      </c>
      <c r="NI23" s="119">
        <v>35321083</v>
      </c>
      <c r="NJ23" s="119">
        <v>22782665</v>
      </c>
      <c r="NK23" s="120">
        <v>109823583</v>
      </c>
      <c r="NL23" s="321">
        <v>109823583</v>
      </c>
      <c r="NM23" s="142">
        <v>0</v>
      </c>
      <c r="NN23" s="119">
        <v>0</v>
      </c>
      <c r="NO23" s="120">
        <v>0</v>
      </c>
      <c r="NP23" s="145"/>
      <c r="NQ23" s="119">
        <v>0</v>
      </c>
      <c r="NR23" s="119">
        <v>0</v>
      </c>
      <c r="NS23" s="119">
        <v>0</v>
      </c>
      <c r="NT23" s="119">
        <v>661830</v>
      </c>
      <c r="NU23" s="119">
        <v>2971780</v>
      </c>
      <c r="NV23" s="120">
        <v>3633610</v>
      </c>
      <c r="NW23" s="121">
        <v>3633610</v>
      </c>
      <c r="NX23" s="142">
        <v>0</v>
      </c>
      <c r="NY23" s="119">
        <v>0</v>
      </c>
      <c r="NZ23" s="120">
        <v>0</v>
      </c>
      <c r="OA23" s="145"/>
      <c r="OB23" s="119">
        <v>0</v>
      </c>
      <c r="OC23" s="119">
        <v>0</v>
      </c>
      <c r="OD23" s="119">
        <v>390059</v>
      </c>
      <c r="OE23" s="119">
        <v>4076527</v>
      </c>
      <c r="OF23" s="119">
        <v>8093227</v>
      </c>
      <c r="OG23" s="120">
        <v>12559813</v>
      </c>
      <c r="OH23" s="121">
        <v>12559813</v>
      </c>
      <c r="OI23" s="142">
        <v>9105471</v>
      </c>
      <c r="OJ23" s="119">
        <v>17473333</v>
      </c>
      <c r="OK23" s="141">
        <v>26578804</v>
      </c>
      <c r="OL23" s="118">
        <v>0</v>
      </c>
      <c r="OM23" s="119">
        <v>182724589</v>
      </c>
      <c r="ON23" s="119">
        <v>237825309</v>
      </c>
      <c r="OO23" s="119">
        <v>286877364</v>
      </c>
      <c r="OP23" s="119">
        <v>340150761</v>
      </c>
      <c r="OQ23" s="119">
        <v>248634568</v>
      </c>
      <c r="OR23" s="120">
        <v>1296212591</v>
      </c>
      <c r="OS23" s="143">
        <v>1322791395</v>
      </c>
    </row>
    <row r="24" spans="2:409" ht="19.8" customHeight="1" x14ac:dyDescent="0.2">
      <c r="B24" s="62" t="s">
        <v>19</v>
      </c>
      <c r="C24" s="110">
        <v>4874713</v>
      </c>
      <c r="D24" s="114">
        <v>9262413</v>
      </c>
      <c r="E24" s="113">
        <v>14137126</v>
      </c>
      <c r="F24" s="109">
        <v>0</v>
      </c>
      <c r="G24" s="114">
        <v>61313271</v>
      </c>
      <c r="H24" s="114">
        <v>69581746</v>
      </c>
      <c r="I24" s="114">
        <v>57561092</v>
      </c>
      <c r="J24" s="114">
        <v>49518211</v>
      </c>
      <c r="K24" s="114">
        <v>37368497</v>
      </c>
      <c r="L24" s="109">
        <v>275342817</v>
      </c>
      <c r="M24" s="116">
        <v>289479943</v>
      </c>
      <c r="N24" s="110">
        <v>1283517</v>
      </c>
      <c r="O24" s="114">
        <v>2068232</v>
      </c>
      <c r="P24" s="113">
        <v>3351749</v>
      </c>
      <c r="Q24" s="110">
        <v>0</v>
      </c>
      <c r="R24" s="114">
        <v>15579964</v>
      </c>
      <c r="S24" s="114">
        <v>16942010</v>
      </c>
      <c r="T24" s="114">
        <v>17323399</v>
      </c>
      <c r="U24" s="114">
        <v>17775525</v>
      </c>
      <c r="V24" s="114">
        <v>16374784</v>
      </c>
      <c r="W24" s="113">
        <v>83995682</v>
      </c>
      <c r="X24" s="116">
        <v>87347431</v>
      </c>
      <c r="Y24" s="110">
        <v>0</v>
      </c>
      <c r="Z24" s="114">
        <v>0</v>
      </c>
      <c r="AA24" s="113">
        <v>0</v>
      </c>
      <c r="AB24" s="110">
        <v>0</v>
      </c>
      <c r="AC24" s="114">
        <v>6677162</v>
      </c>
      <c r="AD24" s="114">
        <v>7159521</v>
      </c>
      <c r="AE24" s="114">
        <v>9481867</v>
      </c>
      <c r="AF24" s="114">
        <v>9928213</v>
      </c>
      <c r="AG24" s="114">
        <v>8074860</v>
      </c>
      <c r="AH24" s="113">
        <v>41321623</v>
      </c>
      <c r="AI24" s="116">
        <v>41321623</v>
      </c>
      <c r="AJ24" s="110">
        <v>0</v>
      </c>
      <c r="AK24" s="114">
        <v>0</v>
      </c>
      <c r="AL24" s="113">
        <v>0</v>
      </c>
      <c r="AM24" s="110">
        <v>0</v>
      </c>
      <c r="AN24" s="114">
        <v>199654</v>
      </c>
      <c r="AO24" s="114">
        <v>131984</v>
      </c>
      <c r="AP24" s="114">
        <v>665379</v>
      </c>
      <c r="AQ24" s="114">
        <v>1412738</v>
      </c>
      <c r="AR24" s="114">
        <v>2043868</v>
      </c>
      <c r="AS24" s="113">
        <v>4453623</v>
      </c>
      <c r="AT24" s="116">
        <v>4453623</v>
      </c>
      <c r="AU24" s="110">
        <v>766165</v>
      </c>
      <c r="AV24" s="114">
        <v>1604548</v>
      </c>
      <c r="AW24" s="113">
        <v>2370713</v>
      </c>
      <c r="AX24" s="110">
        <v>0</v>
      </c>
      <c r="AY24" s="114">
        <v>5791577</v>
      </c>
      <c r="AZ24" s="114">
        <v>6492909</v>
      </c>
      <c r="BA24" s="114">
        <v>4316350</v>
      </c>
      <c r="BB24" s="114">
        <v>3810317</v>
      </c>
      <c r="BC24" s="114">
        <v>4066365</v>
      </c>
      <c r="BD24" s="113">
        <v>24477518</v>
      </c>
      <c r="BE24" s="116">
        <v>26848231</v>
      </c>
      <c r="BF24" s="110">
        <v>52639</v>
      </c>
      <c r="BG24" s="114">
        <v>162945</v>
      </c>
      <c r="BH24" s="112">
        <v>215584</v>
      </c>
      <c r="BI24" s="111">
        <v>0</v>
      </c>
      <c r="BJ24" s="114">
        <v>821019</v>
      </c>
      <c r="BK24" s="114">
        <v>500124</v>
      </c>
      <c r="BL24" s="114">
        <v>348760</v>
      </c>
      <c r="BM24" s="114">
        <v>375035</v>
      </c>
      <c r="BN24" s="114">
        <v>182432</v>
      </c>
      <c r="BO24" s="113">
        <v>2227370</v>
      </c>
      <c r="BP24" s="116">
        <v>2442954</v>
      </c>
      <c r="BQ24" s="110">
        <v>464713</v>
      </c>
      <c r="BR24" s="114">
        <v>300739</v>
      </c>
      <c r="BS24" s="113">
        <v>765452</v>
      </c>
      <c r="BT24" s="110">
        <v>0</v>
      </c>
      <c r="BU24" s="114">
        <v>2090552</v>
      </c>
      <c r="BV24" s="114">
        <v>2657472</v>
      </c>
      <c r="BW24" s="114">
        <v>2511043</v>
      </c>
      <c r="BX24" s="114">
        <v>2249222</v>
      </c>
      <c r="BY24" s="114">
        <v>2007259</v>
      </c>
      <c r="BZ24" s="113">
        <v>11515548</v>
      </c>
      <c r="CA24" s="116">
        <v>12281000</v>
      </c>
      <c r="CB24" s="110">
        <v>719296</v>
      </c>
      <c r="CC24" s="114">
        <v>2648545</v>
      </c>
      <c r="CD24" s="113">
        <v>3367841</v>
      </c>
      <c r="CE24" s="110">
        <v>0</v>
      </c>
      <c r="CF24" s="114">
        <v>19666227</v>
      </c>
      <c r="CG24" s="114">
        <v>24599983</v>
      </c>
      <c r="CH24" s="114">
        <v>15225302</v>
      </c>
      <c r="CI24" s="114">
        <v>8270339</v>
      </c>
      <c r="CJ24" s="114">
        <v>6843582</v>
      </c>
      <c r="CK24" s="113">
        <v>74605433</v>
      </c>
      <c r="CL24" s="116">
        <v>77973274</v>
      </c>
      <c r="CM24" s="110">
        <v>0</v>
      </c>
      <c r="CN24" s="114">
        <v>0</v>
      </c>
      <c r="CO24" s="113">
        <v>0</v>
      </c>
      <c r="CP24" s="111">
        <v>0</v>
      </c>
      <c r="CQ24" s="114">
        <v>14299612</v>
      </c>
      <c r="CR24" s="114">
        <v>18093742</v>
      </c>
      <c r="CS24" s="114">
        <v>10973337</v>
      </c>
      <c r="CT24" s="114">
        <v>5418999</v>
      </c>
      <c r="CU24" s="114">
        <v>5603260</v>
      </c>
      <c r="CV24" s="113">
        <v>54388950</v>
      </c>
      <c r="CW24" s="116">
        <v>54388950</v>
      </c>
      <c r="CX24" s="110">
        <v>719296</v>
      </c>
      <c r="CY24" s="114">
        <v>2648545</v>
      </c>
      <c r="CZ24" s="113">
        <v>3367841</v>
      </c>
      <c r="DA24" s="110">
        <v>0</v>
      </c>
      <c r="DB24" s="114">
        <v>5366615</v>
      </c>
      <c r="DC24" s="114">
        <v>6506241</v>
      </c>
      <c r="DD24" s="114">
        <v>4251965</v>
      </c>
      <c r="DE24" s="114">
        <v>2851340</v>
      </c>
      <c r="DF24" s="114">
        <v>1240322</v>
      </c>
      <c r="DG24" s="113">
        <v>20216483</v>
      </c>
      <c r="DH24" s="116">
        <v>23584324</v>
      </c>
      <c r="DI24" s="110">
        <v>13738</v>
      </c>
      <c r="DJ24" s="114">
        <v>32290</v>
      </c>
      <c r="DK24" s="112">
        <v>46028</v>
      </c>
      <c r="DL24" s="111">
        <v>0</v>
      </c>
      <c r="DM24" s="114">
        <v>1133112</v>
      </c>
      <c r="DN24" s="114">
        <v>3357006</v>
      </c>
      <c r="DO24" s="114">
        <v>5694093</v>
      </c>
      <c r="DP24" s="114">
        <v>3829275</v>
      </c>
      <c r="DQ24" s="114">
        <v>2112958</v>
      </c>
      <c r="DR24" s="113">
        <v>16126444</v>
      </c>
      <c r="DS24" s="116">
        <v>16172472</v>
      </c>
      <c r="DT24" s="110">
        <v>13738</v>
      </c>
      <c r="DU24" s="114">
        <v>32290</v>
      </c>
      <c r="DV24" s="113">
        <v>46028</v>
      </c>
      <c r="DW24" s="110">
        <v>0</v>
      </c>
      <c r="DX24" s="114">
        <v>907905</v>
      </c>
      <c r="DY24" s="114">
        <v>2750779</v>
      </c>
      <c r="DZ24" s="114">
        <v>5132149</v>
      </c>
      <c r="EA24" s="114">
        <v>3053176</v>
      </c>
      <c r="EB24" s="114">
        <v>1419475</v>
      </c>
      <c r="EC24" s="113">
        <v>13263484</v>
      </c>
      <c r="ED24" s="116">
        <v>13309512</v>
      </c>
      <c r="EE24" s="110">
        <v>0</v>
      </c>
      <c r="EF24" s="112">
        <v>0</v>
      </c>
      <c r="EG24" s="113">
        <v>0</v>
      </c>
      <c r="EH24" s="110">
        <v>0</v>
      </c>
      <c r="EI24" s="114">
        <v>225207</v>
      </c>
      <c r="EJ24" s="114">
        <v>606227</v>
      </c>
      <c r="EK24" s="114">
        <v>561944</v>
      </c>
      <c r="EL24" s="114">
        <v>776099</v>
      </c>
      <c r="EM24" s="114">
        <v>693483</v>
      </c>
      <c r="EN24" s="112">
        <v>2862960</v>
      </c>
      <c r="EO24" s="116">
        <v>2862960</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8"/>
      <c r="FE24" s="114">
        <v>0</v>
      </c>
      <c r="FF24" s="114">
        <v>0</v>
      </c>
      <c r="FG24" s="114">
        <v>0</v>
      </c>
      <c r="FH24" s="114">
        <v>0</v>
      </c>
      <c r="FI24" s="114">
        <v>0</v>
      </c>
      <c r="FJ24" s="113">
        <v>0</v>
      </c>
      <c r="FK24" s="116">
        <v>0</v>
      </c>
      <c r="FL24" s="110">
        <v>1156680</v>
      </c>
      <c r="FM24" s="114">
        <v>1821844</v>
      </c>
      <c r="FN24" s="113">
        <v>2978524</v>
      </c>
      <c r="FO24" s="110">
        <v>0</v>
      </c>
      <c r="FP24" s="114">
        <v>3948898</v>
      </c>
      <c r="FQ24" s="114">
        <v>6243238</v>
      </c>
      <c r="FR24" s="114">
        <v>4595728</v>
      </c>
      <c r="FS24" s="114">
        <v>3871994</v>
      </c>
      <c r="FT24" s="114">
        <v>3802337</v>
      </c>
      <c r="FU24" s="113">
        <v>22462195</v>
      </c>
      <c r="FV24" s="116">
        <v>25440719</v>
      </c>
      <c r="FW24" s="115">
        <v>642746</v>
      </c>
      <c r="FX24" s="114">
        <v>1501383</v>
      </c>
      <c r="FY24" s="112">
        <v>2144129</v>
      </c>
      <c r="FZ24" s="111">
        <v>0</v>
      </c>
      <c r="GA24" s="114">
        <v>3362703</v>
      </c>
      <c r="GB24" s="114">
        <v>5805658</v>
      </c>
      <c r="GC24" s="114">
        <v>4353170</v>
      </c>
      <c r="GD24" s="114">
        <v>3536816</v>
      </c>
      <c r="GE24" s="114">
        <v>3686871</v>
      </c>
      <c r="GF24" s="113">
        <v>20745218</v>
      </c>
      <c r="GG24" s="319">
        <v>22889347</v>
      </c>
      <c r="GH24" s="115">
        <v>41580</v>
      </c>
      <c r="GI24" s="114">
        <v>125433</v>
      </c>
      <c r="GJ24" s="112">
        <v>167013</v>
      </c>
      <c r="GK24" s="111">
        <v>0</v>
      </c>
      <c r="GL24" s="114">
        <v>200002</v>
      </c>
      <c r="GM24" s="114">
        <v>174418</v>
      </c>
      <c r="GN24" s="114">
        <v>99891</v>
      </c>
      <c r="GO24" s="114">
        <v>207658</v>
      </c>
      <c r="GP24" s="114">
        <v>98366</v>
      </c>
      <c r="GQ24" s="113">
        <v>780335</v>
      </c>
      <c r="GR24" s="116">
        <v>947348</v>
      </c>
      <c r="GS24" s="110">
        <v>472354</v>
      </c>
      <c r="GT24" s="114">
        <v>195028</v>
      </c>
      <c r="GU24" s="113">
        <v>667382</v>
      </c>
      <c r="GV24" s="110">
        <v>0</v>
      </c>
      <c r="GW24" s="114">
        <v>386193</v>
      </c>
      <c r="GX24" s="114">
        <v>263162</v>
      </c>
      <c r="GY24" s="114">
        <v>142667</v>
      </c>
      <c r="GZ24" s="114">
        <v>127520</v>
      </c>
      <c r="HA24" s="114">
        <v>17100</v>
      </c>
      <c r="HB24" s="112">
        <v>936642</v>
      </c>
      <c r="HC24" s="116">
        <v>1604024</v>
      </c>
      <c r="HD24" s="110">
        <v>938514</v>
      </c>
      <c r="HE24" s="114">
        <v>1206288</v>
      </c>
      <c r="HF24" s="112">
        <v>2144802</v>
      </c>
      <c r="HG24" s="111">
        <v>0</v>
      </c>
      <c r="HH24" s="114">
        <v>10869544</v>
      </c>
      <c r="HI24" s="114">
        <v>10088691</v>
      </c>
      <c r="HJ24" s="114">
        <v>9293495</v>
      </c>
      <c r="HK24" s="114">
        <v>12534373</v>
      </c>
      <c r="HL24" s="114">
        <v>5926359</v>
      </c>
      <c r="HM24" s="113">
        <v>48712462</v>
      </c>
      <c r="HN24" s="109">
        <v>50857264</v>
      </c>
      <c r="HO24" s="115">
        <v>762968</v>
      </c>
      <c r="HP24" s="114">
        <v>1485214</v>
      </c>
      <c r="HQ24" s="113">
        <v>2248182</v>
      </c>
      <c r="HR24" s="110">
        <v>0</v>
      </c>
      <c r="HS24" s="114">
        <v>10115526</v>
      </c>
      <c r="HT24" s="114">
        <v>8350818</v>
      </c>
      <c r="HU24" s="114">
        <v>5429075</v>
      </c>
      <c r="HV24" s="114">
        <v>3236705</v>
      </c>
      <c r="HW24" s="114">
        <v>2308477</v>
      </c>
      <c r="HX24" s="112">
        <v>29440601</v>
      </c>
      <c r="HY24" s="116">
        <v>31688783</v>
      </c>
      <c r="HZ24" s="150">
        <v>41056</v>
      </c>
      <c r="IA24" s="135">
        <v>92671</v>
      </c>
      <c r="IB24" s="150">
        <v>133727</v>
      </c>
      <c r="IC24" s="134">
        <v>0</v>
      </c>
      <c r="ID24" s="135">
        <v>13583782</v>
      </c>
      <c r="IE24" s="136">
        <v>22596401</v>
      </c>
      <c r="IF24" s="137">
        <v>23058066</v>
      </c>
      <c r="IG24" s="135">
        <v>14017999</v>
      </c>
      <c r="IH24" s="137">
        <v>14928814</v>
      </c>
      <c r="II24" s="138">
        <v>88185062</v>
      </c>
      <c r="IJ24" s="150">
        <v>88318789</v>
      </c>
      <c r="IK24" s="232">
        <v>0</v>
      </c>
      <c r="IL24" s="236">
        <v>0</v>
      </c>
      <c r="IM24" s="237">
        <v>0</v>
      </c>
      <c r="IN24" s="140"/>
      <c r="IO24" s="119">
        <v>987953</v>
      </c>
      <c r="IP24" s="119">
        <v>932919</v>
      </c>
      <c r="IQ24" s="119">
        <v>504828</v>
      </c>
      <c r="IR24" s="119">
        <v>581252</v>
      </c>
      <c r="IS24" s="119">
        <v>1424735</v>
      </c>
      <c r="IT24" s="141">
        <v>4431687</v>
      </c>
      <c r="IU24" s="321">
        <v>4431687</v>
      </c>
      <c r="IV24" s="142">
        <v>0</v>
      </c>
      <c r="IW24" s="119">
        <v>0</v>
      </c>
      <c r="IX24" s="120">
        <v>0</v>
      </c>
      <c r="IY24" s="144"/>
      <c r="IZ24" s="119">
        <v>11218</v>
      </c>
      <c r="JA24" s="119">
        <v>56090</v>
      </c>
      <c r="JB24" s="119">
        <v>80148</v>
      </c>
      <c r="JC24" s="119">
        <v>8725</v>
      </c>
      <c r="JD24" s="119">
        <v>0</v>
      </c>
      <c r="JE24" s="120">
        <v>156181</v>
      </c>
      <c r="JF24" s="121">
        <v>156181</v>
      </c>
      <c r="JG24" s="142">
        <v>0</v>
      </c>
      <c r="JH24" s="119">
        <v>0</v>
      </c>
      <c r="JI24" s="141">
        <v>0</v>
      </c>
      <c r="JJ24" s="118">
        <v>0</v>
      </c>
      <c r="JK24" s="119">
        <v>6916440</v>
      </c>
      <c r="JL24" s="119">
        <v>7325549</v>
      </c>
      <c r="JM24" s="119">
        <v>5208614</v>
      </c>
      <c r="JN24" s="119">
        <v>2360507</v>
      </c>
      <c r="JO24" s="119">
        <v>1371644</v>
      </c>
      <c r="JP24" s="120">
        <v>23182754</v>
      </c>
      <c r="JQ24" s="321">
        <v>23182754</v>
      </c>
      <c r="JR24" s="142">
        <v>0</v>
      </c>
      <c r="JS24" s="119">
        <v>0</v>
      </c>
      <c r="JT24" s="141">
        <v>0</v>
      </c>
      <c r="JU24" s="118">
        <v>0</v>
      </c>
      <c r="JV24" s="119">
        <v>976553</v>
      </c>
      <c r="JW24" s="119">
        <v>2585738</v>
      </c>
      <c r="JX24" s="119">
        <v>2233665</v>
      </c>
      <c r="JY24" s="119">
        <v>323266</v>
      </c>
      <c r="JZ24" s="119">
        <v>654760</v>
      </c>
      <c r="KA24" s="120">
        <v>6773982</v>
      </c>
      <c r="KB24" s="321">
        <v>6773982</v>
      </c>
      <c r="KC24" s="234">
        <v>41056</v>
      </c>
      <c r="KD24" s="230">
        <v>92671</v>
      </c>
      <c r="KE24" s="120">
        <v>133727</v>
      </c>
      <c r="KF24" s="118">
        <v>0</v>
      </c>
      <c r="KG24" s="119">
        <v>2559906</v>
      </c>
      <c r="KH24" s="119">
        <v>6628025</v>
      </c>
      <c r="KI24" s="119">
        <v>6878974</v>
      </c>
      <c r="KJ24" s="119">
        <v>5884742</v>
      </c>
      <c r="KK24" s="119">
        <v>3725048</v>
      </c>
      <c r="KL24" s="120">
        <v>25676695</v>
      </c>
      <c r="KM24" s="143">
        <v>25810422</v>
      </c>
      <c r="KN24" s="232">
        <v>0</v>
      </c>
      <c r="KO24" s="236">
        <v>0</v>
      </c>
      <c r="KP24" s="237">
        <v>0</v>
      </c>
      <c r="KQ24" s="140"/>
      <c r="KR24" s="119">
        <v>1756633</v>
      </c>
      <c r="KS24" s="119">
        <v>4590577</v>
      </c>
      <c r="KT24" s="119">
        <v>8151837</v>
      </c>
      <c r="KU24" s="119">
        <v>3894875</v>
      </c>
      <c r="KV24" s="119">
        <v>3809840</v>
      </c>
      <c r="KW24" s="120">
        <v>22203762</v>
      </c>
      <c r="KX24" s="321">
        <v>22203762</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1">
        <v>0</v>
      </c>
      <c r="LU24" s="142">
        <v>0</v>
      </c>
      <c r="LV24" s="119">
        <v>0</v>
      </c>
      <c r="LW24" s="120">
        <v>0</v>
      </c>
      <c r="LX24" s="145"/>
      <c r="LY24" s="119">
        <v>375079</v>
      </c>
      <c r="LZ24" s="119">
        <v>477503</v>
      </c>
      <c r="MA24" s="119">
        <v>0</v>
      </c>
      <c r="MB24" s="119">
        <v>964632</v>
      </c>
      <c r="MC24" s="119">
        <v>3942787</v>
      </c>
      <c r="MD24" s="120">
        <v>5760001</v>
      </c>
      <c r="ME24" s="121">
        <v>5760001</v>
      </c>
      <c r="MF24" s="142">
        <v>0</v>
      </c>
      <c r="MG24" s="119">
        <v>0</v>
      </c>
      <c r="MH24" s="120">
        <v>0</v>
      </c>
      <c r="MI24" s="145"/>
      <c r="MJ24" s="119">
        <v>6391747</v>
      </c>
      <c r="MK24" s="119">
        <v>15021660</v>
      </c>
      <c r="ML24" s="119">
        <v>47571118</v>
      </c>
      <c r="MM24" s="119">
        <v>57322698</v>
      </c>
      <c r="MN24" s="119">
        <v>38929084</v>
      </c>
      <c r="MO24" s="120">
        <v>165236307</v>
      </c>
      <c r="MP24" s="143">
        <v>165236307</v>
      </c>
      <c r="MQ24" s="142">
        <v>0</v>
      </c>
      <c r="MR24" s="119">
        <v>0</v>
      </c>
      <c r="MS24" s="120">
        <v>0</v>
      </c>
      <c r="MT24" s="145"/>
      <c r="MU24" s="119">
        <v>0</v>
      </c>
      <c r="MV24" s="119">
        <v>1871343</v>
      </c>
      <c r="MW24" s="119">
        <v>28092115</v>
      </c>
      <c r="MX24" s="119">
        <v>38015814</v>
      </c>
      <c r="MY24" s="119">
        <v>25242684</v>
      </c>
      <c r="MZ24" s="120">
        <v>93221956</v>
      </c>
      <c r="NA24" s="143">
        <v>93221956</v>
      </c>
      <c r="NB24" s="142">
        <v>0</v>
      </c>
      <c r="NC24" s="119">
        <v>0</v>
      </c>
      <c r="ND24" s="120">
        <v>0</v>
      </c>
      <c r="NE24" s="145"/>
      <c r="NF24" s="119">
        <v>6391747</v>
      </c>
      <c r="NG24" s="119">
        <v>13150317</v>
      </c>
      <c r="NH24" s="119">
        <v>19479003</v>
      </c>
      <c r="NI24" s="119">
        <v>18105715</v>
      </c>
      <c r="NJ24" s="119">
        <v>11507780</v>
      </c>
      <c r="NK24" s="120">
        <v>68634562</v>
      </c>
      <c r="NL24" s="321">
        <v>68634562</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201169</v>
      </c>
      <c r="OF24" s="119">
        <v>2178620</v>
      </c>
      <c r="OG24" s="120">
        <v>3379789</v>
      </c>
      <c r="OH24" s="121">
        <v>3379789</v>
      </c>
      <c r="OI24" s="142">
        <v>4915769</v>
      </c>
      <c r="OJ24" s="119">
        <v>9355084</v>
      </c>
      <c r="OK24" s="141">
        <v>14270853</v>
      </c>
      <c r="OL24" s="118">
        <v>0</v>
      </c>
      <c r="OM24" s="119">
        <v>81288800</v>
      </c>
      <c r="ON24" s="119">
        <v>107199807</v>
      </c>
      <c r="OO24" s="119">
        <v>128190276</v>
      </c>
      <c r="OP24" s="119">
        <v>120858908</v>
      </c>
      <c r="OQ24" s="119">
        <v>91226395</v>
      </c>
      <c r="OR24" s="120">
        <v>528764186</v>
      </c>
      <c r="OS24" s="143">
        <v>543035039</v>
      </c>
    </row>
    <row r="25" spans="2:409" ht="19.8" customHeight="1" x14ac:dyDescent="0.2">
      <c r="B25" s="62" t="s">
        <v>20</v>
      </c>
      <c r="C25" s="110">
        <v>4178936</v>
      </c>
      <c r="D25" s="114">
        <v>12977499</v>
      </c>
      <c r="E25" s="113">
        <v>17156435</v>
      </c>
      <c r="F25" s="110">
        <v>0</v>
      </c>
      <c r="G25" s="114">
        <v>83471425</v>
      </c>
      <c r="H25" s="114">
        <v>77326493</v>
      </c>
      <c r="I25" s="114">
        <v>76982163</v>
      </c>
      <c r="J25" s="114">
        <v>64674498</v>
      </c>
      <c r="K25" s="114">
        <v>38253308</v>
      </c>
      <c r="L25" s="173">
        <v>340707887</v>
      </c>
      <c r="M25" s="116">
        <v>357864322</v>
      </c>
      <c r="N25" s="110">
        <v>1325431</v>
      </c>
      <c r="O25" s="114">
        <v>3694037</v>
      </c>
      <c r="P25" s="113">
        <v>5019468</v>
      </c>
      <c r="Q25" s="110">
        <v>0</v>
      </c>
      <c r="R25" s="114">
        <v>23274241</v>
      </c>
      <c r="S25" s="114">
        <v>23429082</v>
      </c>
      <c r="T25" s="114">
        <v>23868453</v>
      </c>
      <c r="U25" s="114">
        <v>21621374</v>
      </c>
      <c r="V25" s="114">
        <v>18220058</v>
      </c>
      <c r="W25" s="113">
        <v>110413208</v>
      </c>
      <c r="X25" s="116">
        <v>115432676</v>
      </c>
      <c r="Y25" s="110">
        <v>0</v>
      </c>
      <c r="Z25" s="114">
        <v>0</v>
      </c>
      <c r="AA25" s="113">
        <v>0</v>
      </c>
      <c r="AB25" s="110">
        <v>0</v>
      </c>
      <c r="AC25" s="114">
        <v>8978877</v>
      </c>
      <c r="AD25" s="114">
        <v>9902300</v>
      </c>
      <c r="AE25" s="114">
        <v>13365709</v>
      </c>
      <c r="AF25" s="114">
        <v>11871766</v>
      </c>
      <c r="AG25" s="114">
        <v>9326753</v>
      </c>
      <c r="AH25" s="113">
        <v>53445405</v>
      </c>
      <c r="AI25" s="116">
        <v>53445405</v>
      </c>
      <c r="AJ25" s="110">
        <v>0</v>
      </c>
      <c r="AK25" s="114">
        <v>0</v>
      </c>
      <c r="AL25" s="113">
        <v>0</v>
      </c>
      <c r="AM25" s="110">
        <v>0</v>
      </c>
      <c r="AN25" s="114">
        <v>0</v>
      </c>
      <c r="AO25" s="114">
        <v>514405</v>
      </c>
      <c r="AP25" s="114">
        <v>643417</v>
      </c>
      <c r="AQ25" s="114">
        <v>1451015</v>
      </c>
      <c r="AR25" s="114">
        <v>3074608</v>
      </c>
      <c r="AS25" s="113">
        <v>5683445</v>
      </c>
      <c r="AT25" s="116">
        <v>5683445</v>
      </c>
      <c r="AU25" s="110">
        <v>745918</v>
      </c>
      <c r="AV25" s="114">
        <v>2254289</v>
      </c>
      <c r="AW25" s="113">
        <v>3000207</v>
      </c>
      <c r="AX25" s="110">
        <v>0</v>
      </c>
      <c r="AY25" s="114">
        <v>8754359</v>
      </c>
      <c r="AZ25" s="114">
        <v>7862097</v>
      </c>
      <c r="BA25" s="114">
        <v>5087008</v>
      </c>
      <c r="BB25" s="114">
        <v>3884278</v>
      </c>
      <c r="BC25" s="114">
        <v>3375206</v>
      </c>
      <c r="BD25" s="113">
        <v>28962948</v>
      </c>
      <c r="BE25" s="116">
        <v>31963155</v>
      </c>
      <c r="BF25" s="110">
        <v>277700</v>
      </c>
      <c r="BG25" s="114">
        <v>880280</v>
      </c>
      <c r="BH25" s="112">
        <v>1157980</v>
      </c>
      <c r="BI25" s="111">
        <v>0</v>
      </c>
      <c r="BJ25" s="114">
        <v>2106552</v>
      </c>
      <c r="BK25" s="114">
        <v>1954131</v>
      </c>
      <c r="BL25" s="114">
        <v>1160418</v>
      </c>
      <c r="BM25" s="114">
        <v>1276568</v>
      </c>
      <c r="BN25" s="114">
        <v>457125</v>
      </c>
      <c r="BO25" s="113">
        <v>6954794</v>
      </c>
      <c r="BP25" s="116">
        <v>8112774</v>
      </c>
      <c r="BQ25" s="110">
        <v>301813</v>
      </c>
      <c r="BR25" s="114">
        <v>559468</v>
      </c>
      <c r="BS25" s="113">
        <v>861281</v>
      </c>
      <c r="BT25" s="110">
        <v>0</v>
      </c>
      <c r="BU25" s="114">
        <v>3434453</v>
      </c>
      <c r="BV25" s="114">
        <v>3196149</v>
      </c>
      <c r="BW25" s="114">
        <v>3611901</v>
      </c>
      <c r="BX25" s="114">
        <v>3137747</v>
      </c>
      <c r="BY25" s="114">
        <v>1986366</v>
      </c>
      <c r="BZ25" s="113">
        <v>15366616</v>
      </c>
      <c r="CA25" s="116">
        <v>16227897</v>
      </c>
      <c r="CB25" s="110">
        <v>502312</v>
      </c>
      <c r="CC25" s="114">
        <v>2010054</v>
      </c>
      <c r="CD25" s="113">
        <v>2512366</v>
      </c>
      <c r="CE25" s="110">
        <v>0</v>
      </c>
      <c r="CF25" s="114">
        <v>26889023</v>
      </c>
      <c r="CG25" s="114">
        <v>22413622</v>
      </c>
      <c r="CH25" s="114">
        <v>19210031</v>
      </c>
      <c r="CI25" s="114">
        <v>11435510</v>
      </c>
      <c r="CJ25" s="114">
        <v>4744613</v>
      </c>
      <c r="CK25" s="113">
        <v>84692799</v>
      </c>
      <c r="CL25" s="116">
        <v>87205165</v>
      </c>
      <c r="CM25" s="110">
        <v>0</v>
      </c>
      <c r="CN25" s="114">
        <v>0</v>
      </c>
      <c r="CO25" s="113">
        <v>0</v>
      </c>
      <c r="CP25" s="111">
        <v>0</v>
      </c>
      <c r="CQ25" s="114">
        <v>18221810</v>
      </c>
      <c r="CR25" s="114">
        <v>14780907</v>
      </c>
      <c r="CS25" s="114">
        <v>13910812</v>
      </c>
      <c r="CT25" s="114">
        <v>7717984</v>
      </c>
      <c r="CU25" s="114">
        <v>3771437</v>
      </c>
      <c r="CV25" s="113">
        <v>58402950</v>
      </c>
      <c r="CW25" s="116">
        <v>58402950</v>
      </c>
      <c r="CX25" s="110">
        <v>502312</v>
      </c>
      <c r="CY25" s="114">
        <v>2010054</v>
      </c>
      <c r="CZ25" s="113">
        <v>2512366</v>
      </c>
      <c r="DA25" s="110">
        <v>0</v>
      </c>
      <c r="DB25" s="114">
        <v>8667213</v>
      </c>
      <c r="DC25" s="114">
        <v>7632715</v>
      </c>
      <c r="DD25" s="114">
        <v>5299219</v>
      </c>
      <c r="DE25" s="114">
        <v>3717526</v>
      </c>
      <c r="DF25" s="114">
        <v>973176</v>
      </c>
      <c r="DG25" s="113">
        <v>26289849</v>
      </c>
      <c r="DH25" s="116">
        <v>28802215</v>
      </c>
      <c r="DI25" s="110">
        <v>0</v>
      </c>
      <c r="DJ25" s="114">
        <v>137945</v>
      </c>
      <c r="DK25" s="112">
        <v>137945</v>
      </c>
      <c r="DL25" s="111">
        <v>0</v>
      </c>
      <c r="DM25" s="114">
        <v>3475845</v>
      </c>
      <c r="DN25" s="114">
        <v>3768947</v>
      </c>
      <c r="DO25" s="114">
        <v>11872384</v>
      </c>
      <c r="DP25" s="114">
        <v>7167510</v>
      </c>
      <c r="DQ25" s="114">
        <v>3298660</v>
      </c>
      <c r="DR25" s="113">
        <v>29583346</v>
      </c>
      <c r="DS25" s="116">
        <v>29721291</v>
      </c>
      <c r="DT25" s="110">
        <v>0</v>
      </c>
      <c r="DU25" s="114">
        <v>137945</v>
      </c>
      <c r="DV25" s="113">
        <v>137945</v>
      </c>
      <c r="DW25" s="110">
        <v>0</v>
      </c>
      <c r="DX25" s="114">
        <v>3351495</v>
      </c>
      <c r="DY25" s="114">
        <v>3468634</v>
      </c>
      <c r="DZ25" s="114">
        <v>11053963</v>
      </c>
      <c r="EA25" s="114">
        <v>6699046</v>
      </c>
      <c r="EB25" s="114">
        <v>3139431</v>
      </c>
      <c r="EC25" s="113">
        <v>27712569</v>
      </c>
      <c r="ED25" s="116">
        <v>27850514</v>
      </c>
      <c r="EE25" s="110">
        <v>0</v>
      </c>
      <c r="EF25" s="112">
        <v>0</v>
      </c>
      <c r="EG25" s="113">
        <v>0</v>
      </c>
      <c r="EH25" s="110">
        <v>0</v>
      </c>
      <c r="EI25" s="114">
        <v>124350</v>
      </c>
      <c r="EJ25" s="114">
        <v>300313</v>
      </c>
      <c r="EK25" s="114">
        <v>818421</v>
      </c>
      <c r="EL25" s="114">
        <v>468464</v>
      </c>
      <c r="EM25" s="114">
        <v>159229</v>
      </c>
      <c r="EN25" s="112">
        <v>1870777</v>
      </c>
      <c r="EO25" s="116">
        <v>1870777</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8"/>
      <c r="FE25" s="114">
        <v>0</v>
      </c>
      <c r="FF25" s="114">
        <v>0</v>
      </c>
      <c r="FG25" s="114">
        <v>0</v>
      </c>
      <c r="FH25" s="114">
        <v>0</v>
      </c>
      <c r="FI25" s="114">
        <v>0</v>
      </c>
      <c r="FJ25" s="113">
        <v>0</v>
      </c>
      <c r="FK25" s="116">
        <v>0</v>
      </c>
      <c r="FL25" s="110">
        <v>810344</v>
      </c>
      <c r="FM25" s="114">
        <v>2561299</v>
      </c>
      <c r="FN25" s="113">
        <v>3371643</v>
      </c>
      <c r="FO25" s="110">
        <v>0</v>
      </c>
      <c r="FP25" s="114">
        <v>5875998</v>
      </c>
      <c r="FQ25" s="114">
        <v>6848840</v>
      </c>
      <c r="FR25" s="114">
        <v>5282523</v>
      </c>
      <c r="FS25" s="114">
        <v>4912615</v>
      </c>
      <c r="FT25" s="114">
        <v>3030342</v>
      </c>
      <c r="FU25" s="113">
        <v>25950318</v>
      </c>
      <c r="FV25" s="116">
        <v>29321961</v>
      </c>
      <c r="FW25" s="115">
        <v>638714</v>
      </c>
      <c r="FX25" s="114">
        <v>1834177</v>
      </c>
      <c r="FY25" s="112">
        <v>2472891</v>
      </c>
      <c r="FZ25" s="111">
        <v>0</v>
      </c>
      <c r="GA25" s="114">
        <v>4725300</v>
      </c>
      <c r="GB25" s="114">
        <v>6077637</v>
      </c>
      <c r="GC25" s="114">
        <v>5111307</v>
      </c>
      <c r="GD25" s="114">
        <v>4566573</v>
      </c>
      <c r="GE25" s="114">
        <v>2952834</v>
      </c>
      <c r="GF25" s="113">
        <v>23433651</v>
      </c>
      <c r="GG25" s="319">
        <v>25906542</v>
      </c>
      <c r="GH25" s="115">
        <v>21330</v>
      </c>
      <c r="GI25" s="114">
        <v>153468</v>
      </c>
      <c r="GJ25" s="112">
        <v>174798</v>
      </c>
      <c r="GK25" s="111">
        <v>0</v>
      </c>
      <c r="GL25" s="114">
        <v>175516</v>
      </c>
      <c r="GM25" s="114">
        <v>364403</v>
      </c>
      <c r="GN25" s="114">
        <v>18216</v>
      </c>
      <c r="GO25" s="114">
        <v>55242</v>
      </c>
      <c r="GP25" s="114">
        <v>19008</v>
      </c>
      <c r="GQ25" s="113">
        <v>632385</v>
      </c>
      <c r="GR25" s="116">
        <v>807183</v>
      </c>
      <c r="GS25" s="110">
        <v>150300</v>
      </c>
      <c r="GT25" s="114">
        <v>573654</v>
      </c>
      <c r="GU25" s="113">
        <v>723954</v>
      </c>
      <c r="GV25" s="110">
        <v>0</v>
      </c>
      <c r="GW25" s="114">
        <v>975182</v>
      </c>
      <c r="GX25" s="114">
        <v>406800</v>
      </c>
      <c r="GY25" s="114">
        <v>153000</v>
      </c>
      <c r="GZ25" s="114">
        <v>290800</v>
      </c>
      <c r="HA25" s="114">
        <v>58500</v>
      </c>
      <c r="HB25" s="112">
        <v>1884282</v>
      </c>
      <c r="HC25" s="116">
        <v>2608236</v>
      </c>
      <c r="HD25" s="110">
        <v>674279</v>
      </c>
      <c r="HE25" s="114">
        <v>2652198</v>
      </c>
      <c r="HF25" s="112">
        <v>3326477</v>
      </c>
      <c r="HG25" s="111">
        <v>0</v>
      </c>
      <c r="HH25" s="114">
        <v>10768585</v>
      </c>
      <c r="HI25" s="114">
        <v>12718456</v>
      </c>
      <c r="HJ25" s="114">
        <v>9669202</v>
      </c>
      <c r="HK25" s="114">
        <v>15231136</v>
      </c>
      <c r="HL25" s="114">
        <v>6868655</v>
      </c>
      <c r="HM25" s="113">
        <v>55256034</v>
      </c>
      <c r="HN25" s="109">
        <v>58582511</v>
      </c>
      <c r="HO25" s="115">
        <v>866570</v>
      </c>
      <c r="HP25" s="114">
        <v>1921966</v>
      </c>
      <c r="HQ25" s="113">
        <v>2788536</v>
      </c>
      <c r="HR25" s="110">
        <v>0</v>
      </c>
      <c r="HS25" s="114">
        <v>13187733</v>
      </c>
      <c r="HT25" s="114">
        <v>8147546</v>
      </c>
      <c r="HU25" s="114">
        <v>7079570</v>
      </c>
      <c r="HV25" s="114">
        <v>4306353</v>
      </c>
      <c r="HW25" s="114">
        <v>2090980</v>
      </c>
      <c r="HX25" s="112">
        <v>34812182</v>
      </c>
      <c r="HY25" s="116">
        <v>37600718</v>
      </c>
      <c r="HZ25" s="131">
        <v>41234</v>
      </c>
      <c r="IA25" s="132">
        <v>82488</v>
      </c>
      <c r="IB25" s="133">
        <v>123722</v>
      </c>
      <c r="IC25" s="146">
        <v>0</v>
      </c>
      <c r="ID25" s="132">
        <v>16481199</v>
      </c>
      <c r="IE25" s="147">
        <v>13250900</v>
      </c>
      <c r="IF25" s="133">
        <v>16963352</v>
      </c>
      <c r="IG25" s="132">
        <v>10089347</v>
      </c>
      <c r="IH25" s="133">
        <v>3528377</v>
      </c>
      <c r="II25" s="148">
        <v>60313175</v>
      </c>
      <c r="IJ25" s="139">
        <v>60436897</v>
      </c>
      <c r="IK25" s="232">
        <v>0</v>
      </c>
      <c r="IL25" s="236">
        <v>0</v>
      </c>
      <c r="IM25" s="237">
        <v>0</v>
      </c>
      <c r="IN25" s="140"/>
      <c r="IO25" s="119">
        <v>86634</v>
      </c>
      <c r="IP25" s="119">
        <v>0</v>
      </c>
      <c r="IQ25" s="119">
        <v>0</v>
      </c>
      <c r="IR25" s="119">
        <v>0</v>
      </c>
      <c r="IS25" s="119">
        <v>0</v>
      </c>
      <c r="IT25" s="141">
        <v>86634</v>
      </c>
      <c r="IU25" s="321">
        <v>86634</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7738286</v>
      </c>
      <c r="JL25" s="119">
        <v>4589348</v>
      </c>
      <c r="JM25" s="119">
        <v>4784886</v>
      </c>
      <c r="JN25" s="119">
        <v>2873916</v>
      </c>
      <c r="JO25" s="119">
        <v>534298</v>
      </c>
      <c r="JP25" s="120">
        <v>20520734</v>
      </c>
      <c r="JQ25" s="321">
        <v>20520734</v>
      </c>
      <c r="JR25" s="142">
        <v>0</v>
      </c>
      <c r="JS25" s="119">
        <v>0</v>
      </c>
      <c r="JT25" s="141">
        <v>0</v>
      </c>
      <c r="JU25" s="118">
        <v>0</v>
      </c>
      <c r="JV25" s="119">
        <v>72716</v>
      </c>
      <c r="JW25" s="119">
        <v>338560</v>
      </c>
      <c r="JX25" s="119">
        <v>623022</v>
      </c>
      <c r="JY25" s="119">
        <v>96246</v>
      </c>
      <c r="JZ25" s="119">
        <v>116557</v>
      </c>
      <c r="KA25" s="120">
        <v>1247101</v>
      </c>
      <c r="KB25" s="321">
        <v>1247101</v>
      </c>
      <c r="KC25" s="234">
        <v>41234</v>
      </c>
      <c r="KD25" s="230">
        <v>82488</v>
      </c>
      <c r="KE25" s="120">
        <v>123722</v>
      </c>
      <c r="KF25" s="118">
        <v>0</v>
      </c>
      <c r="KG25" s="119">
        <v>2065379</v>
      </c>
      <c r="KH25" s="119">
        <v>2105649</v>
      </c>
      <c r="KI25" s="119">
        <v>1702927</v>
      </c>
      <c r="KJ25" s="119">
        <v>834691</v>
      </c>
      <c r="KK25" s="119">
        <v>300934</v>
      </c>
      <c r="KL25" s="120">
        <v>7009580</v>
      </c>
      <c r="KM25" s="143">
        <v>7133302</v>
      </c>
      <c r="KN25" s="232">
        <v>0</v>
      </c>
      <c r="KO25" s="236">
        <v>0</v>
      </c>
      <c r="KP25" s="237">
        <v>0</v>
      </c>
      <c r="KQ25" s="140"/>
      <c r="KR25" s="119">
        <v>6518184</v>
      </c>
      <c r="KS25" s="119">
        <v>6217343</v>
      </c>
      <c r="KT25" s="119">
        <v>9852517</v>
      </c>
      <c r="KU25" s="119">
        <v>6284494</v>
      </c>
      <c r="KV25" s="119">
        <v>2576588</v>
      </c>
      <c r="KW25" s="120">
        <v>31449126</v>
      </c>
      <c r="KX25" s="321">
        <v>31449126</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1">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6208111</v>
      </c>
      <c r="MK25" s="119">
        <v>16170094</v>
      </c>
      <c r="ML25" s="119">
        <v>51699704</v>
      </c>
      <c r="MM25" s="119">
        <v>69211253</v>
      </c>
      <c r="MN25" s="119">
        <v>42414235</v>
      </c>
      <c r="MO25" s="120">
        <v>185703397</v>
      </c>
      <c r="MP25" s="143">
        <v>185703397</v>
      </c>
      <c r="MQ25" s="142">
        <v>0</v>
      </c>
      <c r="MR25" s="119">
        <v>0</v>
      </c>
      <c r="MS25" s="120">
        <v>0</v>
      </c>
      <c r="MT25" s="145"/>
      <c r="MU25" s="119">
        <v>844973</v>
      </c>
      <c r="MV25" s="119">
        <v>5834338</v>
      </c>
      <c r="MW25" s="119">
        <v>39141052</v>
      </c>
      <c r="MX25" s="119">
        <v>54788911</v>
      </c>
      <c r="MY25" s="119">
        <v>32339991</v>
      </c>
      <c r="MZ25" s="120">
        <v>132949265</v>
      </c>
      <c r="NA25" s="143">
        <v>132949265</v>
      </c>
      <c r="NB25" s="142">
        <v>0</v>
      </c>
      <c r="NC25" s="119">
        <v>0</v>
      </c>
      <c r="ND25" s="120">
        <v>0</v>
      </c>
      <c r="NE25" s="145"/>
      <c r="NF25" s="119">
        <v>5363138</v>
      </c>
      <c r="NG25" s="119">
        <v>10335756</v>
      </c>
      <c r="NH25" s="119">
        <v>12188274</v>
      </c>
      <c r="NI25" s="119">
        <v>14409284</v>
      </c>
      <c r="NJ25" s="119">
        <v>6675205</v>
      </c>
      <c r="NK25" s="120">
        <v>48971657</v>
      </c>
      <c r="NL25" s="321">
        <v>48971657</v>
      </c>
      <c r="NM25" s="142">
        <v>0</v>
      </c>
      <c r="NN25" s="119">
        <v>0</v>
      </c>
      <c r="NO25" s="120">
        <v>0</v>
      </c>
      <c r="NP25" s="145"/>
      <c r="NQ25" s="119">
        <v>0</v>
      </c>
      <c r="NR25" s="119">
        <v>0</v>
      </c>
      <c r="NS25" s="119">
        <v>0</v>
      </c>
      <c r="NT25" s="119">
        <v>13058</v>
      </c>
      <c r="NU25" s="119">
        <v>1101136</v>
      </c>
      <c r="NV25" s="120">
        <v>1114194</v>
      </c>
      <c r="NW25" s="121">
        <v>1114194</v>
      </c>
      <c r="NX25" s="142">
        <v>0</v>
      </c>
      <c r="NY25" s="119">
        <v>0</v>
      </c>
      <c r="NZ25" s="120">
        <v>0</v>
      </c>
      <c r="OA25" s="145"/>
      <c r="OB25" s="119">
        <v>0</v>
      </c>
      <c r="OC25" s="119">
        <v>0</v>
      </c>
      <c r="OD25" s="119">
        <v>370378</v>
      </c>
      <c r="OE25" s="119">
        <v>0</v>
      </c>
      <c r="OF25" s="119">
        <v>2297903</v>
      </c>
      <c r="OG25" s="120">
        <v>2668281</v>
      </c>
      <c r="OH25" s="121">
        <v>2668281</v>
      </c>
      <c r="OI25" s="142">
        <v>4220170</v>
      </c>
      <c r="OJ25" s="119">
        <v>13059987</v>
      </c>
      <c r="OK25" s="141">
        <v>17280157</v>
      </c>
      <c r="OL25" s="118">
        <v>0</v>
      </c>
      <c r="OM25" s="119">
        <v>106160735</v>
      </c>
      <c r="ON25" s="119">
        <v>106747487</v>
      </c>
      <c r="OO25" s="119">
        <v>145645219</v>
      </c>
      <c r="OP25" s="119">
        <v>143975098</v>
      </c>
      <c r="OQ25" s="119">
        <v>84195920</v>
      </c>
      <c r="OR25" s="120">
        <v>586724459</v>
      </c>
      <c r="OS25" s="143">
        <v>604004616</v>
      </c>
    </row>
    <row r="26" spans="2:409" ht="19.8" customHeight="1" x14ac:dyDescent="0.2">
      <c r="B26" s="62" t="s">
        <v>21</v>
      </c>
      <c r="C26" s="110">
        <v>6493019</v>
      </c>
      <c r="D26" s="114">
        <v>11533595</v>
      </c>
      <c r="E26" s="113">
        <v>18026614</v>
      </c>
      <c r="F26" s="109">
        <v>0</v>
      </c>
      <c r="G26" s="114">
        <v>66508962</v>
      </c>
      <c r="H26" s="114">
        <v>106801108</v>
      </c>
      <c r="I26" s="114">
        <v>82178780</v>
      </c>
      <c r="J26" s="114">
        <v>72154255</v>
      </c>
      <c r="K26" s="114">
        <v>54546136</v>
      </c>
      <c r="L26" s="173">
        <v>382189241</v>
      </c>
      <c r="M26" s="116">
        <v>400215855</v>
      </c>
      <c r="N26" s="110">
        <v>2117125</v>
      </c>
      <c r="O26" s="114">
        <v>3562003</v>
      </c>
      <c r="P26" s="113">
        <v>5679128</v>
      </c>
      <c r="Q26" s="110">
        <v>0</v>
      </c>
      <c r="R26" s="114">
        <v>20402282</v>
      </c>
      <c r="S26" s="114">
        <v>37079711</v>
      </c>
      <c r="T26" s="114">
        <v>27141982</v>
      </c>
      <c r="U26" s="114">
        <v>32865827</v>
      </c>
      <c r="V26" s="114">
        <v>25273411</v>
      </c>
      <c r="W26" s="113">
        <v>142763213</v>
      </c>
      <c r="X26" s="116">
        <v>148442341</v>
      </c>
      <c r="Y26" s="110">
        <v>0</v>
      </c>
      <c r="Z26" s="114">
        <v>0</v>
      </c>
      <c r="AA26" s="113">
        <v>0</v>
      </c>
      <c r="AB26" s="110">
        <v>0</v>
      </c>
      <c r="AC26" s="114">
        <v>8972841</v>
      </c>
      <c r="AD26" s="114">
        <v>19418852</v>
      </c>
      <c r="AE26" s="114">
        <v>15604982</v>
      </c>
      <c r="AF26" s="114">
        <v>20581622</v>
      </c>
      <c r="AG26" s="114">
        <v>15284324</v>
      </c>
      <c r="AH26" s="113">
        <v>79862621</v>
      </c>
      <c r="AI26" s="116">
        <v>79862621</v>
      </c>
      <c r="AJ26" s="110">
        <v>0</v>
      </c>
      <c r="AK26" s="114">
        <v>0</v>
      </c>
      <c r="AL26" s="113">
        <v>0</v>
      </c>
      <c r="AM26" s="110">
        <v>0</v>
      </c>
      <c r="AN26" s="114">
        <v>41667</v>
      </c>
      <c r="AO26" s="114">
        <v>232811</v>
      </c>
      <c r="AP26" s="114">
        <v>1142673</v>
      </c>
      <c r="AQ26" s="114">
        <v>1792197</v>
      </c>
      <c r="AR26" s="114">
        <v>2810414</v>
      </c>
      <c r="AS26" s="113">
        <v>6019762</v>
      </c>
      <c r="AT26" s="116">
        <v>6019762</v>
      </c>
      <c r="AU26" s="110">
        <v>1257755</v>
      </c>
      <c r="AV26" s="114">
        <v>2069452</v>
      </c>
      <c r="AW26" s="113">
        <v>3327207</v>
      </c>
      <c r="AX26" s="110">
        <v>0</v>
      </c>
      <c r="AY26" s="114">
        <v>7563854</v>
      </c>
      <c r="AZ26" s="114">
        <v>11366327</v>
      </c>
      <c r="BA26" s="114">
        <v>6170531</v>
      </c>
      <c r="BB26" s="114">
        <v>6600098</v>
      </c>
      <c r="BC26" s="114">
        <v>4030110</v>
      </c>
      <c r="BD26" s="113">
        <v>35730920</v>
      </c>
      <c r="BE26" s="116">
        <v>39058127</v>
      </c>
      <c r="BF26" s="110">
        <v>341811</v>
      </c>
      <c r="BG26" s="114">
        <v>986609</v>
      </c>
      <c r="BH26" s="112">
        <v>1328420</v>
      </c>
      <c r="BI26" s="111">
        <v>0</v>
      </c>
      <c r="BJ26" s="114">
        <v>619888</v>
      </c>
      <c r="BK26" s="114">
        <v>1296298</v>
      </c>
      <c r="BL26" s="114">
        <v>573979</v>
      </c>
      <c r="BM26" s="114">
        <v>700155</v>
      </c>
      <c r="BN26" s="114">
        <v>235831</v>
      </c>
      <c r="BO26" s="113">
        <v>3426151</v>
      </c>
      <c r="BP26" s="116">
        <v>4754571</v>
      </c>
      <c r="BQ26" s="110">
        <v>517559</v>
      </c>
      <c r="BR26" s="114">
        <v>505942</v>
      </c>
      <c r="BS26" s="113">
        <v>1023501</v>
      </c>
      <c r="BT26" s="110">
        <v>0</v>
      </c>
      <c r="BU26" s="114">
        <v>3204032</v>
      </c>
      <c r="BV26" s="114">
        <v>4765423</v>
      </c>
      <c r="BW26" s="114">
        <v>3649817</v>
      </c>
      <c r="BX26" s="114">
        <v>3191755</v>
      </c>
      <c r="BY26" s="114">
        <v>2912732</v>
      </c>
      <c r="BZ26" s="113">
        <v>17723759</v>
      </c>
      <c r="CA26" s="116">
        <v>18747260</v>
      </c>
      <c r="CB26" s="110">
        <v>606645</v>
      </c>
      <c r="CC26" s="114">
        <v>1856381</v>
      </c>
      <c r="CD26" s="113">
        <v>2463026</v>
      </c>
      <c r="CE26" s="110">
        <v>0</v>
      </c>
      <c r="CF26" s="114">
        <v>19467271</v>
      </c>
      <c r="CG26" s="114">
        <v>29562840</v>
      </c>
      <c r="CH26" s="114">
        <v>20519184</v>
      </c>
      <c r="CI26" s="114">
        <v>12864554</v>
      </c>
      <c r="CJ26" s="114">
        <v>5582929</v>
      </c>
      <c r="CK26" s="113">
        <v>87996778</v>
      </c>
      <c r="CL26" s="116">
        <v>90459804</v>
      </c>
      <c r="CM26" s="110">
        <v>0</v>
      </c>
      <c r="CN26" s="114">
        <v>0</v>
      </c>
      <c r="CO26" s="113">
        <v>0</v>
      </c>
      <c r="CP26" s="111">
        <v>0</v>
      </c>
      <c r="CQ26" s="114">
        <v>16836112</v>
      </c>
      <c r="CR26" s="114">
        <v>25312836</v>
      </c>
      <c r="CS26" s="114">
        <v>16713237</v>
      </c>
      <c r="CT26" s="114">
        <v>11559216</v>
      </c>
      <c r="CU26" s="114">
        <v>4297571</v>
      </c>
      <c r="CV26" s="113">
        <v>74718972</v>
      </c>
      <c r="CW26" s="116">
        <v>74718972</v>
      </c>
      <c r="CX26" s="110">
        <v>606645</v>
      </c>
      <c r="CY26" s="114">
        <v>1856381</v>
      </c>
      <c r="CZ26" s="113">
        <v>2463026</v>
      </c>
      <c r="DA26" s="110">
        <v>0</v>
      </c>
      <c r="DB26" s="114">
        <v>2631159</v>
      </c>
      <c r="DC26" s="114">
        <v>4250004</v>
      </c>
      <c r="DD26" s="114">
        <v>3805947</v>
      </c>
      <c r="DE26" s="114">
        <v>1305338</v>
      </c>
      <c r="DF26" s="114">
        <v>1285358</v>
      </c>
      <c r="DG26" s="113">
        <v>13277806</v>
      </c>
      <c r="DH26" s="116">
        <v>15740832</v>
      </c>
      <c r="DI26" s="110">
        <v>89888</v>
      </c>
      <c r="DJ26" s="114">
        <v>120925</v>
      </c>
      <c r="DK26" s="112">
        <v>210813</v>
      </c>
      <c r="DL26" s="111">
        <v>0</v>
      </c>
      <c r="DM26" s="114">
        <v>1971520</v>
      </c>
      <c r="DN26" s="114">
        <v>4200952</v>
      </c>
      <c r="DO26" s="114">
        <v>8534640</v>
      </c>
      <c r="DP26" s="114">
        <v>7778229</v>
      </c>
      <c r="DQ26" s="114">
        <v>5476052</v>
      </c>
      <c r="DR26" s="113">
        <v>27961393</v>
      </c>
      <c r="DS26" s="116">
        <v>28172206</v>
      </c>
      <c r="DT26" s="110">
        <v>89888</v>
      </c>
      <c r="DU26" s="114">
        <v>120925</v>
      </c>
      <c r="DV26" s="113">
        <v>210813</v>
      </c>
      <c r="DW26" s="110">
        <v>0</v>
      </c>
      <c r="DX26" s="114">
        <v>1811466</v>
      </c>
      <c r="DY26" s="114">
        <v>3925618</v>
      </c>
      <c r="DZ26" s="114">
        <v>8270072</v>
      </c>
      <c r="EA26" s="114">
        <v>7701371</v>
      </c>
      <c r="EB26" s="114">
        <v>5019041</v>
      </c>
      <c r="EC26" s="113">
        <v>26727568</v>
      </c>
      <c r="ED26" s="116">
        <v>26938381</v>
      </c>
      <c r="EE26" s="110">
        <v>0</v>
      </c>
      <c r="EF26" s="112">
        <v>0</v>
      </c>
      <c r="EG26" s="113">
        <v>0</v>
      </c>
      <c r="EH26" s="110">
        <v>0</v>
      </c>
      <c r="EI26" s="114">
        <v>160054</v>
      </c>
      <c r="EJ26" s="114">
        <v>275334</v>
      </c>
      <c r="EK26" s="114">
        <v>264568</v>
      </c>
      <c r="EL26" s="114">
        <v>76858</v>
      </c>
      <c r="EM26" s="114">
        <v>457011</v>
      </c>
      <c r="EN26" s="112">
        <v>1233825</v>
      </c>
      <c r="EO26" s="116">
        <v>1233825</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8"/>
      <c r="FE26" s="114">
        <v>0</v>
      </c>
      <c r="FF26" s="114">
        <v>0</v>
      </c>
      <c r="FG26" s="114">
        <v>0</v>
      </c>
      <c r="FH26" s="114">
        <v>0</v>
      </c>
      <c r="FI26" s="114">
        <v>0</v>
      </c>
      <c r="FJ26" s="113">
        <v>0</v>
      </c>
      <c r="FK26" s="116">
        <v>0</v>
      </c>
      <c r="FL26" s="110">
        <v>1333380</v>
      </c>
      <c r="FM26" s="114">
        <v>2735065</v>
      </c>
      <c r="FN26" s="113">
        <v>4068445</v>
      </c>
      <c r="FO26" s="110">
        <v>0</v>
      </c>
      <c r="FP26" s="114">
        <v>3450649</v>
      </c>
      <c r="FQ26" s="114">
        <v>9410801</v>
      </c>
      <c r="FR26" s="114">
        <v>5856079</v>
      </c>
      <c r="FS26" s="114">
        <v>5463457</v>
      </c>
      <c r="FT26" s="114">
        <v>3718983</v>
      </c>
      <c r="FU26" s="113">
        <v>27899969</v>
      </c>
      <c r="FV26" s="116">
        <v>31968414</v>
      </c>
      <c r="FW26" s="115">
        <v>669720</v>
      </c>
      <c r="FX26" s="114">
        <v>2267947</v>
      </c>
      <c r="FY26" s="112">
        <v>2937667</v>
      </c>
      <c r="FZ26" s="111">
        <v>0</v>
      </c>
      <c r="GA26" s="114">
        <v>2799698</v>
      </c>
      <c r="GB26" s="114">
        <v>8717641</v>
      </c>
      <c r="GC26" s="114">
        <v>5442111</v>
      </c>
      <c r="GD26" s="114">
        <v>5439157</v>
      </c>
      <c r="GE26" s="114">
        <v>3621117</v>
      </c>
      <c r="GF26" s="113">
        <v>26019724</v>
      </c>
      <c r="GG26" s="319">
        <v>28957391</v>
      </c>
      <c r="GH26" s="115">
        <v>101160</v>
      </c>
      <c r="GI26" s="114">
        <v>45360</v>
      </c>
      <c r="GJ26" s="112">
        <v>146520</v>
      </c>
      <c r="GK26" s="111">
        <v>0</v>
      </c>
      <c r="GL26" s="114">
        <v>113882</v>
      </c>
      <c r="GM26" s="114">
        <v>110340</v>
      </c>
      <c r="GN26" s="114">
        <v>198688</v>
      </c>
      <c r="GO26" s="114">
        <v>24300</v>
      </c>
      <c r="GP26" s="114">
        <v>80766</v>
      </c>
      <c r="GQ26" s="113">
        <v>527976</v>
      </c>
      <c r="GR26" s="116">
        <v>674496</v>
      </c>
      <c r="GS26" s="110">
        <v>562500</v>
      </c>
      <c r="GT26" s="114">
        <v>421758</v>
      </c>
      <c r="GU26" s="113">
        <v>984258</v>
      </c>
      <c r="GV26" s="110">
        <v>0</v>
      </c>
      <c r="GW26" s="114">
        <v>537069</v>
      </c>
      <c r="GX26" s="114">
        <v>582820</v>
      </c>
      <c r="GY26" s="114">
        <v>215280</v>
      </c>
      <c r="GZ26" s="114">
        <v>0</v>
      </c>
      <c r="HA26" s="114">
        <v>17100</v>
      </c>
      <c r="HB26" s="112">
        <v>1352269</v>
      </c>
      <c r="HC26" s="116">
        <v>2336527</v>
      </c>
      <c r="HD26" s="110">
        <v>1214481</v>
      </c>
      <c r="HE26" s="114">
        <v>1309123</v>
      </c>
      <c r="HF26" s="112">
        <v>2523604</v>
      </c>
      <c r="HG26" s="111">
        <v>0</v>
      </c>
      <c r="HH26" s="114">
        <v>10086387</v>
      </c>
      <c r="HI26" s="114">
        <v>13307583</v>
      </c>
      <c r="HJ26" s="114">
        <v>12560687</v>
      </c>
      <c r="HK26" s="114">
        <v>7490943</v>
      </c>
      <c r="HL26" s="114">
        <v>11580093</v>
      </c>
      <c r="HM26" s="113">
        <v>55025693</v>
      </c>
      <c r="HN26" s="109">
        <v>57549297</v>
      </c>
      <c r="HO26" s="115">
        <v>1131500</v>
      </c>
      <c r="HP26" s="114">
        <v>1950098</v>
      </c>
      <c r="HQ26" s="113">
        <v>3081598</v>
      </c>
      <c r="HR26" s="110">
        <v>0</v>
      </c>
      <c r="HS26" s="114">
        <v>11130853</v>
      </c>
      <c r="HT26" s="114">
        <v>13239221</v>
      </c>
      <c r="HU26" s="114">
        <v>7566208</v>
      </c>
      <c r="HV26" s="114">
        <v>5691245</v>
      </c>
      <c r="HW26" s="114">
        <v>2914668</v>
      </c>
      <c r="HX26" s="112">
        <v>40542195</v>
      </c>
      <c r="HY26" s="116">
        <v>43623793</v>
      </c>
      <c r="HZ26" s="150">
        <v>46943</v>
      </c>
      <c r="IA26" s="135">
        <v>132362</v>
      </c>
      <c r="IB26" s="150">
        <v>179305</v>
      </c>
      <c r="IC26" s="134">
        <v>0</v>
      </c>
      <c r="ID26" s="135">
        <v>14022407</v>
      </c>
      <c r="IE26" s="136">
        <v>22139440</v>
      </c>
      <c r="IF26" s="137">
        <v>20161089</v>
      </c>
      <c r="IG26" s="135">
        <v>11498506</v>
      </c>
      <c r="IH26" s="137">
        <v>8679741</v>
      </c>
      <c r="II26" s="138">
        <v>76501183</v>
      </c>
      <c r="IJ26" s="150">
        <v>76680488</v>
      </c>
      <c r="IK26" s="232">
        <v>0</v>
      </c>
      <c r="IL26" s="236">
        <v>0</v>
      </c>
      <c r="IM26" s="237">
        <v>0</v>
      </c>
      <c r="IN26" s="140"/>
      <c r="IO26" s="119">
        <v>76182</v>
      </c>
      <c r="IP26" s="119">
        <v>610574</v>
      </c>
      <c r="IQ26" s="119">
        <v>214055</v>
      </c>
      <c r="IR26" s="119">
        <v>466302</v>
      </c>
      <c r="IS26" s="119">
        <v>0</v>
      </c>
      <c r="IT26" s="141">
        <v>1367113</v>
      </c>
      <c r="IU26" s="321">
        <v>1367113</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8110684</v>
      </c>
      <c r="JL26" s="119">
        <v>11713407</v>
      </c>
      <c r="JM26" s="119">
        <v>6436295</v>
      </c>
      <c r="JN26" s="119">
        <v>3463111</v>
      </c>
      <c r="JO26" s="119">
        <v>2288686</v>
      </c>
      <c r="JP26" s="120">
        <v>32012183</v>
      </c>
      <c r="JQ26" s="321">
        <v>32012183</v>
      </c>
      <c r="JR26" s="142">
        <v>0</v>
      </c>
      <c r="JS26" s="119">
        <v>48294</v>
      </c>
      <c r="JT26" s="141">
        <v>48294</v>
      </c>
      <c r="JU26" s="118">
        <v>0</v>
      </c>
      <c r="JV26" s="119">
        <v>0</v>
      </c>
      <c r="JW26" s="119">
        <v>0</v>
      </c>
      <c r="JX26" s="119">
        <v>0</v>
      </c>
      <c r="JY26" s="119">
        <v>0</v>
      </c>
      <c r="JZ26" s="119">
        <v>0</v>
      </c>
      <c r="KA26" s="120">
        <v>0</v>
      </c>
      <c r="KB26" s="321">
        <v>48294</v>
      </c>
      <c r="KC26" s="234">
        <v>46943</v>
      </c>
      <c r="KD26" s="230">
        <v>84068</v>
      </c>
      <c r="KE26" s="120">
        <v>131011</v>
      </c>
      <c r="KF26" s="118">
        <v>0</v>
      </c>
      <c r="KG26" s="119">
        <v>836612</v>
      </c>
      <c r="KH26" s="119">
        <v>1122366</v>
      </c>
      <c r="KI26" s="119">
        <v>5555350</v>
      </c>
      <c r="KJ26" s="119">
        <v>3587935</v>
      </c>
      <c r="KK26" s="119">
        <v>1243186</v>
      </c>
      <c r="KL26" s="120">
        <v>12345449</v>
      </c>
      <c r="KM26" s="143">
        <v>12476460</v>
      </c>
      <c r="KN26" s="232">
        <v>0</v>
      </c>
      <c r="KO26" s="236">
        <v>0</v>
      </c>
      <c r="KP26" s="237">
        <v>0</v>
      </c>
      <c r="KQ26" s="140"/>
      <c r="KR26" s="119">
        <v>4711260</v>
      </c>
      <c r="KS26" s="119">
        <v>7912797</v>
      </c>
      <c r="KT26" s="119">
        <v>7411830</v>
      </c>
      <c r="KU26" s="119">
        <v>3380468</v>
      </c>
      <c r="KV26" s="119">
        <v>3088865</v>
      </c>
      <c r="KW26" s="120">
        <v>26505220</v>
      </c>
      <c r="KX26" s="321">
        <v>26505220</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1">
        <v>0</v>
      </c>
      <c r="LU26" s="142">
        <v>0</v>
      </c>
      <c r="LV26" s="119">
        <v>0</v>
      </c>
      <c r="LW26" s="120">
        <v>0</v>
      </c>
      <c r="LX26" s="145"/>
      <c r="LY26" s="119">
        <v>287669</v>
      </c>
      <c r="LZ26" s="119">
        <v>780296</v>
      </c>
      <c r="MA26" s="119">
        <v>543559</v>
      </c>
      <c r="MB26" s="119">
        <v>600690</v>
      </c>
      <c r="MC26" s="119">
        <v>2059004</v>
      </c>
      <c r="MD26" s="120">
        <v>4271218</v>
      </c>
      <c r="ME26" s="121">
        <v>4271218</v>
      </c>
      <c r="MF26" s="142">
        <v>0</v>
      </c>
      <c r="MG26" s="119">
        <v>0</v>
      </c>
      <c r="MH26" s="120">
        <v>0</v>
      </c>
      <c r="MI26" s="145"/>
      <c r="MJ26" s="119">
        <v>5156393</v>
      </c>
      <c r="MK26" s="119">
        <v>11207996</v>
      </c>
      <c r="ML26" s="119">
        <v>55860874</v>
      </c>
      <c r="MM26" s="119">
        <v>65616667</v>
      </c>
      <c r="MN26" s="119">
        <v>53689759</v>
      </c>
      <c r="MO26" s="120">
        <v>191531689</v>
      </c>
      <c r="MP26" s="143">
        <v>191531689</v>
      </c>
      <c r="MQ26" s="142">
        <v>0</v>
      </c>
      <c r="MR26" s="119">
        <v>0</v>
      </c>
      <c r="MS26" s="120">
        <v>0</v>
      </c>
      <c r="MT26" s="145"/>
      <c r="MU26" s="119">
        <v>679425</v>
      </c>
      <c r="MV26" s="119">
        <v>3429581</v>
      </c>
      <c r="MW26" s="119">
        <v>44777262</v>
      </c>
      <c r="MX26" s="119">
        <v>48032116</v>
      </c>
      <c r="MY26" s="119">
        <v>40695389</v>
      </c>
      <c r="MZ26" s="120">
        <v>137613773</v>
      </c>
      <c r="NA26" s="143">
        <v>137613773</v>
      </c>
      <c r="NB26" s="142">
        <v>0</v>
      </c>
      <c r="NC26" s="119">
        <v>0</v>
      </c>
      <c r="ND26" s="120">
        <v>0</v>
      </c>
      <c r="NE26" s="145"/>
      <c r="NF26" s="119">
        <v>4476968</v>
      </c>
      <c r="NG26" s="119">
        <v>7778415</v>
      </c>
      <c r="NH26" s="119">
        <v>10354678</v>
      </c>
      <c r="NI26" s="119">
        <v>13701061</v>
      </c>
      <c r="NJ26" s="119">
        <v>7637348</v>
      </c>
      <c r="NK26" s="120">
        <v>43948470</v>
      </c>
      <c r="NL26" s="321">
        <v>43948470</v>
      </c>
      <c r="NM26" s="142">
        <v>0</v>
      </c>
      <c r="NN26" s="119">
        <v>0</v>
      </c>
      <c r="NO26" s="120">
        <v>0</v>
      </c>
      <c r="NP26" s="145"/>
      <c r="NQ26" s="119">
        <v>0</v>
      </c>
      <c r="NR26" s="119">
        <v>0</v>
      </c>
      <c r="NS26" s="119">
        <v>350395</v>
      </c>
      <c r="NT26" s="119">
        <v>331314</v>
      </c>
      <c r="NU26" s="119">
        <v>658744</v>
      </c>
      <c r="NV26" s="120">
        <v>1340453</v>
      </c>
      <c r="NW26" s="121">
        <v>1340453</v>
      </c>
      <c r="NX26" s="142">
        <v>0</v>
      </c>
      <c r="NY26" s="119">
        <v>0</v>
      </c>
      <c r="NZ26" s="120">
        <v>0</v>
      </c>
      <c r="OA26" s="145"/>
      <c r="OB26" s="119">
        <v>0</v>
      </c>
      <c r="OC26" s="119">
        <v>0</v>
      </c>
      <c r="OD26" s="119">
        <v>378539</v>
      </c>
      <c r="OE26" s="119">
        <v>3552176</v>
      </c>
      <c r="OF26" s="119">
        <v>4698278</v>
      </c>
      <c r="OG26" s="120">
        <v>8628993</v>
      </c>
      <c r="OH26" s="121">
        <v>8628993</v>
      </c>
      <c r="OI26" s="142">
        <v>6539962</v>
      </c>
      <c r="OJ26" s="119">
        <v>11665957</v>
      </c>
      <c r="OK26" s="141">
        <v>18205919</v>
      </c>
      <c r="OL26" s="118">
        <v>0</v>
      </c>
      <c r="OM26" s="119">
        <v>85687762</v>
      </c>
      <c r="ON26" s="119">
        <v>140148544</v>
      </c>
      <c r="OO26" s="119">
        <v>158200743</v>
      </c>
      <c r="OP26" s="119">
        <v>149269428</v>
      </c>
      <c r="OQ26" s="119">
        <v>116915636</v>
      </c>
      <c r="OR26" s="120">
        <v>650222113</v>
      </c>
      <c r="OS26" s="143">
        <v>668428032</v>
      </c>
    </row>
    <row r="27" spans="2:409" ht="19.8" customHeight="1" x14ac:dyDescent="0.2">
      <c r="B27" s="62" t="s">
        <v>22</v>
      </c>
      <c r="C27" s="110">
        <v>974547</v>
      </c>
      <c r="D27" s="114">
        <v>3363879</v>
      </c>
      <c r="E27" s="113">
        <v>4338426</v>
      </c>
      <c r="F27" s="109">
        <v>0</v>
      </c>
      <c r="G27" s="114">
        <v>26728847</v>
      </c>
      <c r="H27" s="114">
        <v>31911930</v>
      </c>
      <c r="I27" s="114">
        <v>23110229</v>
      </c>
      <c r="J27" s="114">
        <v>24309283</v>
      </c>
      <c r="K27" s="114">
        <v>18979945</v>
      </c>
      <c r="L27" s="173">
        <v>125040234</v>
      </c>
      <c r="M27" s="116">
        <v>129378660</v>
      </c>
      <c r="N27" s="110">
        <v>150674</v>
      </c>
      <c r="O27" s="114">
        <v>471233</v>
      </c>
      <c r="P27" s="113">
        <v>621907</v>
      </c>
      <c r="Q27" s="110">
        <v>0</v>
      </c>
      <c r="R27" s="114">
        <v>4933863</v>
      </c>
      <c r="S27" s="114">
        <v>8160623</v>
      </c>
      <c r="T27" s="114">
        <v>4581682</v>
      </c>
      <c r="U27" s="114">
        <v>7352439</v>
      </c>
      <c r="V27" s="114">
        <v>8851069</v>
      </c>
      <c r="W27" s="113">
        <v>33879676</v>
      </c>
      <c r="X27" s="116">
        <v>34501583</v>
      </c>
      <c r="Y27" s="110">
        <v>0</v>
      </c>
      <c r="Z27" s="114">
        <v>0</v>
      </c>
      <c r="AA27" s="113">
        <v>0</v>
      </c>
      <c r="AB27" s="110">
        <v>0</v>
      </c>
      <c r="AC27" s="114">
        <v>2038047</v>
      </c>
      <c r="AD27" s="114">
        <v>3324588</v>
      </c>
      <c r="AE27" s="114">
        <v>2117611</v>
      </c>
      <c r="AF27" s="114">
        <v>4495586</v>
      </c>
      <c r="AG27" s="114">
        <v>5047821</v>
      </c>
      <c r="AH27" s="113">
        <v>17023653</v>
      </c>
      <c r="AI27" s="116">
        <v>17023653</v>
      </c>
      <c r="AJ27" s="110">
        <v>0</v>
      </c>
      <c r="AK27" s="114">
        <v>0</v>
      </c>
      <c r="AL27" s="113">
        <v>0</v>
      </c>
      <c r="AM27" s="110">
        <v>0</v>
      </c>
      <c r="AN27" s="114">
        <v>38439</v>
      </c>
      <c r="AO27" s="114">
        <v>98064</v>
      </c>
      <c r="AP27" s="114">
        <v>204042</v>
      </c>
      <c r="AQ27" s="114">
        <v>572595</v>
      </c>
      <c r="AR27" s="114">
        <v>1467850</v>
      </c>
      <c r="AS27" s="113">
        <v>2380990</v>
      </c>
      <c r="AT27" s="116">
        <v>2380990</v>
      </c>
      <c r="AU27" s="110">
        <v>85307</v>
      </c>
      <c r="AV27" s="114">
        <v>314121</v>
      </c>
      <c r="AW27" s="113">
        <v>399428</v>
      </c>
      <c r="AX27" s="110">
        <v>0</v>
      </c>
      <c r="AY27" s="114">
        <v>1657338</v>
      </c>
      <c r="AZ27" s="114">
        <v>3090953</v>
      </c>
      <c r="BA27" s="114">
        <v>1063089</v>
      </c>
      <c r="BB27" s="114">
        <v>1369900</v>
      </c>
      <c r="BC27" s="114">
        <v>1714599</v>
      </c>
      <c r="BD27" s="113">
        <v>8895879</v>
      </c>
      <c r="BE27" s="116">
        <v>9295307</v>
      </c>
      <c r="BF27" s="110">
        <v>0</v>
      </c>
      <c r="BG27" s="114">
        <v>77679</v>
      </c>
      <c r="BH27" s="112">
        <v>77679</v>
      </c>
      <c r="BI27" s="111">
        <v>0</v>
      </c>
      <c r="BJ27" s="114">
        <v>382942</v>
      </c>
      <c r="BK27" s="114">
        <v>521858</v>
      </c>
      <c r="BL27" s="114">
        <v>376173</v>
      </c>
      <c r="BM27" s="114">
        <v>88503</v>
      </c>
      <c r="BN27" s="114">
        <v>208731</v>
      </c>
      <c r="BO27" s="113">
        <v>1578207</v>
      </c>
      <c r="BP27" s="116">
        <v>1655886</v>
      </c>
      <c r="BQ27" s="110">
        <v>65367</v>
      </c>
      <c r="BR27" s="114">
        <v>79433</v>
      </c>
      <c r="BS27" s="113">
        <v>144800</v>
      </c>
      <c r="BT27" s="110">
        <v>0</v>
      </c>
      <c r="BU27" s="114">
        <v>817097</v>
      </c>
      <c r="BV27" s="114">
        <v>1125160</v>
      </c>
      <c r="BW27" s="114">
        <v>820767</v>
      </c>
      <c r="BX27" s="114">
        <v>825855</v>
      </c>
      <c r="BY27" s="114">
        <v>412068</v>
      </c>
      <c r="BZ27" s="113">
        <v>4000947</v>
      </c>
      <c r="CA27" s="116">
        <v>4145747</v>
      </c>
      <c r="CB27" s="110">
        <v>46372</v>
      </c>
      <c r="CC27" s="114">
        <v>471090</v>
      </c>
      <c r="CD27" s="113">
        <v>517462</v>
      </c>
      <c r="CE27" s="110">
        <v>0</v>
      </c>
      <c r="CF27" s="114">
        <v>8720302</v>
      </c>
      <c r="CG27" s="114">
        <v>9268022</v>
      </c>
      <c r="CH27" s="114">
        <v>5560736</v>
      </c>
      <c r="CI27" s="114">
        <v>4166346</v>
      </c>
      <c r="CJ27" s="114">
        <v>2635618</v>
      </c>
      <c r="CK27" s="113">
        <v>30351024</v>
      </c>
      <c r="CL27" s="116">
        <v>30868486</v>
      </c>
      <c r="CM27" s="110">
        <v>0</v>
      </c>
      <c r="CN27" s="114">
        <v>0</v>
      </c>
      <c r="CO27" s="113">
        <v>0</v>
      </c>
      <c r="CP27" s="111">
        <v>0</v>
      </c>
      <c r="CQ27" s="114">
        <v>7765638</v>
      </c>
      <c r="CR27" s="114">
        <v>7834418</v>
      </c>
      <c r="CS27" s="114">
        <v>4041635</v>
      </c>
      <c r="CT27" s="114">
        <v>2908395</v>
      </c>
      <c r="CU27" s="114">
        <v>2212661</v>
      </c>
      <c r="CV27" s="113">
        <v>24762747</v>
      </c>
      <c r="CW27" s="116">
        <v>24762747</v>
      </c>
      <c r="CX27" s="110">
        <v>46372</v>
      </c>
      <c r="CY27" s="114">
        <v>471090</v>
      </c>
      <c r="CZ27" s="113">
        <v>517462</v>
      </c>
      <c r="DA27" s="110">
        <v>0</v>
      </c>
      <c r="DB27" s="114">
        <v>954664</v>
      </c>
      <c r="DC27" s="114">
        <v>1433604</v>
      </c>
      <c r="DD27" s="114">
        <v>1519101</v>
      </c>
      <c r="DE27" s="114">
        <v>1257951</v>
      </c>
      <c r="DF27" s="114">
        <v>422957</v>
      </c>
      <c r="DG27" s="113">
        <v>5588277</v>
      </c>
      <c r="DH27" s="116">
        <v>6105739</v>
      </c>
      <c r="DI27" s="110">
        <v>0</v>
      </c>
      <c r="DJ27" s="114">
        <v>0</v>
      </c>
      <c r="DK27" s="112">
        <v>0</v>
      </c>
      <c r="DL27" s="111">
        <v>0</v>
      </c>
      <c r="DM27" s="114">
        <v>726060</v>
      </c>
      <c r="DN27" s="114">
        <v>1332175</v>
      </c>
      <c r="DO27" s="114">
        <v>3852553</v>
      </c>
      <c r="DP27" s="114">
        <v>2931585</v>
      </c>
      <c r="DQ27" s="114">
        <v>1535571</v>
      </c>
      <c r="DR27" s="113">
        <v>10377944</v>
      </c>
      <c r="DS27" s="116">
        <v>10377944</v>
      </c>
      <c r="DT27" s="110">
        <v>0</v>
      </c>
      <c r="DU27" s="114">
        <v>0</v>
      </c>
      <c r="DV27" s="113">
        <v>0</v>
      </c>
      <c r="DW27" s="110">
        <v>0</v>
      </c>
      <c r="DX27" s="114">
        <v>544620</v>
      </c>
      <c r="DY27" s="114">
        <v>1129793</v>
      </c>
      <c r="DZ27" s="114">
        <v>3262415</v>
      </c>
      <c r="EA27" s="114">
        <v>2659445</v>
      </c>
      <c r="EB27" s="114">
        <v>1331079</v>
      </c>
      <c r="EC27" s="113">
        <v>8927352</v>
      </c>
      <c r="ED27" s="116">
        <v>8927352</v>
      </c>
      <c r="EE27" s="110">
        <v>0</v>
      </c>
      <c r="EF27" s="112">
        <v>0</v>
      </c>
      <c r="EG27" s="113">
        <v>0</v>
      </c>
      <c r="EH27" s="110">
        <v>0</v>
      </c>
      <c r="EI27" s="114">
        <v>181440</v>
      </c>
      <c r="EJ27" s="114">
        <v>202382</v>
      </c>
      <c r="EK27" s="114">
        <v>590138</v>
      </c>
      <c r="EL27" s="114">
        <v>272140</v>
      </c>
      <c r="EM27" s="114">
        <v>204492</v>
      </c>
      <c r="EN27" s="112">
        <v>1450592</v>
      </c>
      <c r="EO27" s="116">
        <v>1450592</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8"/>
      <c r="FE27" s="114">
        <v>0</v>
      </c>
      <c r="FF27" s="114">
        <v>0</v>
      </c>
      <c r="FG27" s="114">
        <v>0</v>
      </c>
      <c r="FH27" s="114">
        <v>0</v>
      </c>
      <c r="FI27" s="114">
        <v>0</v>
      </c>
      <c r="FJ27" s="113">
        <v>0</v>
      </c>
      <c r="FK27" s="116">
        <v>0</v>
      </c>
      <c r="FL27" s="110">
        <v>217388</v>
      </c>
      <c r="FM27" s="114">
        <v>1220360</v>
      </c>
      <c r="FN27" s="113">
        <v>1437748</v>
      </c>
      <c r="FO27" s="110">
        <v>0</v>
      </c>
      <c r="FP27" s="114">
        <v>1823038</v>
      </c>
      <c r="FQ27" s="114">
        <v>3409774</v>
      </c>
      <c r="FR27" s="114">
        <v>2473692</v>
      </c>
      <c r="FS27" s="114">
        <v>1875156</v>
      </c>
      <c r="FT27" s="114">
        <v>1758391</v>
      </c>
      <c r="FU27" s="113">
        <v>11340051</v>
      </c>
      <c r="FV27" s="116">
        <v>12777799</v>
      </c>
      <c r="FW27" s="115">
        <v>209072</v>
      </c>
      <c r="FX27" s="114">
        <v>873947</v>
      </c>
      <c r="FY27" s="112">
        <v>1083019</v>
      </c>
      <c r="FZ27" s="111">
        <v>0</v>
      </c>
      <c r="GA27" s="114">
        <v>1441517</v>
      </c>
      <c r="GB27" s="114">
        <v>3151186</v>
      </c>
      <c r="GC27" s="114">
        <v>2100010</v>
      </c>
      <c r="GD27" s="114">
        <v>1829760</v>
      </c>
      <c r="GE27" s="114">
        <v>1578391</v>
      </c>
      <c r="GF27" s="113">
        <v>10100864</v>
      </c>
      <c r="GG27" s="319">
        <v>11183883</v>
      </c>
      <c r="GH27" s="115">
        <v>8316</v>
      </c>
      <c r="GI27" s="114">
        <v>0</v>
      </c>
      <c r="GJ27" s="112">
        <v>8316</v>
      </c>
      <c r="GK27" s="111">
        <v>0</v>
      </c>
      <c r="GL27" s="114">
        <v>41100</v>
      </c>
      <c r="GM27" s="114">
        <v>98604</v>
      </c>
      <c r="GN27" s="114">
        <v>26730</v>
      </c>
      <c r="GO27" s="114">
        <v>45396</v>
      </c>
      <c r="GP27" s="114">
        <v>0</v>
      </c>
      <c r="GQ27" s="113">
        <v>211830</v>
      </c>
      <c r="GR27" s="116">
        <v>220146</v>
      </c>
      <c r="GS27" s="110">
        <v>0</v>
      </c>
      <c r="GT27" s="114">
        <v>346413</v>
      </c>
      <c r="GU27" s="113">
        <v>346413</v>
      </c>
      <c r="GV27" s="110">
        <v>0</v>
      </c>
      <c r="GW27" s="114">
        <v>340421</v>
      </c>
      <c r="GX27" s="114">
        <v>159984</v>
      </c>
      <c r="GY27" s="114">
        <v>346952</v>
      </c>
      <c r="GZ27" s="114">
        <v>0</v>
      </c>
      <c r="HA27" s="114">
        <v>180000</v>
      </c>
      <c r="HB27" s="112">
        <v>1027357</v>
      </c>
      <c r="HC27" s="116">
        <v>1373770</v>
      </c>
      <c r="HD27" s="110">
        <v>338113</v>
      </c>
      <c r="HE27" s="114">
        <v>450698</v>
      </c>
      <c r="HF27" s="112">
        <v>788811</v>
      </c>
      <c r="HG27" s="111">
        <v>0</v>
      </c>
      <c r="HH27" s="114">
        <v>5141266</v>
      </c>
      <c r="HI27" s="114">
        <v>5121797</v>
      </c>
      <c r="HJ27" s="114">
        <v>4142172</v>
      </c>
      <c r="HK27" s="114">
        <v>5906732</v>
      </c>
      <c r="HL27" s="114">
        <v>2909593</v>
      </c>
      <c r="HM27" s="113">
        <v>23221560</v>
      </c>
      <c r="HN27" s="109">
        <v>24010371</v>
      </c>
      <c r="HO27" s="115">
        <v>222000</v>
      </c>
      <c r="HP27" s="114">
        <v>750498</v>
      </c>
      <c r="HQ27" s="113">
        <v>972498</v>
      </c>
      <c r="HR27" s="110">
        <v>0</v>
      </c>
      <c r="HS27" s="114">
        <v>5384318</v>
      </c>
      <c r="HT27" s="114">
        <v>4619539</v>
      </c>
      <c r="HU27" s="114">
        <v>2499394</v>
      </c>
      <c r="HV27" s="114">
        <v>2077025</v>
      </c>
      <c r="HW27" s="114">
        <v>1289703</v>
      </c>
      <c r="HX27" s="112">
        <v>15869979</v>
      </c>
      <c r="HY27" s="116">
        <v>16842477</v>
      </c>
      <c r="HZ27" s="131">
        <v>207003</v>
      </c>
      <c r="IA27" s="132">
        <v>322830</v>
      </c>
      <c r="IB27" s="133">
        <v>529833</v>
      </c>
      <c r="IC27" s="146">
        <v>0</v>
      </c>
      <c r="ID27" s="132">
        <v>12897795</v>
      </c>
      <c r="IE27" s="147">
        <v>15475876</v>
      </c>
      <c r="IF27" s="133">
        <v>14087317</v>
      </c>
      <c r="IG27" s="132">
        <v>13069364</v>
      </c>
      <c r="IH27" s="133">
        <v>4741839</v>
      </c>
      <c r="II27" s="148">
        <v>60272191</v>
      </c>
      <c r="IJ27" s="139">
        <v>60802024</v>
      </c>
      <c r="IK27" s="232">
        <v>0</v>
      </c>
      <c r="IL27" s="236">
        <v>0</v>
      </c>
      <c r="IM27" s="237">
        <v>0</v>
      </c>
      <c r="IN27" s="140"/>
      <c r="IO27" s="119">
        <v>153636</v>
      </c>
      <c r="IP27" s="119">
        <v>611186</v>
      </c>
      <c r="IQ27" s="119">
        <v>833067</v>
      </c>
      <c r="IR27" s="119">
        <v>221760</v>
      </c>
      <c r="IS27" s="119">
        <v>0</v>
      </c>
      <c r="IT27" s="141">
        <v>1819649</v>
      </c>
      <c r="IU27" s="321">
        <v>1819649</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6715500</v>
      </c>
      <c r="JL27" s="119">
        <v>6595202</v>
      </c>
      <c r="JM27" s="119">
        <v>3899611</v>
      </c>
      <c r="JN27" s="119">
        <v>2779628</v>
      </c>
      <c r="JO27" s="119">
        <v>962883</v>
      </c>
      <c r="JP27" s="120">
        <v>20952824</v>
      </c>
      <c r="JQ27" s="321">
        <v>20952824</v>
      </c>
      <c r="JR27" s="142">
        <v>0</v>
      </c>
      <c r="JS27" s="119">
        <v>0</v>
      </c>
      <c r="JT27" s="141">
        <v>0</v>
      </c>
      <c r="JU27" s="118">
        <v>0</v>
      </c>
      <c r="JV27" s="119">
        <v>579515</v>
      </c>
      <c r="JW27" s="119">
        <v>480780</v>
      </c>
      <c r="JX27" s="119">
        <v>568565</v>
      </c>
      <c r="JY27" s="119">
        <v>306814</v>
      </c>
      <c r="JZ27" s="119">
        <v>261468</v>
      </c>
      <c r="KA27" s="120">
        <v>2197142</v>
      </c>
      <c r="KB27" s="321">
        <v>2197142</v>
      </c>
      <c r="KC27" s="234">
        <v>207003</v>
      </c>
      <c r="KD27" s="230">
        <v>322830</v>
      </c>
      <c r="KE27" s="120">
        <v>529833</v>
      </c>
      <c r="KF27" s="118">
        <v>0</v>
      </c>
      <c r="KG27" s="119">
        <v>2506555</v>
      </c>
      <c r="KH27" s="119">
        <v>3247175</v>
      </c>
      <c r="KI27" s="119">
        <v>5000346</v>
      </c>
      <c r="KJ27" s="119">
        <v>2327094</v>
      </c>
      <c r="KK27" s="119">
        <v>846909</v>
      </c>
      <c r="KL27" s="120">
        <v>13928079</v>
      </c>
      <c r="KM27" s="143">
        <v>14457912</v>
      </c>
      <c r="KN27" s="232">
        <v>0</v>
      </c>
      <c r="KO27" s="236">
        <v>0</v>
      </c>
      <c r="KP27" s="237">
        <v>0</v>
      </c>
      <c r="KQ27" s="140"/>
      <c r="KR27" s="119">
        <v>2942589</v>
      </c>
      <c r="KS27" s="119">
        <v>4541533</v>
      </c>
      <c r="KT27" s="119">
        <v>2809318</v>
      </c>
      <c r="KU27" s="119">
        <v>2066971</v>
      </c>
      <c r="KV27" s="119">
        <v>546093</v>
      </c>
      <c r="KW27" s="120">
        <v>12906504</v>
      </c>
      <c r="KX27" s="321">
        <v>12906504</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976410</v>
      </c>
      <c r="LQ27" s="119">
        <v>5367097</v>
      </c>
      <c r="LR27" s="119">
        <v>2124486</v>
      </c>
      <c r="LS27" s="120">
        <v>8467993</v>
      </c>
      <c r="LT27" s="321">
        <v>8467993</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2625361</v>
      </c>
      <c r="MK27" s="119">
        <v>7165066</v>
      </c>
      <c r="ML27" s="119">
        <v>19710495</v>
      </c>
      <c r="MM27" s="119">
        <v>28286143</v>
      </c>
      <c r="MN27" s="119">
        <v>17187184</v>
      </c>
      <c r="MO27" s="120">
        <v>74974249</v>
      </c>
      <c r="MP27" s="143">
        <v>74974249</v>
      </c>
      <c r="MQ27" s="142">
        <v>0</v>
      </c>
      <c r="MR27" s="119">
        <v>0</v>
      </c>
      <c r="MS27" s="120">
        <v>0</v>
      </c>
      <c r="MT27" s="145"/>
      <c r="MU27" s="119">
        <v>357868</v>
      </c>
      <c r="MV27" s="119">
        <v>616770</v>
      </c>
      <c r="MW27" s="119">
        <v>10814051</v>
      </c>
      <c r="MX27" s="119">
        <v>15792293</v>
      </c>
      <c r="MY27" s="119">
        <v>9050908</v>
      </c>
      <c r="MZ27" s="120">
        <v>36631890</v>
      </c>
      <c r="NA27" s="143">
        <v>36631890</v>
      </c>
      <c r="NB27" s="142">
        <v>0</v>
      </c>
      <c r="NC27" s="119">
        <v>0</v>
      </c>
      <c r="ND27" s="120">
        <v>0</v>
      </c>
      <c r="NE27" s="145"/>
      <c r="NF27" s="119">
        <v>2267493</v>
      </c>
      <c r="NG27" s="119">
        <v>6548296</v>
      </c>
      <c r="NH27" s="119">
        <v>8728981</v>
      </c>
      <c r="NI27" s="119">
        <v>11095591</v>
      </c>
      <c r="NJ27" s="119">
        <v>5420612</v>
      </c>
      <c r="NK27" s="120">
        <v>34060973</v>
      </c>
      <c r="NL27" s="321">
        <v>34060973</v>
      </c>
      <c r="NM27" s="142">
        <v>0</v>
      </c>
      <c r="NN27" s="119">
        <v>0</v>
      </c>
      <c r="NO27" s="120">
        <v>0</v>
      </c>
      <c r="NP27" s="145"/>
      <c r="NQ27" s="119">
        <v>0</v>
      </c>
      <c r="NR27" s="119">
        <v>0</v>
      </c>
      <c r="NS27" s="119">
        <v>0</v>
      </c>
      <c r="NT27" s="119">
        <v>0</v>
      </c>
      <c r="NU27" s="119">
        <v>1513501</v>
      </c>
      <c r="NV27" s="120">
        <v>1513501</v>
      </c>
      <c r="NW27" s="121">
        <v>1513501</v>
      </c>
      <c r="NX27" s="142">
        <v>0</v>
      </c>
      <c r="NY27" s="119">
        <v>0</v>
      </c>
      <c r="NZ27" s="120">
        <v>0</v>
      </c>
      <c r="OA27" s="145"/>
      <c r="OB27" s="119">
        <v>0</v>
      </c>
      <c r="OC27" s="119">
        <v>0</v>
      </c>
      <c r="OD27" s="119">
        <v>167463</v>
      </c>
      <c r="OE27" s="119">
        <v>1398259</v>
      </c>
      <c r="OF27" s="119">
        <v>1202163</v>
      </c>
      <c r="OG27" s="120">
        <v>2767885</v>
      </c>
      <c r="OH27" s="121">
        <v>2767885</v>
      </c>
      <c r="OI27" s="142">
        <v>1181550</v>
      </c>
      <c r="OJ27" s="119">
        <v>3686709</v>
      </c>
      <c r="OK27" s="141">
        <v>4868259</v>
      </c>
      <c r="OL27" s="118">
        <v>0</v>
      </c>
      <c r="OM27" s="119">
        <v>42252003</v>
      </c>
      <c r="ON27" s="119">
        <v>54552872</v>
      </c>
      <c r="OO27" s="119">
        <v>56908041</v>
      </c>
      <c r="OP27" s="119">
        <v>65664790</v>
      </c>
      <c r="OQ27" s="119">
        <v>40908968</v>
      </c>
      <c r="OR27" s="120">
        <v>260286674</v>
      </c>
      <c r="OS27" s="143">
        <v>265154933</v>
      </c>
    </row>
    <row r="28" spans="2:409" ht="19.8" customHeight="1" x14ac:dyDescent="0.2">
      <c r="B28" s="62" t="s">
        <v>23</v>
      </c>
      <c r="C28" s="110">
        <v>2798247</v>
      </c>
      <c r="D28" s="114">
        <v>6463623</v>
      </c>
      <c r="E28" s="113">
        <v>9261870</v>
      </c>
      <c r="F28" s="109">
        <v>0</v>
      </c>
      <c r="G28" s="114">
        <v>49217796</v>
      </c>
      <c r="H28" s="114">
        <v>62632762</v>
      </c>
      <c r="I28" s="114">
        <v>50184711</v>
      </c>
      <c r="J28" s="114">
        <v>51128144</v>
      </c>
      <c r="K28" s="114">
        <v>31043430</v>
      </c>
      <c r="L28" s="173">
        <v>244206843</v>
      </c>
      <c r="M28" s="116">
        <v>253468713</v>
      </c>
      <c r="N28" s="110">
        <v>961138</v>
      </c>
      <c r="O28" s="114">
        <v>1991311</v>
      </c>
      <c r="P28" s="113">
        <v>2952449</v>
      </c>
      <c r="Q28" s="110">
        <v>0</v>
      </c>
      <c r="R28" s="114">
        <v>10801945</v>
      </c>
      <c r="S28" s="114">
        <v>16185048</v>
      </c>
      <c r="T28" s="114">
        <v>13617651</v>
      </c>
      <c r="U28" s="114">
        <v>14756055</v>
      </c>
      <c r="V28" s="114">
        <v>11123560</v>
      </c>
      <c r="W28" s="113">
        <v>66484259</v>
      </c>
      <c r="X28" s="116">
        <v>69436708</v>
      </c>
      <c r="Y28" s="110">
        <v>0</v>
      </c>
      <c r="Z28" s="114">
        <v>0</v>
      </c>
      <c r="AA28" s="113">
        <v>0</v>
      </c>
      <c r="AB28" s="110">
        <v>0</v>
      </c>
      <c r="AC28" s="114">
        <v>4182996</v>
      </c>
      <c r="AD28" s="114">
        <v>6889996</v>
      </c>
      <c r="AE28" s="114">
        <v>7837358</v>
      </c>
      <c r="AF28" s="114">
        <v>7405809</v>
      </c>
      <c r="AG28" s="114">
        <v>6214761</v>
      </c>
      <c r="AH28" s="113">
        <v>32530920</v>
      </c>
      <c r="AI28" s="116">
        <v>32530920</v>
      </c>
      <c r="AJ28" s="110">
        <v>11014</v>
      </c>
      <c r="AK28" s="114">
        <v>0</v>
      </c>
      <c r="AL28" s="113">
        <v>11014</v>
      </c>
      <c r="AM28" s="110">
        <v>0</v>
      </c>
      <c r="AN28" s="114">
        <v>0</v>
      </c>
      <c r="AO28" s="114">
        <v>235441</v>
      </c>
      <c r="AP28" s="114">
        <v>378435</v>
      </c>
      <c r="AQ28" s="114">
        <v>983642</v>
      </c>
      <c r="AR28" s="114">
        <v>864395</v>
      </c>
      <c r="AS28" s="113">
        <v>2461913</v>
      </c>
      <c r="AT28" s="116">
        <v>2472927</v>
      </c>
      <c r="AU28" s="110">
        <v>691431</v>
      </c>
      <c r="AV28" s="114">
        <v>1507610</v>
      </c>
      <c r="AW28" s="113">
        <v>2199041</v>
      </c>
      <c r="AX28" s="110">
        <v>0</v>
      </c>
      <c r="AY28" s="114">
        <v>4234185</v>
      </c>
      <c r="AZ28" s="114">
        <v>6377706</v>
      </c>
      <c r="BA28" s="114">
        <v>2940775</v>
      </c>
      <c r="BB28" s="114">
        <v>3687824</v>
      </c>
      <c r="BC28" s="114">
        <v>2412670</v>
      </c>
      <c r="BD28" s="113">
        <v>19653160</v>
      </c>
      <c r="BE28" s="116">
        <v>21852201</v>
      </c>
      <c r="BF28" s="110">
        <v>96916</v>
      </c>
      <c r="BG28" s="114">
        <v>337405</v>
      </c>
      <c r="BH28" s="112">
        <v>434321</v>
      </c>
      <c r="BI28" s="111">
        <v>0</v>
      </c>
      <c r="BJ28" s="114">
        <v>254617</v>
      </c>
      <c r="BK28" s="114">
        <v>768365</v>
      </c>
      <c r="BL28" s="114">
        <v>349265</v>
      </c>
      <c r="BM28" s="114">
        <v>443938</v>
      </c>
      <c r="BN28" s="114">
        <v>135695</v>
      </c>
      <c r="BO28" s="113">
        <v>1951880</v>
      </c>
      <c r="BP28" s="116">
        <v>2386201</v>
      </c>
      <c r="BQ28" s="110">
        <v>161777</v>
      </c>
      <c r="BR28" s="114">
        <v>146296</v>
      </c>
      <c r="BS28" s="113">
        <v>308073</v>
      </c>
      <c r="BT28" s="110">
        <v>0</v>
      </c>
      <c r="BU28" s="114">
        <v>2130147</v>
      </c>
      <c r="BV28" s="114">
        <v>1913540</v>
      </c>
      <c r="BW28" s="114">
        <v>2111818</v>
      </c>
      <c r="BX28" s="114">
        <v>2234842</v>
      </c>
      <c r="BY28" s="114">
        <v>1496039</v>
      </c>
      <c r="BZ28" s="113">
        <v>9886386</v>
      </c>
      <c r="CA28" s="116">
        <v>10194459</v>
      </c>
      <c r="CB28" s="110">
        <v>94372</v>
      </c>
      <c r="CC28" s="114">
        <v>403666</v>
      </c>
      <c r="CD28" s="113">
        <v>498038</v>
      </c>
      <c r="CE28" s="110">
        <v>0</v>
      </c>
      <c r="CF28" s="114">
        <v>18024074</v>
      </c>
      <c r="CG28" s="114">
        <v>22700766</v>
      </c>
      <c r="CH28" s="114">
        <v>15403896</v>
      </c>
      <c r="CI28" s="114">
        <v>12619860</v>
      </c>
      <c r="CJ28" s="114">
        <v>4549378</v>
      </c>
      <c r="CK28" s="113">
        <v>73297974</v>
      </c>
      <c r="CL28" s="116">
        <v>73796012</v>
      </c>
      <c r="CM28" s="110">
        <v>0</v>
      </c>
      <c r="CN28" s="114">
        <v>0</v>
      </c>
      <c r="CO28" s="113">
        <v>0</v>
      </c>
      <c r="CP28" s="111">
        <v>0</v>
      </c>
      <c r="CQ28" s="114">
        <v>15264918</v>
      </c>
      <c r="CR28" s="114">
        <v>18251257</v>
      </c>
      <c r="CS28" s="114">
        <v>12100701</v>
      </c>
      <c r="CT28" s="114">
        <v>10189459</v>
      </c>
      <c r="CU28" s="114">
        <v>4267077</v>
      </c>
      <c r="CV28" s="113">
        <v>60073412</v>
      </c>
      <c r="CW28" s="116">
        <v>60073412</v>
      </c>
      <c r="CX28" s="110">
        <v>94372</v>
      </c>
      <c r="CY28" s="114">
        <v>403666</v>
      </c>
      <c r="CZ28" s="113">
        <v>498038</v>
      </c>
      <c r="DA28" s="110">
        <v>0</v>
      </c>
      <c r="DB28" s="114">
        <v>2759156</v>
      </c>
      <c r="DC28" s="114">
        <v>4449509</v>
      </c>
      <c r="DD28" s="114">
        <v>3303195</v>
      </c>
      <c r="DE28" s="114">
        <v>2430401</v>
      </c>
      <c r="DF28" s="114">
        <v>282301</v>
      </c>
      <c r="DG28" s="113">
        <v>13224562</v>
      </c>
      <c r="DH28" s="116">
        <v>13722600</v>
      </c>
      <c r="DI28" s="110">
        <v>33327</v>
      </c>
      <c r="DJ28" s="114">
        <v>18011</v>
      </c>
      <c r="DK28" s="112">
        <v>51338</v>
      </c>
      <c r="DL28" s="111">
        <v>0</v>
      </c>
      <c r="DM28" s="114">
        <v>893719</v>
      </c>
      <c r="DN28" s="114">
        <v>3560771</v>
      </c>
      <c r="DO28" s="114">
        <v>4030462</v>
      </c>
      <c r="DP28" s="114">
        <v>4532262</v>
      </c>
      <c r="DQ28" s="114">
        <v>2285893</v>
      </c>
      <c r="DR28" s="113">
        <v>15303107</v>
      </c>
      <c r="DS28" s="116">
        <v>15354445</v>
      </c>
      <c r="DT28" s="110">
        <v>33327</v>
      </c>
      <c r="DU28" s="114">
        <v>18011</v>
      </c>
      <c r="DV28" s="113">
        <v>51338</v>
      </c>
      <c r="DW28" s="110">
        <v>0</v>
      </c>
      <c r="DX28" s="114">
        <v>842799</v>
      </c>
      <c r="DY28" s="114">
        <v>3267683</v>
      </c>
      <c r="DZ28" s="114">
        <v>4030462</v>
      </c>
      <c r="EA28" s="114">
        <v>4303814</v>
      </c>
      <c r="EB28" s="114">
        <v>1839674</v>
      </c>
      <c r="EC28" s="113">
        <v>14284432</v>
      </c>
      <c r="ED28" s="116">
        <v>14335770</v>
      </c>
      <c r="EE28" s="110">
        <v>0</v>
      </c>
      <c r="EF28" s="112">
        <v>0</v>
      </c>
      <c r="EG28" s="113">
        <v>0</v>
      </c>
      <c r="EH28" s="110">
        <v>0</v>
      </c>
      <c r="EI28" s="114">
        <v>50920</v>
      </c>
      <c r="EJ28" s="114">
        <v>293088</v>
      </c>
      <c r="EK28" s="114">
        <v>0</v>
      </c>
      <c r="EL28" s="114">
        <v>228448</v>
      </c>
      <c r="EM28" s="114">
        <v>446219</v>
      </c>
      <c r="EN28" s="112">
        <v>1018675</v>
      </c>
      <c r="EO28" s="116">
        <v>1018675</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8"/>
      <c r="FE28" s="114">
        <v>0</v>
      </c>
      <c r="FF28" s="114">
        <v>0</v>
      </c>
      <c r="FG28" s="114">
        <v>0</v>
      </c>
      <c r="FH28" s="114">
        <v>0</v>
      </c>
      <c r="FI28" s="114">
        <v>0</v>
      </c>
      <c r="FJ28" s="113">
        <v>0</v>
      </c>
      <c r="FK28" s="116">
        <v>0</v>
      </c>
      <c r="FL28" s="110">
        <v>790240</v>
      </c>
      <c r="FM28" s="114">
        <v>2103533</v>
      </c>
      <c r="FN28" s="113">
        <v>2893773</v>
      </c>
      <c r="FO28" s="110">
        <v>0</v>
      </c>
      <c r="FP28" s="114">
        <v>3010191</v>
      </c>
      <c r="FQ28" s="114">
        <v>5954592</v>
      </c>
      <c r="FR28" s="114">
        <v>3341219</v>
      </c>
      <c r="FS28" s="114">
        <v>4076562</v>
      </c>
      <c r="FT28" s="114">
        <v>1746757</v>
      </c>
      <c r="FU28" s="113">
        <v>18129321</v>
      </c>
      <c r="FV28" s="116">
        <v>21023094</v>
      </c>
      <c r="FW28" s="115">
        <v>465025</v>
      </c>
      <c r="FX28" s="114">
        <v>1354301</v>
      </c>
      <c r="FY28" s="112">
        <v>1819326</v>
      </c>
      <c r="FZ28" s="111">
        <v>0</v>
      </c>
      <c r="GA28" s="114">
        <v>2110694</v>
      </c>
      <c r="GB28" s="114">
        <v>5392489</v>
      </c>
      <c r="GC28" s="114">
        <v>3254927</v>
      </c>
      <c r="GD28" s="114">
        <v>3596079</v>
      </c>
      <c r="GE28" s="114">
        <v>1688257</v>
      </c>
      <c r="GF28" s="113">
        <v>16042446</v>
      </c>
      <c r="GG28" s="319">
        <v>17861772</v>
      </c>
      <c r="GH28" s="115">
        <v>60984</v>
      </c>
      <c r="GI28" s="114">
        <v>63630</v>
      </c>
      <c r="GJ28" s="112">
        <v>124614</v>
      </c>
      <c r="GK28" s="111">
        <v>0</v>
      </c>
      <c r="GL28" s="114">
        <v>161397</v>
      </c>
      <c r="GM28" s="114">
        <v>183793</v>
      </c>
      <c r="GN28" s="114">
        <v>86292</v>
      </c>
      <c r="GO28" s="114">
        <v>77220</v>
      </c>
      <c r="GP28" s="114">
        <v>0</v>
      </c>
      <c r="GQ28" s="113">
        <v>508702</v>
      </c>
      <c r="GR28" s="116">
        <v>633316</v>
      </c>
      <c r="GS28" s="110">
        <v>264231</v>
      </c>
      <c r="GT28" s="114">
        <v>685602</v>
      </c>
      <c r="GU28" s="113">
        <v>949833</v>
      </c>
      <c r="GV28" s="110">
        <v>0</v>
      </c>
      <c r="GW28" s="114">
        <v>738100</v>
      </c>
      <c r="GX28" s="114">
        <v>378310</v>
      </c>
      <c r="GY28" s="114">
        <v>0</v>
      </c>
      <c r="GZ28" s="114">
        <v>403263</v>
      </c>
      <c r="HA28" s="114">
        <v>58500</v>
      </c>
      <c r="HB28" s="112">
        <v>1578173</v>
      </c>
      <c r="HC28" s="116">
        <v>2528006</v>
      </c>
      <c r="HD28" s="110">
        <v>291690</v>
      </c>
      <c r="HE28" s="114">
        <v>722963</v>
      </c>
      <c r="HF28" s="112">
        <v>1014653</v>
      </c>
      <c r="HG28" s="111">
        <v>0</v>
      </c>
      <c r="HH28" s="114">
        <v>8597879</v>
      </c>
      <c r="HI28" s="114">
        <v>6752171</v>
      </c>
      <c r="HJ28" s="114">
        <v>9059300</v>
      </c>
      <c r="HK28" s="114">
        <v>11229719</v>
      </c>
      <c r="HL28" s="114">
        <v>9790259</v>
      </c>
      <c r="HM28" s="113">
        <v>45429328</v>
      </c>
      <c r="HN28" s="109">
        <v>46443981</v>
      </c>
      <c r="HO28" s="115">
        <v>627480</v>
      </c>
      <c r="HP28" s="114">
        <v>1224139</v>
      </c>
      <c r="HQ28" s="113">
        <v>1851619</v>
      </c>
      <c r="HR28" s="110">
        <v>0</v>
      </c>
      <c r="HS28" s="114">
        <v>7889988</v>
      </c>
      <c r="HT28" s="114">
        <v>7479414</v>
      </c>
      <c r="HU28" s="114">
        <v>4732183</v>
      </c>
      <c r="HV28" s="114">
        <v>3913686</v>
      </c>
      <c r="HW28" s="114">
        <v>1547583</v>
      </c>
      <c r="HX28" s="112">
        <v>25562854</v>
      </c>
      <c r="HY28" s="116">
        <v>27414473</v>
      </c>
      <c r="HZ28" s="150">
        <v>0</v>
      </c>
      <c r="IA28" s="135">
        <v>241999</v>
      </c>
      <c r="IB28" s="150">
        <v>241999</v>
      </c>
      <c r="IC28" s="134">
        <v>0</v>
      </c>
      <c r="ID28" s="135">
        <v>10144734</v>
      </c>
      <c r="IE28" s="136">
        <v>7616067</v>
      </c>
      <c r="IF28" s="137">
        <v>8017651</v>
      </c>
      <c r="IG28" s="135">
        <v>7169859</v>
      </c>
      <c r="IH28" s="137">
        <v>2625766</v>
      </c>
      <c r="II28" s="138">
        <v>35574077</v>
      </c>
      <c r="IJ28" s="150">
        <v>35816076</v>
      </c>
      <c r="IK28" s="232">
        <v>0</v>
      </c>
      <c r="IL28" s="236">
        <v>0</v>
      </c>
      <c r="IM28" s="237">
        <v>0</v>
      </c>
      <c r="IN28" s="140"/>
      <c r="IO28" s="119">
        <v>0</v>
      </c>
      <c r="IP28" s="119">
        <v>105389</v>
      </c>
      <c r="IQ28" s="119">
        <v>0</v>
      </c>
      <c r="IR28" s="119">
        <v>0</v>
      </c>
      <c r="IS28" s="119">
        <v>267732</v>
      </c>
      <c r="IT28" s="141">
        <v>373121</v>
      </c>
      <c r="IU28" s="321">
        <v>373121</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809866</v>
      </c>
      <c r="JL28" s="119">
        <v>2583997</v>
      </c>
      <c r="JM28" s="119">
        <v>1612698</v>
      </c>
      <c r="JN28" s="119">
        <v>1505236</v>
      </c>
      <c r="JO28" s="119">
        <v>336268</v>
      </c>
      <c r="JP28" s="120">
        <v>8848065</v>
      </c>
      <c r="JQ28" s="321">
        <v>8848065</v>
      </c>
      <c r="JR28" s="142">
        <v>0</v>
      </c>
      <c r="JS28" s="119">
        <v>0</v>
      </c>
      <c r="JT28" s="141">
        <v>0</v>
      </c>
      <c r="JU28" s="118">
        <v>0</v>
      </c>
      <c r="JV28" s="119">
        <v>0</v>
      </c>
      <c r="JW28" s="119">
        <v>45685</v>
      </c>
      <c r="JX28" s="119">
        <v>0</v>
      </c>
      <c r="JY28" s="119">
        <v>580263</v>
      </c>
      <c r="JZ28" s="119">
        <v>0</v>
      </c>
      <c r="KA28" s="120">
        <v>625948</v>
      </c>
      <c r="KB28" s="321">
        <v>625948</v>
      </c>
      <c r="KC28" s="234">
        <v>0</v>
      </c>
      <c r="KD28" s="230">
        <v>0</v>
      </c>
      <c r="KE28" s="120">
        <v>0</v>
      </c>
      <c r="KF28" s="118">
        <v>0</v>
      </c>
      <c r="KG28" s="119">
        <v>767610</v>
      </c>
      <c r="KH28" s="119">
        <v>373494</v>
      </c>
      <c r="KI28" s="119">
        <v>1005252</v>
      </c>
      <c r="KJ28" s="119">
        <v>280163</v>
      </c>
      <c r="KK28" s="119">
        <v>0</v>
      </c>
      <c r="KL28" s="120">
        <v>2426519</v>
      </c>
      <c r="KM28" s="143">
        <v>2426519</v>
      </c>
      <c r="KN28" s="232">
        <v>0</v>
      </c>
      <c r="KO28" s="236">
        <v>241999</v>
      </c>
      <c r="KP28" s="237">
        <v>241999</v>
      </c>
      <c r="KQ28" s="140"/>
      <c r="KR28" s="119">
        <v>6567258</v>
      </c>
      <c r="KS28" s="119">
        <v>4507502</v>
      </c>
      <c r="KT28" s="119">
        <v>5399701</v>
      </c>
      <c r="KU28" s="119">
        <v>4499712</v>
      </c>
      <c r="KV28" s="119">
        <v>2021766</v>
      </c>
      <c r="KW28" s="120">
        <v>22995939</v>
      </c>
      <c r="KX28" s="321">
        <v>23237938</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1">
        <v>0</v>
      </c>
      <c r="LU28" s="142">
        <v>0</v>
      </c>
      <c r="LV28" s="119">
        <v>0</v>
      </c>
      <c r="LW28" s="120">
        <v>0</v>
      </c>
      <c r="LX28" s="145"/>
      <c r="LY28" s="119">
        <v>0</v>
      </c>
      <c r="LZ28" s="119">
        <v>0</v>
      </c>
      <c r="MA28" s="119">
        <v>0</v>
      </c>
      <c r="MB28" s="119">
        <v>304485</v>
      </c>
      <c r="MC28" s="119">
        <v>0</v>
      </c>
      <c r="MD28" s="120">
        <v>304485</v>
      </c>
      <c r="ME28" s="121">
        <v>304485</v>
      </c>
      <c r="MF28" s="142">
        <v>0</v>
      </c>
      <c r="MG28" s="119">
        <v>0</v>
      </c>
      <c r="MH28" s="120">
        <v>0</v>
      </c>
      <c r="MI28" s="145"/>
      <c r="MJ28" s="119">
        <v>4939722</v>
      </c>
      <c r="MK28" s="119">
        <v>10957419</v>
      </c>
      <c r="ML28" s="119">
        <v>31284505</v>
      </c>
      <c r="MM28" s="119">
        <v>56032298</v>
      </c>
      <c r="MN28" s="119">
        <v>40806016</v>
      </c>
      <c r="MO28" s="120">
        <v>144019960</v>
      </c>
      <c r="MP28" s="143">
        <v>144019960</v>
      </c>
      <c r="MQ28" s="142">
        <v>0</v>
      </c>
      <c r="MR28" s="119">
        <v>0</v>
      </c>
      <c r="MS28" s="120">
        <v>0</v>
      </c>
      <c r="MT28" s="145"/>
      <c r="MU28" s="119">
        <v>862285</v>
      </c>
      <c r="MV28" s="119">
        <v>3359619</v>
      </c>
      <c r="MW28" s="119">
        <v>20104833</v>
      </c>
      <c r="MX28" s="119">
        <v>35571633</v>
      </c>
      <c r="MY28" s="119">
        <v>29001732</v>
      </c>
      <c r="MZ28" s="120">
        <v>88900102</v>
      </c>
      <c r="NA28" s="143">
        <v>88900102</v>
      </c>
      <c r="NB28" s="142">
        <v>0</v>
      </c>
      <c r="NC28" s="119">
        <v>0</v>
      </c>
      <c r="ND28" s="120">
        <v>0</v>
      </c>
      <c r="NE28" s="145"/>
      <c r="NF28" s="119">
        <v>4077437</v>
      </c>
      <c r="NG28" s="119">
        <v>7597800</v>
      </c>
      <c r="NH28" s="119">
        <v>10822723</v>
      </c>
      <c r="NI28" s="119">
        <v>18731831</v>
      </c>
      <c r="NJ28" s="119">
        <v>9872846</v>
      </c>
      <c r="NK28" s="120">
        <v>51102637</v>
      </c>
      <c r="NL28" s="321">
        <v>51102637</v>
      </c>
      <c r="NM28" s="142">
        <v>0</v>
      </c>
      <c r="NN28" s="119">
        <v>0</v>
      </c>
      <c r="NO28" s="120">
        <v>0</v>
      </c>
      <c r="NP28" s="145"/>
      <c r="NQ28" s="119">
        <v>0</v>
      </c>
      <c r="NR28" s="119">
        <v>0</v>
      </c>
      <c r="NS28" s="119">
        <v>0</v>
      </c>
      <c r="NT28" s="119">
        <v>699108</v>
      </c>
      <c r="NU28" s="119">
        <v>338759</v>
      </c>
      <c r="NV28" s="120">
        <v>1037867</v>
      </c>
      <c r="NW28" s="121">
        <v>1037867</v>
      </c>
      <c r="NX28" s="142">
        <v>0</v>
      </c>
      <c r="NY28" s="119">
        <v>0</v>
      </c>
      <c r="NZ28" s="120">
        <v>0</v>
      </c>
      <c r="OA28" s="145"/>
      <c r="OB28" s="119">
        <v>0</v>
      </c>
      <c r="OC28" s="119">
        <v>0</v>
      </c>
      <c r="OD28" s="119">
        <v>356949</v>
      </c>
      <c r="OE28" s="119">
        <v>1029726</v>
      </c>
      <c r="OF28" s="119">
        <v>1592679</v>
      </c>
      <c r="OG28" s="120">
        <v>2979354</v>
      </c>
      <c r="OH28" s="121">
        <v>2979354</v>
      </c>
      <c r="OI28" s="142">
        <v>2798247</v>
      </c>
      <c r="OJ28" s="119">
        <v>6705622</v>
      </c>
      <c r="OK28" s="141">
        <v>9503869</v>
      </c>
      <c r="OL28" s="118">
        <v>0</v>
      </c>
      <c r="OM28" s="119">
        <v>64302252</v>
      </c>
      <c r="ON28" s="119">
        <v>81206248</v>
      </c>
      <c r="OO28" s="119">
        <v>89486867</v>
      </c>
      <c r="OP28" s="119">
        <v>114330301</v>
      </c>
      <c r="OQ28" s="119">
        <v>74475212</v>
      </c>
      <c r="OR28" s="120">
        <v>423800880</v>
      </c>
      <c r="OS28" s="143">
        <v>433304749</v>
      </c>
    </row>
    <row r="29" spans="2:409" ht="19.8" customHeight="1" x14ac:dyDescent="0.2">
      <c r="B29" s="62" t="s">
        <v>24</v>
      </c>
      <c r="C29" s="110">
        <v>2399982</v>
      </c>
      <c r="D29" s="114">
        <v>3079129</v>
      </c>
      <c r="E29" s="113">
        <v>5479111</v>
      </c>
      <c r="F29" s="109">
        <v>0</v>
      </c>
      <c r="G29" s="114">
        <v>26689481</v>
      </c>
      <c r="H29" s="114">
        <v>26153246</v>
      </c>
      <c r="I29" s="114">
        <v>22668918</v>
      </c>
      <c r="J29" s="114">
        <v>23631375</v>
      </c>
      <c r="K29" s="114">
        <v>22491747</v>
      </c>
      <c r="L29" s="173">
        <v>121634767</v>
      </c>
      <c r="M29" s="116">
        <v>127113878</v>
      </c>
      <c r="N29" s="110">
        <v>384906</v>
      </c>
      <c r="O29" s="114">
        <v>753212</v>
      </c>
      <c r="P29" s="113">
        <v>1138118</v>
      </c>
      <c r="Q29" s="110">
        <v>0</v>
      </c>
      <c r="R29" s="114">
        <v>6573409</v>
      </c>
      <c r="S29" s="114">
        <v>6335632</v>
      </c>
      <c r="T29" s="114">
        <v>6202871</v>
      </c>
      <c r="U29" s="114">
        <v>8883522</v>
      </c>
      <c r="V29" s="114">
        <v>10135180</v>
      </c>
      <c r="W29" s="113">
        <v>38130614</v>
      </c>
      <c r="X29" s="116">
        <v>39268732</v>
      </c>
      <c r="Y29" s="110">
        <v>0</v>
      </c>
      <c r="Z29" s="114">
        <v>0</v>
      </c>
      <c r="AA29" s="113">
        <v>0</v>
      </c>
      <c r="AB29" s="110">
        <v>0</v>
      </c>
      <c r="AC29" s="114">
        <v>2292432</v>
      </c>
      <c r="AD29" s="114">
        <v>2914656</v>
      </c>
      <c r="AE29" s="114">
        <v>2774677</v>
      </c>
      <c r="AF29" s="114">
        <v>5311368</v>
      </c>
      <c r="AG29" s="114">
        <v>5162767</v>
      </c>
      <c r="AH29" s="113">
        <v>18455900</v>
      </c>
      <c r="AI29" s="116">
        <v>18455900</v>
      </c>
      <c r="AJ29" s="110">
        <v>0</v>
      </c>
      <c r="AK29" s="114">
        <v>0</v>
      </c>
      <c r="AL29" s="113">
        <v>0</v>
      </c>
      <c r="AM29" s="110">
        <v>0</v>
      </c>
      <c r="AN29" s="114">
        <v>78788</v>
      </c>
      <c r="AO29" s="114">
        <v>65905</v>
      </c>
      <c r="AP29" s="114">
        <v>384689</v>
      </c>
      <c r="AQ29" s="114">
        <v>441715</v>
      </c>
      <c r="AR29" s="114">
        <v>1528816</v>
      </c>
      <c r="AS29" s="113">
        <v>2499913</v>
      </c>
      <c r="AT29" s="116">
        <v>2499913</v>
      </c>
      <c r="AU29" s="110">
        <v>221879</v>
      </c>
      <c r="AV29" s="114">
        <v>502114</v>
      </c>
      <c r="AW29" s="113">
        <v>723993</v>
      </c>
      <c r="AX29" s="110">
        <v>0</v>
      </c>
      <c r="AY29" s="114">
        <v>2828886</v>
      </c>
      <c r="AZ29" s="114">
        <v>2212431</v>
      </c>
      <c r="BA29" s="114">
        <v>1966373</v>
      </c>
      <c r="BB29" s="114">
        <v>1774192</v>
      </c>
      <c r="BC29" s="114">
        <v>2248146</v>
      </c>
      <c r="BD29" s="113">
        <v>11030028</v>
      </c>
      <c r="BE29" s="116">
        <v>11754021</v>
      </c>
      <c r="BF29" s="110">
        <v>0</v>
      </c>
      <c r="BG29" s="114">
        <v>64987</v>
      </c>
      <c r="BH29" s="112">
        <v>64987</v>
      </c>
      <c r="BI29" s="111">
        <v>0</v>
      </c>
      <c r="BJ29" s="114">
        <v>179080</v>
      </c>
      <c r="BK29" s="114">
        <v>160006</v>
      </c>
      <c r="BL29" s="114">
        <v>18315</v>
      </c>
      <c r="BM29" s="114">
        <v>254355</v>
      </c>
      <c r="BN29" s="114">
        <v>199044</v>
      </c>
      <c r="BO29" s="113">
        <v>810800</v>
      </c>
      <c r="BP29" s="116">
        <v>875787</v>
      </c>
      <c r="BQ29" s="110">
        <v>163027</v>
      </c>
      <c r="BR29" s="114">
        <v>186111</v>
      </c>
      <c r="BS29" s="113">
        <v>349138</v>
      </c>
      <c r="BT29" s="110">
        <v>0</v>
      </c>
      <c r="BU29" s="114">
        <v>1194223</v>
      </c>
      <c r="BV29" s="114">
        <v>982634</v>
      </c>
      <c r="BW29" s="114">
        <v>1058817</v>
      </c>
      <c r="BX29" s="114">
        <v>1101892</v>
      </c>
      <c r="BY29" s="114">
        <v>996407</v>
      </c>
      <c r="BZ29" s="113">
        <v>5333973</v>
      </c>
      <c r="CA29" s="116">
        <v>5683111</v>
      </c>
      <c r="CB29" s="110">
        <v>285935</v>
      </c>
      <c r="CC29" s="114">
        <v>613301</v>
      </c>
      <c r="CD29" s="113">
        <v>899236</v>
      </c>
      <c r="CE29" s="110">
        <v>0</v>
      </c>
      <c r="CF29" s="114">
        <v>8478645</v>
      </c>
      <c r="CG29" s="114">
        <v>8110982</v>
      </c>
      <c r="CH29" s="114">
        <v>5227930</v>
      </c>
      <c r="CI29" s="114">
        <v>3047136</v>
      </c>
      <c r="CJ29" s="114">
        <v>2579112</v>
      </c>
      <c r="CK29" s="113">
        <v>27443805</v>
      </c>
      <c r="CL29" s="116">
        <v>28343041</v>
      </c>
      <c r="CM29" s="110">
        <v>0</v>
      </c>
      <c r="CN29" s="114">
        <v>0</v>
      </c>
      <c r="CO29" s="113">
        <v>0</v>
      </c>
      <c r="CP29" s="111">
        <v>0</v>
      </c>
      <c r="CQ29" s="114">
        <v>6142705</v>
      </c>
      <c r="CR29" s="114">
        <v>5762127</v>
      </c>
      <c r="CS29" s="114">
        <v>4008221</v>
      </c>
      <c r="CT29" s="114">
        <v>2223997</v>
      </c>
      <c r="CU29" s="114">
        <v>957978</v>
      </c>
      <c r="CV29" s="113">
        <v>19095028</v>
      </c>
      <c r="CW29" s="116">
        <v>19095028</v>
      </c>
      <c r="CX29" s="110">
        <v>285935</v>
      </c>
      <c r="CY29" s="114">
        <v>613301</v>
      </c>
      <c r="CZ29" s="113">
        <v>899236</v>
      </c>
      <c r="DA29" s="110">
        <v>0</v>
      </c>
      <c r="DB29" s="114">
        <v>2335940</v>
      </c>
      <c r="DC29" s="114">
        <v>2348855</v>
      </c>
      <c r="DD29" s="114">
        <v>1219709</v>
      </c>
      <c r="DE29" s="114">
        <v>823139</v>
      </c>
      <c r="DF29" s="114">
        <v>1621134</v>
      </c>
      <c r="DG29" s="113">
        <v>8348777</v>
      </c>
      <c r="DH29" s="116">
        <v>9248013</v>
      </c>
      <c r="DI29" s="110">
        <v>14661</v>
      </c>
      <c r="DJ29" s="114">
        <v>0</v>
      </c>
      <c r="DK29" s="112">
        <v>14661</v>
      </c>
      <c r="DL29" s="111">
        <v>0</v>
      </c>
      <c r="DM29" s="114">
        <v>849706</v>
      </c>
      <c r="DN29" s="114">
        <v>1638762</v>
      </c>
      <c r="DO29" s="114">
        <v>1758567</v>
      </c>
      <c r="DP29" s="114">
        <v>2467614</v>
      </c>
      <c r="DQ29" s="114">
        <v>1619035</v>
      </c>
      <c r="DR29" s="113">
        <v>8333684</v>
      </c>
      <c r="DS29" s="116">
        <v>8348345</v>
      </c>
      <c r="DT29" s="110">
        <v>14661</v>
      </c>
      <c r="DU29" s="114">
        <v>0</v>
      </c>
      <c r="DV29" s="113">
        <v>14661</v>
      </c>
      <c r="DW29" s="110">
        <v>0</v>
      </c>
      <c r="DX29" s="114">
        <v>815106</v>
      </c>
      <c r="DY29" s="114">
        <v>1330386</v>
      </c>
      <c r="DZ29" s="114">
        <v>1495246</v>
      </c>
      <c r="EA29" s="114">
        <v>1996090</v>
      </c>
      <c r="EB29" s="114">
        <v>1466396</v>
      </c>
      <c r="EC29" s="113">
        <v>7103224</v>
      </c>
      <c r="ED29" s="116">
        <v>7117885</v>
      </c>
      <c r="EE29" s="110">
        <v>0</v>
      </c>
      <c r="EF29" s="112">
        <v>0</v>
      </c>
      <c r="EG29" s="113">
        <v>0</v>
      </c>
      <c r="EH29" s="110">
        <v>0</v>
      </c>
      <c r="EI29" s="114">
        <v>34600</v>
      </c>
      <c r="EJ29" s="114">
        <v>308376</v>
      </c>
      <c r="EK29" s="114">
        <v>263321</v>
      </c>
      <c r="EL29" s="114">
        <v>471524</v>
      </c>
      <c r="EM29" s="114">
        <v>152639</v>
      </c>
      <c r="EN29" s="112">
        <v>1230460</v>
      </c>
      <c r="EO29" s="116">
        <v>123046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8"/>
      <c r="FE29" s="114">
        <v>0</v>
      </c>
      <c r="FF29" s="114">
        <v>0</v>
      </c>
      <c r="FG29" s="114">
        <v>0</v>
      </c>
      <c r="FH29" s="114">
        <v>0</v>
      </c>
      <c r="FI29" s="114">
        <v>0</v>
      </c>
      <c r="FJ29" s="113">
        <v>0</v>
      </c>
      <c r="FK29" s="116">
        <v>0</v>
      </c>
      <c r="FL29" s="110">
        <v>643594</v>
      </c>
      <c r="FM29" s="114">
        <v>521499</v>
      </c>
      <c r="FN29" s="113">
        <v>1165093</v>
      </c>
      <c r="FO29" s="110">
        <v>0</v>
      </c>
      <c r="FP29" s="114">
        <v>1254917</v>
      </c>
      <c r="FQ29" s="114">
        <v>2098488</v>
      </c>
      <c r="FR29" s="114">
        <v>1512390</v>
      </c>
      <c r="FS29" s="114">
        <v>1580851</v>
      </c>
      <c r="FT29" s="114">
        <v>1732859</v>
      </c>
      <c r="FU29" s="113">
        <v>8179505</v>
      </c>
      <c r="FV29" s="116">
        <v>9344598</v>
      </c>
      <c r="FW29" s="115">
        <v>307650</v>
      </c>
      <c r="FX29" s="114">
        <v>400443</v>
      </c>
      <c r="FY29" s="112">
        <v>708093</v>
      </c>
      <c r="FZ29" s="111">
        <v>0</v>
      </c>
      <c r="GA29" s="114">
        <v>1008641</v>
      </c>
      <c r="GB29" s="114">
        <v>2085168</v>
      </c>
      <c r="GC29" s="114">
        <v>1385774</v>
      </c>
      <c r="GD29" s="114">
        <v>1491022</v>
      </c>
      <c r="GE29" s="114">
        <v>1732859</v>
      </c>
      <c r="GF29" s="113">
        <v>7703464</v>
      </c>
      <c r="GG29" s="319">
        <v>8411557</v>
      </c>
      <c r="GH29" s="115">
        <v>129144</v>
      </c>
      <c r="GI29" s="114">
        <v>60336</v>
      </c>
      <c r="GJ29" s="112">
        <v>189480</v>
      </c>
      <c r="GK29" s="111">
        <v>0</v>
      </c>
      <c r="GL29" s="114">
        <v>22176</v>
      </c>
      <c r="GM29" s="114">
        <v>13320</v>
      </c>
      <c r="GN29" s="114">
        <v>69016</v>
      </c>
      <c r="GO29" s="114">
        <v>36729</v>
      </c>
      <c r="GP29" s="114">
        <v>0</v>
      </c>
      <c r="GQ29" s="113">
        <v>141241</v>
      </c>
      <c r="GR29" s="116">
        <v>330721</v>
      </c>
      <c r="GS29" s="110">
        <v>206800</v>
      </c>
      <c r="GT29" s="114">
        <v>60720</v>
      </c>
      <c r="GU29" s="113">
        <v>267520</v>
      </c>
      <c r="GV29" s="110">
        <v>0</v>
      </c>
      <c r="GW29" s="114">
        <v>224100</v>
      </c>
      <c r="GX29" s="114">
        <v>0</v>
      </c>
      <c r="GY29" s="114">
        <v>57600</v>
      </c>
      <c r="GZ29" s="114">
        <v>53100</v>
      </c>
      <c r="HA29" s="114">
        <v>0</v>
      </c>
      <c r="HB29" s="112">
        <v>334800</v>
      </c>
      <c r="HC29" s="116">
        <v>602320</v>
      </c>
      <c r="HD29" s="110">
        <v>615771</v>
      </c>
      <c r="HE29" s="114">
        <v>770633</v>
      </c>
      <c r="HF29" s="112">
        <v>1386404</v>
      </c>
      <c r="HG29" s="111">
        <v>0</v>
      </c>
      <c r="HH29" s="114">
        <v>5436976</v>
      </c>
      <c r="HI29" s="114">
        <v>5251294</v>
      </c>
      <c r="HJ29" s="114">
        <v>5967186</v>
      </c>
      <c r="HK29" s="114">
        <v>6240463</v>
      </c>
      <c r="HL29" s="114">
        <v>5283063</v>
      </c>
      <c r="HM29" s="113">
        <v>28178982</v>
      </c>
      <c r="HN29" s="109">
        <v>29565386</v>
      </c>
      <c r="HO29" s="115">
        <v>455115</v>
      </c>
      <c r="HP29" s="114">
        <v>420484</v>
      </c>
      <c r="HQ29" s="113">
        <v>875599</v>
      </c>
      <c r="HR29" s="110">
        <v>0</v>
      </c>
      <c r="HS29" s="114">
        <v>4095828</v>
      </c>
      <c r="HT29" s="114">
        <v>2718088</v>
      </c>
      <c r="HU29" s="114">
        <v>1999974</v>
      </c>
      <c r="HV29" s="114">
        <v>1411789</v>
      </c>
      <c r="HW29" s="114">
        <v>1142498</v>
      </c>
      <c r="HX29" s="112">
        <v>11368177</v>
      </c>
      <c r="HY29" s="116">
        <v>12243776</v>
      </c>
      <c r="HZ29" s="131">
        <v>233741</v>
      </c>
      <c r="IA29" s="132">
        <v>308361</v>
      </c>
      <c r="IB29" s="133">
        <v>542102</v>
      </c>
      <c r="IC29" s="146">
        <v>0</v>
      </c>
      <c r="ID29" s="132">
        <v>5054569</v>
      </c>
      <c r="IE29" s="147">
        <v>4424646</v>
      </c>
      <c r="IF29" s="133">
        <v>5321111</v>
      </c>
      <c r="IG29" s="132">
        <v>3675943</v>
      </c>
      <c r="IH29" s="133">
        <v>2610641</v>
      </c>
      <c r="II29" s="148">
        <v>21086910</v>
      </c>
      <c r="IJ29" s="139">
        <v>21629012</v>
      </c>
      <c r="IK29" s="232">
        <v>0</v>
      </c>
      <c r="IL29" s="236">
        <v>0</v>
      </c>
      <c r="IM29" s="237">
        <v>0</v>
      </c>
      <c r="IN29" s="140"/>
      <c r="IO29" s="119">
        <v>219547</v>
      </c>
      <c r="IP29" s="119">
        <v>216856</v>
      </c>
      <c r="IQ29" s="119">
        <v>332492</v>
      </c>
      <c r="IR29" s="119">
        <v>614483</v>
      </c>
      <c r="IS29" s="119">
        <v>329893</v>
      </c>
      <c r="IT29" s="141">
        <v>1713271</v>
      </c>
      <c r="IU29" s="321">
        <v>1713271</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2061112</v>
      </c>
      <c r="JL29" s="119">
        <v>939188</v>
      </c>
      <c r="JM29" s="119">
        <v>1041051</v>
      </c>
      <c r="JN29" s="119">
        <v>267343</v>
      </c>
      <c r="JO29" s="119">
        <v>189711</v>
      </c>
      <c r="JP29" s="120">
        <v>4498405</v>
      </c>
      <c r="JQ29" s="321">
        <v>4498405</v>
      </c>
      <c r="JR29" s="142">
        <v>0</v>
      </c>
      <c r="JS29" s="119">
        <v>0</v>
      </c>
      <c r="JT29" s="141">
        <v>0</v>
      </c>
      <c r="JU29" s="118">
        <v>0</v>
      </c>
      <c r="JV29" s="119">
        <v>854325</v>
      </c>
      <c r="JW29" s="119">
        <v>709189</v>
      </c>
      <c r="JX29" s="119">
        <v>477485</v>
      </c>
      <c r="JY29" s="119">
        <v>199446</v>
      </c>
      <c r="JZ29" s="119">
        <v>216148</v>
      </c>
      <c r="KA29" s="120">
        <v>2456593</v>
      </c>
      <c r="KB29" s="321">
        <v>2456593</v>
      </c>
      <c r="KC29" s="234">
        <v>233741</v>
      </c>
      <c r="KD29" s="230">
        <v>308361</v>
      </c>
      <c r="KE29" s="120">
        <v>542102</v>
      </c>
      <c r="KF29" s="118">
        <v>0</v>
      </c>
      <c r="KG29" s="119">
        <v>1677152</v>
      </c>
      <c r="KH29" s="119">
        <v>1301945</v>
      </c>
      <c r="KI29" s="119">
        <v>473392</v>
      </c>
      <c r="KJ29" s="119">
        <v>1334786</v>
      </c>
      <c r="KK29" s="119">
        <v>890257</v>
      </c>
      <c r="KL29" s="120">
        <v>5677532</v>
      </c>
      <c r="KM29" s="143">
        <v>6219634</v>
      </c>
      <c r="KN29" s="232">
        <v>0</v>
      </c>
      <c r="KO29" s="236">
        <v>0</v>
      </c>
      <c r="KP29" s="237">
        <v>0</v>
      </c>
      <c r="KQ29" s="140"/>
      <c r="KR29" s="119">
        <v>242433</v>
      </c>
      <c r="KS29" s="119">
        <v>1257468</v>
      </c>
      <c r="KT29" s="119">
        <v>2996691</v>
      </c>
      <c r="KU29" s="119">
        <v>1259885</v>
      </c>
      <c r="KV29" s="119">
        <v>984632</v>
      </c>
      <c r="KW29" s="120">
        <v>6741109</v>
      </c>
      <c r="KX29" s="321">
        <v>6741109</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1">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1678637</v>
      </c>
      <c r="MK29" s="119">
        <v>4099323</v>
      </c>
      <c r="ML29" s="119">
        <v>14404378</v>
      </c>
      <c r="MM29" s="119">
        <v>29940419</v>
      </c>
      <c r="MN29" s="119">
        <v>18986917</v>
      </c>
      <c r="MO29" s="120">
        <v>69109674</v>
      </c>
      <c r="MP29" s="143">
        <v>69109674</v>
      </c>
      <c r="MQ29" s="142">
        <v>0</v>
      </c>
      <c r="MR29" s="119">
        <v>0</v>
      </c>
      <c r="MS29" s="120">
        <v>0</v>
      </c>
      <c r="MT29" s="145"/>
      <c r="MU29" s="119">
        <v>0</v>
      </c>
      <c r="MV29" s="119">
        <v>0</v>
      </c>
      <c r="MW29" s="119">
        <v>8431291</v>
      </c>
      <c r="MX29" s="119">
        <v>19218255</v>
      </c>
      <c r="MY29" s="119">
        <v>16922611</v>
      </c>
      <c r="MZ29" s="120">
        <v>44572157</v>
      </c>
      <c r="NA29" s="143">
        <v>44572157</v>
      </c>
      <c r="NB29" s="142">
        <v>0</v>
      </c>
      <c r="NC29" s="119">
        <v>0</v>
      </c>
      <c r="ND29" s="120">
        <v>0</v>
      </c>
      <c r="NE29" s="145"/>
      <c r="NF29" s="119">
        <v>1678637</v>
      </c>
      <c r="NG29" s="119">
        <v>4099323</v>
      </c>
      <c r="NH29" s="119">
        <v>5973087</v>
      </c>
      <c r="NI29" s="119">
        <v>10722164</v>
      </c>
      <c r="NJ29" s="119">
        <v>2064306</v>
      </c>
      <c r="NK29" s="120">
        <v>24537517</v>
      </c>
      <c r="NL29" s="321">
        <v>24537517</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633723</v>
      </c>
      <c r="OJ29" s="119">
        <v>3387490</v>
      </c>
      <c r="OK29" s="141">
        <v>6021213</v>
      </c>
      <c r="OL29" s="118">
        <v>0</v>
      </c>
      <c r="OM29" s="119">
        <v>33422687</v>
      </c>
      <c r="ON29" s="119">
        <v>34677215</v>
      </c>
      <c r="OO29" s="119">
        <v>42394407</v>
      </c>
      <c r="OP29" s="119">
        <v>57247737</v>
      </c>
      <c r="OQ29" s="119">
        <v>44089305</v>
      </c>
      <c r="OR29" s="120">
        <v>211831351</v>
      </c>
      <c r="OS29" s="143">
        <v>217852564</v>
      </c>
    </row>
    <row r="30" spans="2:409" ht="19.8" customHeight="1" x14ac:dyDescent="0.2">
      <c r="B30" s="62" t="s">
        <v>25</v>
      </c>
      <c r="C30" s="110">
        <v>1726840</v>
      </c>
      <c r="D30" s="114">
        <v>3965319</v>
      </c>
      <c r="E30" s="113">
        <v>5692159</v>
      </c>
      <c r="F30" s="109">
        <v>0</v>
      </c>
      <c r="G30" s="114">
        <v>30871776</v>
      </c>
      <c r="H30" s="114">
        <v>30298486</v>
      </c>
      <c r="I30" s="114">
        <v>19893956</v>
      </c>
      <c r="J30" s="114">
        <v>26636116</v>
      </c>
      <c r="K30" s="114">
        <v>17229576</v>
      </c>
      <c r="L30" s="173">
        <v>124929910</v>
      </c>
      <c r="M30" s="116">
        <v>130622069</v>
      </c>
      <c r="N30" s="110">
        <v>447115</v>
      </c>
      <c r="O30" s="114">
        <v>1339128</v>
      </c>
      <c r="P30" s="113">
        <v>1786243</v>
      </c>
      <c r="Q30" s="110">
        <v>0</v>
      </c>
      <c r="R30" s="114">
        <v>8544721</v>
      </c>
      <c r="S30" s="114">
        <v>8329597</v>
      </c>
      <c r="T30" s="114">
        <v>6567749</v>
      </c>
      <c r="U30" s="114">
        <v>9510964</v>
      </c>
      <c r="V30" s="114">
        <v>9374000</v>
      </c>
      <c r="W30" s="113">
        <v>42327031</v>
      </c>
      <c r="X30" s="116">
        <v>44113274</v>
      </c>
      <c r="Y30" s="110">
        <v>0</v>
      </c>
      <c r="Z30" s="114">
        <v>0</v>
      </c>
      <c r="AA30" s="113">
        <v>0</v>
      </c>
      <c r="AB30" s="110">
        <v>0</v>
      </c>
      <c r="AC30" s="114">
        <v>4514291</v>
      </c>
      <c r="AD30" s="114">
        <v>4086130</v>
      </c>
      <c r="AE30" s="114">
        <v>3854735</v>
      </c>
      <c r="AF30" s="114">
        <v>5942324</v>
      </c>
      <c r="AG30" s="114">
        <v>5622877</v>
      </c>
      <c r="AH30" s="113">
        <v>24020357</v>
      </c>
      <c r="AI30" s="116">
        <v>24020357</v>
      </c>
      <c r="AJ30" s="110">
        <v>0</v>
      </c>
      <c r="AK30" s="114">
        <v>0</v>
      </c>
      <c r="AL30" s="113">
        <v>0</v>
      </c>
      <c r="AM30" s="110">
        <v>0</v>
      </c>
      <c r="AN30" s="114">
        <v>105649</v>
      </c>
      <c r="AO30" s="114">
        <v>414864</v>
      </c>
      <c r="AP30" s="114">
        <v>367991</v>
      </c>
      <c r="AQ30" s="114">
        <v>1162136</v>
      </c>
      <c r="AR30" s="114">
        <v>1611076</v>
      </c>
      <c r="AS30" s="113">
        <v>3661716</v>
      </c>
      <c r="AT30" s="116">
        <v>3661716</v>
      </c>
      <c r="AU30" s="110">
        <v>325594</v>
      </c>
      <c r="AV30" s="114">
        <v>1002231</v>
      </c>
      <c r="AW30" s="113">
        <v>1327825</v>
      </c>
      <c r="AX30" s="110">
        <v>0</v>
      </c>
      <c r="AY30" s="114">
        <v>2921735</v>
      </c>
      <c r="AZ30" s="114">
        <v>2509104</v>
      </c>
      <c r="BA30" s="114">
        <v>1448485</v>
      </c>
      <c r="BB30" s="114">
        <v>1278240</v>
      </c>
      <c r="BC30" s="114">
        <v>1386993</v>
      </c>
      <c r="BD30" s="113">
        <v>9544557</v>
      </c>
      <c r="BE30" s="116">
        <v>10872382</v>
      </c>
      <c r="BF30" s="110">
        <v>64735</v>
      </c>
      <c r="BG30" s="114">
        <v>179306</v>
      </c>
      <c r="BH30" s="112">
        <v>244041</v>
      </c>
      <c r="BI30" s="111">
        <v>0</v>
      </c>
      <c r="BJ30" s="114">
        <v>103788</v>
      </c>
      <c r="BK30" s="114">
        <v>449876</v>
      </c>
      <c r="BL30" s="114">
        <v>264873</v>
      </c>
      <c r="BM30" s="114">
        <v>154632</v>
      </c>
      <c r="BN30" s="114">
        <v>161516</v>
      </c>
      <c r="BO30" s="113">
        <v>1134685</v>
      </c>
      <c r="BP30" s="116">
        <v>1378726</v>
      </c>
      <c r="BQ30" s="110">
        <v>56786</v>
      </c>
      <c r="BR30" s="114">
        <v>157591</v>
      </c>
      <c r="BS30" s="113">
        <v>214377</v>
      </c>
      <c r="BT30" s="110">
        <v>0</v>
      </c>
      <c r="BU30" s="114">
        <v>899258</v>
      </c>
      <c r="BV30" s="114">
        <v>869623</v>
      </c>
      <c r="BW30" s="114">
        <v>631665</v>
      </c>
      <c r="BX30" s="114">
        <v>973632</v>
      </c>
      <c r="BY30" s="114">
        <v>591538</v>
      </c>
      <c r="BZ30" s="113">
        <v>3965716</v>
      </c>
      <c r="CA30" s="116">
        <v>4180093</v>
      </c>
      <c r="CB30" s="110">
        <v>192831</v>
      </c>
      <c r="CC30" s="114">
        <v>613708</v>
      </c>
      <c r="CD30" s="113">
        <v>806539</v>
      </c>
      <c r="CE30" s="110">
        <v>0</v>
      </c>
      <c r="CF30" s="114">
        <v>11961841</v>
      </c>
      <c r="CG30" s="114">
        <v>10965324</v>
      </c>
      <c r="CH30" s="114">
        <v>5965149</v>
      </c>
      <c r="CI30" s="114">
        <v>6763562</v>
      </c>
      <c r="CJ30" s="114">
        <v>1399171</v>
      </c>
      <c r="CK30" s="113">
        <v>37055047</v>
      </c>
      <c r="CL30" s="116">
        <v>37861586</v>
      </c>
      <c r="CM30" s="110">
        <v>0</v>
      </c>
      <c r="CN30" s="114">
        <v>0</v>
      </c>
      <c r="CO30" s="113">
        <v>0</v>
      </c>
      <c r="CP30" s="111">
        <v>0</v>
      </c>
      <c r="CQ30" s="114">
        <v>9179401</v>
      </c>
      <c r="CR30" s="114">
        <v>6329800</v>
      </c>
      <c r="CS30" s="114">
        <v>4124957</v>
      </c>
      <c r="CT30" s="114">
        <v>5673337</v>
      </c>
      <c r="CU30" s="114">
        <v>915658</v>
      </c>
      <c r="CV30" s="113">
        <v>26223153</v>
      </c>
      <c r="CW30" s="116">
        <v>26223153</v>
      </c>
      <c r="CX30" s="110">
        <v>192831</v>
      </c>
      <c r="CY30" s="114">
        <v>613708</v>
      </c>
      <c r="CZ30" s="113">
        <v>806539</v>
      </c>
      <c r="DA30" s="110">
        <v>0</v>
      </c>
      <c r="DB30" s="114">
        <v>2782440</v>
      </c>
      <c r="DC30" s="114">
        <v>4635524</v>
      </c>
      <c r="DD30" s="114">
        <v>1840192</v>
      </c>
      <c r="DE30" s="114">
        <v>1090225</v>
      </c>
      <c r="DF30" s="114">
        <v>483513</v>
      </c>
      <c r="DG30" s="113">
        <v>10831894</v>
      </c>
      <c r="DH30" s="116">
        <v>11638433</v>
      </c>
      <c r="DI30" s="110">
        <v>0</v>
      </c>
      <c r="DJ30" s="114">
        <v>217741</v>
      </c>
      <c r="DK30" s="112">
        <v>217741</v>
      </c>
      <c r="DL30" s="111">
        <v>0</v>
      </c>
      <c r="DM30" s="114">
        <v>987821</v>
      </c>
      <c r="DN30" s="114">
        <v>1775201</v>
      </c>
      <c r="DO30" s="114">
        <v>1793712</v>
      </c>
      <c r="DP30" s="114">
        <v>1365991</v>
      </c>
      <c r="DQ30" s="114">
        <v>860307</v>
      </c>
      <c r="DR30" s="113">
        <v>6783032</v>
      </c>
      <c r="DS30" s="116">
        <v>7000773</v>
      </c>
      <c r="DT30" s="110">
        <v>0</v>
      </c>
      <c r="DU30" s="114">
        <v>217741</v>
      </c>
      <c r="DV30" s="113">
        <v>217741</v>
      </c>
      <c r="DW30" s="110">
        <v>0</v>
      </c>
      <c r="DX30" s="114">
        <v>726123</v>
      </c>
      <c r="DY30" s="114">
        <v>1456354</v>
      </c>
      <c r="DZ30" s="114">
        <v>1300156</v>
      </c>
      <c r="EA30" s="114">
        <v>1014963</v>
      </c>
      <c r="EB30" s="114">
        <v>546907</v>
      </c>
      <c r="EC30" s="113">
        <v>5044503</v>
      </c>
      <c r="ED30" s="116">
        <v>5262244</v>
      </c>
      <c r="EE30" s="110">
        <v>0</v>
      </c>
      <c r="EF30" s="112">
        <v>0</v>
      </c>
      <c r="EG30" s="113">
        <v>0</v>
      </c>
      <c r="EH30" s="110">
        <v>0</v>
      </c>
      <c r="EI30" s="114">
        <v>261698</v>
      </c>
      <c r="EJ30" s="114">
        <v>318847</v>
      </c>
      <c r="EK30" s="114">
        <v>493556</v>
      </c>
      <c r="EL30" s="114">
        <v>351028</v>
      </c>
      <c r="EM30" s="114">
        <v>313400</v>
      </c>
      <c r="EN30" s="112">
        <v>1738529</v>
      </c>
      <c r="EO30" s="116">
        <v>1738529</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8"/>
      <c r="FE30" s="114">
        <v>0</v>
      </c>
      <c r="FF30" s="114">
        <v>0</v>
      </c>
      <c r="FG30" s="114">
        <v>0</v>
      </c>
      <c r="FH30" s="114">
        <v>0</v>
      </c>
      <c r="FI30" s="114">
        <v>0</v>
      </c>
      <c r="FJ30" s="113">
        <v>0</v>
      </c>
      <c r="FK30" s="116">
        <v>0</v>
      </c>
      <c r="FL30" s="110">
        <v>526944</v>
      </c>
      <c r="FM30" s="114">
        <v>836273</v>
      </c>
      <c r="FN30" s="113">
        <v>1363217</v>
      </c>
      <c r="FO30" s="110">
        <v>0</v>
      </c>
      <c r="FP30" s="114">
        <v>1058322</v>
      </c>
      <c r="FQ30" s="114">
        <v>2595310</v>
      </c>
      <c r="FR30" s="114">
        <v>1982556</v>
      </c>
      <c r="FS30" s="114">
        <v>2242181</v>
      </c>
      <c r="FT30" s="114">
        <v>1251383</v>
      </c>
      <c r="FU30" s="113">
        <v>9129752</v>
      </c>
      <c r="FV30" s="116">
        <v>10492969</v>
      </c>
      <c r="FW30" s="115">
        <v>398019</v>
      </c>
      <c r="FX30" s="114">
        <v>761653</v>
      </c>
      <c r="FY30" s="112">
        <v>1159672</v>
      </c>
      <c r="FZ30" s="111">
        <v>0</v>
      </c>
      <c r="GA30" s="114">
        <v>955902</v>
      </c>
      <c r="GB30" s="114">
        <v>2528926</v>
      </c>
      <c r="GC30" s="114">
        <v>1877595</v>
      </c>
      <c r="GD30" s="114">
        <v>1936130</v>
      </c>
      <c r="GE30" s="114">
        <v>1222673</v>
      </c>
      <c r="GF30" s="113">
        <v>8521226</v>
      </c>
      <c r="GG30" s="319">
        <v>9680898</v>
      </c>
      <c r="GH30" s="115">
        <v>56925</v>
      </c>
      <c r="GI30" s="114">
        <v>74620</v>
      </c>
      <c r="GJ30" s="112">
        <v>131545</v>
      </c>
      <c r="GK30" s="111">
        <v>0</v>
      </c>
      <c r="GL30" s="114">
        <v>27720</v>
      </c>
      <c r="GM30" s="114">
        <v>21384</v>
      </c>
      <c r="GN30" s="114">
        <v>104961</v>
      </c>
      <c r="GO30" s="114">
        <v>239251</v>
      </c>
      <c r="GP30" s="114">
        <v>28710</v>
      </c>
      <c r="GQ30" s="113">
        <v>422026</v>
      </c>
      <c r="GR30" s="116">
        <v>553571</v>
      </c>
      <c r="GS30" s="110">
        <v>72000</v>
      </c>
      <c r="GT30" s="114">
        <v>0</v>
      </c>
      <c r="GU30" s="113">
        <v>72000</v>
      </c>
      <c r="GV30" s="110">
        <v>0</v>
      </c>
      <c r="GW30" s="114">
        <v>74700</v>
      </c>
      <c r="GX30" s="114">
        <v>45000</v>
      </c>
      <c r="GY30" s="114">
        <v>0</v>
      </c>
      <c r="GZ30" s="114">
        <v>66800</v>
      </c>
      <c r="HA30" s="114">
        <v>0</v>
      </c>
      <c r="HB30" s="112">
        <v>186500</v>
      </c>
      <c r="HC30" s="116">
        <v>258500</v>
      </c>
      <c r="HD30" s="110">
        <v>120168</v>
      </c>
      <c r="HE30" s="114">
        <v>284903</v>
      </c>
      <c r="HF30" s="112">
        <v>405071</v>
      </c>
      <c r="HG30" s="111">
        <v>0</v>
      </c>
      <c r="HH30" s="114">
        <v>3525359</v>
      </c>
      <c r="HI30" s="114">
        <v>3168815</v>
      </c>
      <c r="HJ30" s="114">
        <v>1384438</v>
      </c>
      <c r="HK30" s="114">
        <v>4643442</v>
      </c>
      <c r="HL30" s="114">
        <v>3342536</v>
      </c>
      <c r="HM30" s="113">
        <v>16064590</v>
      </c>
      <c r="HN30" s="109">
        <v>16469661</v>
      </c>
      <c r="HO30" s="115">
        <v>439782</v>
      </c>
      <c r="HP30" s="114">
        <v>673566</v>
      </c>
      <c r="HQ30" s="113">
        <v>1113348</v>
      </c>
      <c r="HR30" s="110">
        <v>0</v>
      </c>
      <c r="HS30" s="114">
        <v>4793712</v>
      </c>
      <c r="HT30" s="114">
        <v>3464239</v>
      </c>
      <c r="HU30" s="114">
        <v>2200352</v>
      </c>
      <c r="HV30" s="114">
        <v>2109976</v>
      </c>
      <c r="HW30" s="114">
        <v>1002179</v>
      </c>
      <c r="HX30" s="112">
        <v>13570458</v>
      </c>
      <c r="HY30" s="116">
        <v>14683806</v>
      </c>
      <c r="HZ30" s="150">
        <v>0</v>
      </c>
      <c r="IA30" s="135">
        <v>0</v>
      </c>
      <c r="IB30" s="150">
        <v>0</v>
      </c>
      <c r="IC30" s="134">
        <v>0</v>
      </c>
      <c r="ID30" s="135">
        <v>8490213</v>
      </c>
      <c r="IE30" s="136">
        <v>4999078</v>
      </c>
      <c r="IF30" s="137">
        <v>3506693</v>
      </c>
      <c r="IG30" s="135">
        <v>2238435</v>
      </c>
      <c r="IH30" s="137">
        <v>165187</v>
      </c>
      <c r="II30" s="138">
        <v>19399606</v>
      </c>
      <c r="IJ30" s="150">
        <v>19399606</v>
      </c>
      <c r="IK30" s="232">
        <v>0</v>
      </c>
      <c r="IL30" s="236">
        <v>0</v>
      </c>
      <c r="IM30" s="237">
        <v>0</v>
      </c>
      <c r="IN30" s="140"/>
      <c r="IO30" s="119">
        <v>0</v>
      </c>
      <c r="IP30" s="119">
        <v>0</v>
      </c>
      <c r="IQ30" s="119">
        <v>0</v>
      </c>
      <c r="IR30" s="119">
        <v>0</v>
      </c>
      <c r="IS30" s="119">
        <v>0</v>
      </c>
      <c r="IT30" s="141">
        <v>0</v>
      </c>
      <c r="IU30" s="321">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641134</v>
      </c>
      <c r="JL30" s="119">
        <v>2256958</v>
      </c>
      <c r="JM30" s="119">
        <v>1266933</v>
      </c>
      <c r="JN30" s="119">
        <v>585493</v>
      </c>
      <c r="JO30" s="119">
        <v>165187</v>
      </c>
      <c r="JP30" s="120">
        <v>8915705</v>
      </c>
      <c r="JQ30" s="321">
        <v>8915705</v>
      </c>
      <c r="JR30" s="142">
        <v>0</v>
      </c>
      <c r="JS30" s="119">
        <v>0</v>
      </c>
      <c r="JT30" s="141">
        <v>0</v>
      </c>
      <c r="JU30" s="118">
        <v>0</v>
      </c>
      <c r="JV30" s="119">
        <v>0</v>
      </c>
      <c r="JW30" s="119">
        <v>0</v>
      </c>
      <c r="JX30" s="119">
        <v>0</v>
      </c>
      <c r="JY30" s="119">
        <v>0</v>
      </c>
      <c r="JZ30" s="119">
        <v>0</v>
      </c>
      <c r="KA30" s="120">
        <v>0</v>
      </c>
      <c r="KB30" s="321">
        <v>0</v>
      </c>
      <c r="KC30" s="234">
        <v>0</v>
      </c>
      <c r="KD30" s="230">
        <v>0</v>
      </c>
      <c r="KE30" s="120">
        <v>0</v>
      </c>
      <c r="KF30" s="118">
        <v>0</v>
      </c>
      <c r="KG30" s="119">
        <v>684877</v>
      </c>
      <c r="KH30" s="119">
        <v>885610</v>
      </c>
      <c r="KI30" s="119">
        <v>999582</v>
      </c>
      <c r="KJ30" s="119">
        <v>0</v>
      </c>
      <c r="KK30" s="119">
        <v>0</v>
      </c>
      <c r="KL30" s="120">
        <v>2570069</v>
      </c>
      <c r="KM30" s="143">
        <v>2570069</v>
      </c>
      <c r="KN30" s="232">
        <v>0</v>
      </c>
      <c r="KO30" s="236">
        <v>0</v>
      </c>
      <c r="KP30" s="237">
        <v>0</v>
      </c>
      <c r="KQ30" s="140"/>
      <c r="KR30" s="119">
        <v>3164202</v>
      </c>
      <c r="KS30" s="119">
        <v>1856510</v>
      </c>
      <c r="KT30" s="119">
        <v>1240178</v>
      </c>
      <c r="KU30" s="119">
        <v>1652942</v>
      </c>
      <c r="KV30" s="119">
        <v>0</v>
      </c>
      <c r="KW30" s="120">
        <v>7913832</v>
      </c>
      <c r="KX30" s="321">
        <v>7913832</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1">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2903261</v>
      </c>
      <c r="MK30" s="119">
        <v>7223311</v>
      </c>
      <c r="ML30" s="119">
        <v>21895067</v>
      </c>
      <c r="MM30" s="119">
        <v>35097898</v>
      </c>
      <c r="MN30" s="119">
        <v>21260543</v>
      </c>
      <c r="MO30" s="120">
        <v>88380080</v>
      </c>
      <c r="MP30" s="143">
        <v>88380080</v>
      </c>
      <c r="MQ30" s="142">
        <v>0</v>
      </c>
      <c r="MR30" s="119">
        <v>0</v>
      </c>
      <c r="MS30" s="120">
        <v>0</v>
      </c>
      <c r="MT30" s="145"/>
      <c r="MU30" s="119">
        <v>679264</v>
      </c>
      <c r="MV30" s="119">
        <v>2275409</v>
      </c>
      <c r="MW30" s="119">
        <v>15529967</v>
      </c>
      <c r="MX30" s="119">
        <v>19208272</v>
      </c>
      <c r="MY30" s="119">
        <v>15513119</v>
      </c>
      <c r="MZ30" s="120">
        <v>53206031</v>
      </c>
      <c r="NA30" s="143">
        <v>53206031</v>
      </c>
      <c r="NB30" s="142">
        <v>0</v>
      </c>
      <c r="NC30" s="119">
        <v>0</v>
      </c>
      <c r="ND30" s="120">
        <v>0</v>
      </c>
      <c r="NE30" s="145"/>
      <c r="NF30" s="119">
        <v>2223997</v>
      </c>
      <c r="NG30" s="119">
        <v>4947902</v>
      </c>
      <c r="NH30" s="119">
        <v>6365100</v>
      </c>
      <c r="NI30" s="119">
        <v>15497592</v>
      </c>
      <c r="NJ30" s="119">
        <v>5344158</v>
      </c>
      <c r="NK30" s="120">
        <v>34378749</v>
      </c>
      <c r="NL30" s="321">
        <v>34378749</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392034</v>
      </c>
      <c r="OF30" s="119">
        <v>403266</v>
      </c>
      <c r="OG30" s="120">
        <v>795300</v>
      </c>
      <c r="OH30" s="121">
        <v>795300</v>
      </c>
      <c r="OI30" s="142">
        <v>1726840</v>
      </c>
      <c r="OJ30" s="119">
        <v>3965319</v>
      </c>
      <c r="OK30" s="141">
        <v>5692159</v>
      </c>
      <c r="OL30" s="118">
        <v>0</v>
      </c>
      <c r="OM30" s="119">
        <v>42265250</v>
      </c>
      <c r="ON30" s="119">
        <v>42520875</v>
      </c>
      <c r="OO30" s="119">
        <v>45295716</v>
      </c>
      <c r="OP30" s="119">
        <v>63972449</v>
      </c>
      <c r="OQ30" s="119">
        <v>38655306</v>
      </c>
      <c r="OR30" s="120">
        <v>232709596</v>
      </c>
      <c r="OS30" s="143">
        <v>238401755</v>
      </c>
    </row>
    <row r="31" spans="2:409" ht="19.8" customHeight="1" x14ac:dyDescent="0.2">
      <c r="B31" s="62" t="s">
        <v>26</v>
      </c>
      <c r="C31" s="110">
        <v>1787143</v>
      </c>
      <c r="D31" s="114">
        <v>2396609</v>
      </c>
      <c r="E31" s="113">
        <v>4183752</v>
      </c>
      <c r="F31" s="109">
        <v>0</v>
      </c>
      <c r="G31" s="114">
        <v>23425360</v>
      </c>
      <c r="H31" s="114">
        <v>25542207</v>
      </c>
      <c r="I31" s="114">
        <v>23797884</v>
      </c>
      <c r="J31" s="114">
        <v>21840098</v>
      </c>
      <c r="K31" s="114">
        <v>20121643</v>
      </c>
      <c r="L31" s="173">
        <v>114727192</v>
      </c>
      <c r="M31" s="116">
        <v>118910944</v>
      </c>
      <c r="N31" s="110">
        <v>360300</v>
      </c>
      <c r="O31" s="114">
        <v>597796</v>
      </c>
      <c r="P31" s="113">
        <v>958096</v>
      </c>
      <c r="Q31" s="110">
        <v>0</v>
      </c>
      <c r="R31" s="114">
        <v>6250148</v>
      </c>
      <c r="S31" s="114">
        <v>7620203</v>
      </c>
      <c r="T31" s="114">
        <v>6430174</v>
      </c>
      <c r="U31" s="114">
        <v>8866488</v>
      </c>
      <c r="V31" s="114">
        <v>10904281</v>
      </c>
      <c r="W31" s="113">
        <v>40071294</v>
      </c>
      <c r="X31" s="116">
        <v>41029390</v>
      </c>
      <c r="Y31" s="110">
        <v>0</v>
      </c>
      <c r="Z31" s="114">
        <v>0</v>
      </c>
      <c r="AA31" s="113">
        <v>0</v>
      </c>
      <c r="AB31" s="110">
        <v>0</v>
      </c>
      <c r="AC31" s="114">
        <v>3011064</v>
      </c>
      <c r="AD31" s="114">
        <v>3824192</v>
      </c>
      <c r="AE31" s="114">
        <v>2997355</v>
      </c>
      <c r="AF31" s="114">
        <v>5174133</v>
      </c>
      <c r="AG31" s="114">
        <v>7129301</v>
      </c>
      <c r="AH31" s="113">
        <v>22136045</v>
      </c>
      <c r="AI31" s="116">
        <v>22136045</v>
      </c>
      <c r="AJ31" s="110">
        <v>0</v>
      </c>
      <c r="AK31" s="114">
        <v>0</v>
      </c>
      <c r="AL31" s="113">
        <v>0</v>
      </c>
      <c r="AM31" s="110">
        <v>0</v>
      </c>
      <c r="AN31" s="114">
        <v>0</v>
      </c>
      <c r="AO31" s="114">
        <v>80187</v>
      </c>
      <c r="AP31" s="114">
        <v>334010</v>
      </c>
      <c r="AQ31" s="114">
        <v>836515</v>
      </c>
      <c r="AR31" s="114">
        <v>888730</v>
      </c>
      <c r="AS31" s="113">
        <v>2139442</v>
      </c>
      <c r="AT31" s="116">
        <v>2139442</v>
      </c>
      <c r="AU31" s="110">
        <v>186926</v>
      </c>
      <c r="AV31" s="114">
        <v>552229</v>
      </c>
      <c r="AW31" s="113">
        <v>739155</v>
      </c>
      <c r="AX31" s="110">
        <v>0</v>
      </c>
      <c r="AY31" s="114">
        <v>2268517</v>
      </c>
      <c r="AZ31" s="114">
        <v>2630953</v>
      </c>
      <c r="BA31" s="114">
        <v>1913884</v>
      </c>
      <c r="BB31" s="114">
        <v>1937427</v>
      </c>
      <c r="BC31" s="114">
        <v>2105364</v>
      </c>
      <c r="BD31" s="113">
        <v>10856145</v>
      </c>
      <c r="BE31" s="116">
        <v>11595300</v>
      </c>
      <c r="BF31" s="110">
        <v>0</v>
      </c>
      <c r="BG31" s="114">
        <v>0</v>
      </c>
      <c r="BH31" s="112">
        <v>0</v>
      </c>
      <c r="BI31" s="111">
        <v>0</v>
      </c>
      <c r="BJ31" s="114">
        <v>222499</v>
      </c>
      <c r="BK31" s="114">
        <v>277143</v>
      </c>
      <c r="BL31" s="114">
        <v>278738</v>
      </c>
      <c r="BM31" s="114">
        <v>23694</v>
      </c>
      <c r="BN31" s="114">
        <v>129472</v>
      </c>
      <c r="BO31" s="113">
        <v>931546</v>
      </c>
      <c r="BP31" s="116">
        <v>931546</v>
      </c>
      <c r="BQ31" s="110">
        <v>173374</v>
      </c>
      <c r="BR31" s="114">
        <v>45567</v>
      </c>
      <c r="BS31" s="113">
        <v>218941</v>
      </c>
      <c r="BT31" s="110">
        <v>0</v>
      </c>
      <c r="BU31" s="114">
        <v>748068</v>
      </c>
      <c r="BV31" s="114">
        <v>807728</v>
      </c>
      <c r="BW31" s="114">
        <v>906187</v>
      </c>
      <c r="BX31" s="114">
        <v>894719</v>
      </c>
      <c r="BY31" s="114">
        <v>651414</v>
      </c>
      <c r="BZ31" s="113">
        <v>4008116</v>
      </c>
      <c r="CA31" s="116">
        <v>4227057</v>
      </c>
      <c r="CB31" s="110">
        <v>108271</v>
      </c>
      <c r="CC31" s="114">
        <v>239574</v>
      </c>
      <c r="CD31" s="113">
        <v>347845</v>
      </c>
      <c r="CE31" s="110">
        <v>0</v>
      </c>
      <c r="CF31" s="114">
        <v>7465830</v>
      </c>
      <c r="CG31" s="114">
        <v>7321800</v>
      </c>
      <c r="CH31" s="114">
        <v>6044966</v>
      </c>
      <c r="CI31" s="114">
        <v>3202639</v>
      </c>
      <c r="CJ31" s="114">
        <v>2647724</v>
      </c>
      <c r="CK31" s="113">
        <v>26682959</v>
      </c>
      <c r="CL31" s="116">
        <v>27030804</v>
      </c>
      <c r="CM31" s="110">
        <v>0</v>
      </c>
      <c r="CN31" s="114">
        <v>0</v>
      </c>
      <c r="CO31" s="113">
        <v>0</v>
      </c>
      <c r="CP31" s="111">
        <v>0</v>
      </c>
      <c r="CQ31" s="114">
        <v>6190379</v>
      </c>
      <c r="CR31" s="114">
        <v>5538155</v>
      </c>
      <c r="CS31" s="114">
        <v>4723721</v>
      </c>
      <c r="CT31" s="114">
        <v>2492784</v>
      </c>
      <c r="CU31" s="114">
        <v>1980032</v>
      </c>
      <c r="CV31" s="113">
        <v>20925071</v>
      </c>
      <c r="CW31" s="116">
        <v>20925071</v>
      </c>
      <c r="CX31" s="110">
        <v>108271</v>
      </c>
      <c r="CY31" s="114">
        <v>239574</v>
      </c>
      <c r="CZ31" s="113">
        <v>347845</v>
      </c>
      <c r="DA31" s="110">
        <v>0</v>
      </c>
      <c r="DB31" s="114">
        <v>1275451</v>
      </c>
      <c r="DC31" s="114">
        <v>1783645</v>
      </c>
      <c r="DD31" s="114">
        <v>1321245</v>
      </c>
      <c r="DE31" s="114">
        <v>709855</v>
      </c>
      <c r="DF31" s="114">
        <v>667692</v>
      </c>
      <c r="DG31" s="113">
        <v>5757888</v>
      </c>
      <c r="DH31" s="116">
        <v>6105733</v>
      </c>
      <c r="DI31" s="110">
        <v>0</v>
      </c>
      <c r="DJ31" s="114">
        <v>104890</v>
      </c>
      <c r="DK31" s="112">
        <v>104890</v>
      </c>
      <c r="DL31" s="111">
        <v>0</v>
      </c>
      <c r="DM31" s="114">
        <v>473555</v>
      </c>
      <c r="DN31" s="114">
        <v>915404</v>
      </c>
      <c r="DO31" s="114">
        <v>2779581</v>
      </c>
      <c r="DP31" s="114">
        <v>2375364</v>
      </c>
      <c r="DQ31" s="114">
        <v>823507</v>
      </c>
      <c r="DR31" s="113">
        <v>7367411</v>
      </c>
      <c r="DS31" s="116">
        <v>7472301</v>
      </c>
      <c r="DT31" s="110">
        <v>0</v>
      </c>
      <c r="DU31" s="114">
        <v>104890</v>
      </c>
      <c r="DV31" s="113">
        <v>104890</v>
      </c>
      <c r="DW31" s="110">
        <v>0</v>
      </c>
      <c r="DX31" s="114">
        <v>379047</v>
      </c>
      <c r="DY31" s="114">
        <v>786873</v>
      </c>
      <c r="DZ31" s="114">
        <v>2647577</v>
      </c>
      <c r="EA31" s="114">
        <v>2153026</v>
      </c>
      <c r="EB31" s="114">
        <v>621227</v>
      </c>
      <c r="EC31" s="113">
        <v>6587750</v>
      </c>
      <c r="ED31" s="116">
        <v>6692640</v>
      </c>
      <c r="EE31" s="110">
        <v>0</v>
      </c>
      <c r="EF31" s="112">
        <v>0</v>
      </c>
      <c r="EG31" s="113">
        <v>0</v>
      </c>
      <c r="EH31" s="110">
        <v>0</v>
      </c>
      <c r="EI31" s="114">
        <v>94508</v>
      </c>
      <c r="EJ31" s="114">
        <v>128531</v>
      </c>
      <c r="EK31" s="114">
        <v>132004</v>
      </c>
      <c r="EL31" s="114">
        <v>222338</v>
      </c>
      <c r="EM31" s="114">
        <v>202280</v>
      </c>
      <c r="EN31" s="112">
        <v>779661</v>
      </c>
      <c r="EO31" s="116">
        <v>779661</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8"/>
      <c r="FE31" s="114">
        <v>0</v>
      </c>
      <c r="FF31" s="114">
        <v>0</v>
      </c>
      <c r="FG31" s="114">
        <v>0</v>
      </c>
      <c r="FH31" s="114">
        <v>0</v>
      </c>
      <c r="FI31" s="114">
        <v>0</v>
      </c>
      <c r="FJ31" s="113">
        <v>0</v>
      </c>
      <c r="FK31" s="116">
        <v>0</v>
      </c>
      <c r="FL31" s="110">
        <v>325837</v>
      </c>
      <c r="FM31" s="114">
        <v>773036</v>
      </c>
      <c r="FN31" s="113">
        <v>1098873</v>
      </c>
      <c r="FO31" s="110">
        <v>0</v>
      </c>
      <c r="FP31" s="114">
        <v>1768123</v>
      </c>
      <c r="FQ31" s="114">
        <v>2611367</v>
      </c>
      <c r="FR31" s="114">
        <v>2004698</v>
      </c>
      <c r="FS31" s="114">
        <v>1686947</v>
      </c>
      <c r="FT31" s="114">
        <v>1646928</v>
      </c>
      <c r="FU31" s="113">
        <v>9718063</v>
      </c>
      <c r="FV31" s="116">
        <v>10816936</v>
      </c>
      <c r="FW31" s="115">
        <v>219513</v>
      </c>
      <c r="FX31" s="114">
        <v>521144</v>
      </c>
      <c r="FY31" s="112">
        <v>740657</v>
      </c>
      <c r="FZ31" s="111">
        <v>0</v>
      </c>
      <c r="GA31" s="114">
        <v>1130880</v>
      </c>
      <c r="GB31" s="114">
        <v>2346813</v>
      </c>
      <c r="GC31" s="114">
        <v>1754201</v>
      </c>
      <c r="GD31" s="114">
        <v>1566337</v>
      </c>
      <c r="GE31" s="114">
        <v>1556928</v>
      </c>
      <c r="GF31" s="113">
        <v>8355159</v>
      </c>
      <c r="GG31" s="319">
        <v>9095816</v>
      </c>
      <c r="GH31" s="115">
        <v>106324</v>
      </c>
      <c r="GI31" s="114">
        <v>54252</v>
      </c>
      <c r="GJ31" s="112">
        <v>160576</v>
      </c>
      <c r="GK31" s="111">
        <v>0</v>
      </c>
      <c r="GL31" s="114">
        <v>72270</v>
      </c>
      <c r="GM31" s="114">
        <v>179058</v>
      </c>
      <c r="GN31" s="114">
        <v>101618</v>
      </c>
      <c r="GO31" s="114">
        <v>24300</v>
      </c>
      <c r="GP31" s="114">
        <v>90000</v>
      </c>
      <c r="GQ31" s="113">
        <v>467246</v>
      </c>
      <c r="GR31" s="116">
        <v>627822</v>
      </c>
      <c r="GS31" s="110">
        <v>0</v>
      </c>
      <c r="GT31" s="114">
        <v>197640</v>
      </c>
      <c r="GU31" s="113">
        <v>197640</v>
      </c>
      <c r="GV31" s="110">
        <v>0</v>
      </c>
      <c r="GW31" s="114">
        <v>564973</v>
      </c>
      <c r="GX31" s="114">
        <v>85496</v>
      </c>
      <c r="GY31" s="114">
        <v>148879</v>
      </c>
      <c r="GZ31" s="114">
        <v>96310</v>
      </c>
      <c r="HA31" s="114">
        <v>0</v>
      </c>
      <c r="HB31" s="112">
        <v>895658</v>
      </c>
      <c r="HC31" s="116">
        <v>1093298</v>
      </c>
      <c r="HD31" s="110">
        <v>677636</v>
      </c>
      <c r="HE31" s="114">
        <v>172386</v>
      </c>
      <c r="HF31" s="112">
        <v>850022</v>
      </c>
      <c r="HG31" s="111">
        <v>0</v>
      </c>
      <c r="HH31" s="114">
        <v>3041918</v>
      </c>
      <c r="HI31" s="114">
        <v>3602891</v>
      </c>
      <c r="HJ31" s="114">
        <v>3881926</v>
      </c>
      <c r="HK31" s="114">
        <v>4040093</v>
      </c>
      <c r="HL31" s="114">
        <v>2791184</v>
      </c>
      <c r="HM31" s="113">
        <v>17358012</v>
      </c>
      <c r="HN31" s="109">
        <v>18208034</v>
      </c>
      <c r="HO31" s="115">
        <v>315099</v>
      </c>
      <c r="HP31" s="114">
        <v>508927</v>
      </c>
      <c r="HQ31" s="113">
        <v>824026</v>
      </c>
      <c r="HR31" s="110">
        <v>0</v>
      </c>
      <c r="HS31" s="114">
        <v>4425786</v>
      </c>
      <c r="HT31" s="114">
        <v>3470542</v>
      </c>
      <c r="HU31" s="114">
        <v>2656539</v>
      </c>
      <c r="HV31" s="114">
        <v>1668567</v>
      </c>
      <c r="HW31" s="114">
        <v>1308019</v>
      </c>
      <c r="HX31" s="112">
        <v>13529453</v>
      </c>
      <c r="HY31" s="116">
        <v>14353479</v>
      </c>
      <c r="HZ31" s="131">
        <v>53875</v>
      </c>
      <c r="IA31" s="132">
        <v>0</v>
      </c>
      <c r="IB31" s="133">
        <v>53875</v>
      </c>
      <c r="IC31" s="146">
        <v>0</v>
      </c>
      <c r="ID31" s="132">
        <v>5878749</v>
      </c>
      <c r="IE31" s="147">
        <v>6359011</v>
      </c>
      <c r="IF31" s="133">
        <v>9704250</v>
      </c>
      <c r="IG31" s="132">
        <v>4662179</v>
      </c>
      <c r="IH31" s="133">
        <v>4558126</v>
      </c>
      <c r="II31" s="148">
        <v>31162315</v>
      </c>
      <c r="IJ31" s="139">
        <v>31216190</v>
      </c>
      <c r="IK31" s="232">
        <v>0</v>
      </c>
      <c r="IL31" s="236">
        <v>0</v>
      </c>
      <c r="IM31" s="237">
        <v>0</v>
      </c>
      <c r="IN31" s="140"/>
      <c r="IO31" s="119">
        <v>0</v>
      </c>
      <c r="IP31" s="119">
        <v>0</v>
      </c>
      <c r="IQ31" s="119">
        <v>0</v>
      </c>
      <c r="IR31" s="119">
        <v>0</v>
      </c>
      <c r="IS31" s="119">
        <v>0</v>
      </c>
      <c r="IT31" s="141">
        <v>0</v>
      </c>
      <c r="IU31" s="321">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444984</v>
      </c>
      <c r="JL31" s="119">
        <v>2361948</v>
      </c>
      <c r="JM31" s="119">
        <v>2242779</v>
      </c>
      <c r="JN31" s="119">
        <v>1211082</v>
      </c>
      <c r="JO31" s="119">
        <v>1767449</v>
      </c>
      <c r="JP31" s="120">
        <v>10028242</v>
      </c>
      <c r="JQ31" s="321">
        <v>10028242</v>
      </c>
      <c r="JR31" s="142">
        <v>0</v>
      </c>
      <c r="JS31" s="119">
        <v>0</v>
      </c>
      <c r="JT31" s="141">
        <v>0</v>
      </c>
      <c r="JU31" s="118">
        <v>0</v>
      </c>
      <c r="JV31" s="119">
        <v>29740</v>
      </c>
      <c r="JW31" s="119">
        <v>298970</v>
      </c>
      <c r="JX31" s="119">
        <v>1086328</v>
      </c>
      <c r="JY31" s="119">
        <v>164639</v>
      </c>
      <c r="JZ31" s="119">
        <v>562399</v>
      </c>
      <c r="KA31" s="120">
        <v>2142076</v>
      </c>
      <c r="KB31" s="321">
        <v>2142076</v>
      </c>
      <c r="KC31" s="234">
        <v>53875</v>
      </c>
      <c r="KD31" s="230">
        <v>0</v>
      </c>
      <c r="KE31" s="120">
        <v>53875</v>
      </c>
      <c r="KF31" s="118">
        <v>0</v>
      </c>
      <c r="KG31" s="119">
        <v>1002431</v>
      </c>
      <c r="KH31" s="119">
        <v>1075362</v>
      </c>
      <c r="KI31" s="119">
        <v>1597878</v>
      </c>
      <c r="KJ31" s="119">
        <v>588916</v>
      </c>
      <c r="KK31" s="119">
        <v>955404</v>
      </c>
      <c r="KL31" s="120">
        <v>5219991</v>
      </c>
      <c r="KM31" s="143">
        <v>5273866</v>
      </c>
      <c r="KN31" s="232">
        <v>0</v>
      </c>
      <c r="KO31" s="236">
        <v>0</v>
      </c>
      <c r="KP31" s="237">
        <v>0</v>
      </c>
      <c r="KQ31" s="140"/>
      <c r="KR31" s="119">
        <v>2401594</v>
      </c>
      <c r="KS31" s="119">
        <v>2622731</v>
      </c>
      <c r="KT31" s="119">
        <v>4531005</v>
      </c>
      <c r="KU31" s="119">
        <v>2697542</v>
      </c>
      <c r="KV31" s="119">
        <v>1272874</v>
      </c>
      <c r="KW31" s="120">
        <v>13525746</v>
      </c>
      <c r="KX31" s="321">
        <v>13525746</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246260</v>
      </c>
      <c r="LQ31" s="119">
        <v>0</v>
      </c>
      <c r="LR31" s="119">
        <v>0</v>
      </c>
      <c r="LS31" s="120">
        <v>246260</v>
      </c>
      <c r="LT31" s="321">
        <v>24626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2569223</v>
      </c>
      <c r="MK31" s="119">
        <v>7506113</v>
      </c>
      <c r="ML31" s="119">
        <v>13547282</v>
      </c>
      <c r="MM31" s="119">
        <v>23204599</v>
      </c>
      <c r="MN31" s="119">
        <v>17550832</v>
      </c>
      <c r="MO31" s="120">
        <v>64378049</v>
      </c>
      <c r="MP31" s="143">
        <v>64378049</v>
      </c>
      <c r="MQ31" s="142">
        <v>0</v>
      </c>
      <c r="MR31" s="119">
        <v>0</v>
      </c>
      <c r="MS31" s="120">
        <v>0</v>
      </c>
      <c r="MT31" s="145"/>
      <c r="MU31" s="119">
        <v>0</v>
      </c>
      <c r="MV31" s="119">
        <v>1703723</v>
      </c>
      <c r="MW31" s="119">
        <v>7602671</v>
      </c>
      <c r="MX31" s="119">
        <v>17810076</v>
      </c>
      <c r="MY31" s="119">
        <v>13645024</v>
      </c>
      <c r="MZ31" s="120">
        <v>40761494</v>
      </c>
      <c r="NA31" s="143">
        <v>40761494</v>
      </c>
      <c r="NB31" s="142">
        <v>0</v>
      </c>
      <c r="NC31" s="119">
        <v>0</v>
      </c>
      <c r="ND31" s="120">
        <v>0</v>
      </c>
      <c r="NE31" s="145"/>
      <c r="NF31" s="119">
        <v>2569223</v>
      </c>
      <c r="NG31" s="119">
        <v>5802390</v>
      </c>
      <c r="NH31" s="119">
        <v>5944611</v>
      </c>
      <c r="NI31" s="119">
        <v>5051301</v>
      </c>
      <c r="NJ31" s="119">
        <v>3056587</v>
      </c>
      <c r="NK31" s="120">
        <v>22424112</v>
      </c>
      <c r="NL31" s="321">
        <v>22424112</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343222</v>
      </c>
      <c r="OF31" s="119">
        <v>849221</v>
      </c>
      <c r="OG31" s="120">
        <v>1192443</v>
      </c>
      <c r="OH31" s="121">
        <v>1192443</v>
      </c>
      <c r="OI31" s="142">
        <v>1841018</v>
      </c>
      <c r="OJ31" s="119">
        <v>2396609</v>
      </c>
      <c r="OK31" s="141">
        <v>4237627</v>
      </c>
      <c r="OL31" s="118">
        <v>0</v>
      </c>
      <c r="OM31" s="119">
        <v>31873332</v>
      </c>
      <c r="ON31" s="119">
        <v>39407331</v>
      </c>
      <c r="OO31" s="119">
        <v>47049416</v>
      </c>
      <c r="OP31" s="119">
        <v>49706876</v>
      </c>
      <c r="OQ31" s="119">
        <v>42230601</v>
      </c>
      <c r="OR31" s="120">
        <v>210267556</v>
      </c>
      <c r="OS31" s="143">
        <v>214505183</v>
      </c>
    </row>
    <row r="32" spans="2:409" ht="19.8" customHeight="1" x14ac:dyDescent="0.2">
      <c r="B32" s="62" t="s">
        <v>27</v>
      </c>
      <c r="C32" s="110">
        <v>2670653</v>
      </c>
      <c r="D32" s="114">
        <v>5619155</v>
      </c>
      <c r="E32" s="113">
        <v>8289808</v>
      </c>
      <c r="F32" s="109">
        <v>0</v>
      </c>
      <c r="G32" s="114">
        <v>20507177</v>
      </c>
      <c r="H32" s="114">
        <v>24709832</v>
      </c>
      <c r="I32" s="114">
        <v>23978568</v>
      </c>
      <c r="J32" s="114">
        <v>23800337</v>
      </c>
      <c r="K32" s="114">
        <v>16636901</v>
      </c>
      <c r="L32" s="173">
        <v>109632815</v>
      </c>
      <c r="M32" s="116">
        <v>117922623</v>
      </c>
      <c r="N32" s="110">
        <v>628920</v>
      </c>
      <c r="O32" s="114">
        <v>1623290</v>
      </c>
      <c r="P32" s="113">
        <v>2252210</v>
      </c>
      <c r="Q32" s="110">
        <v>0</v>
      </c>
      <c r="R32" s="114">
        <v>4095850</v>
      </c>
      <c r="S32" s="114">
        <v>5447933</v>
      </c>
      <c r="T32" s="114">
        <v>6775283</v>
      </c>
      <c r="U32" s="114">
        <v>7330741</v>
      </c>
      <c r="V32" s="114">
        <v>8055090</v>
      </c>
      <c r="W32" s="113">
        <v>31704897</v>
      </c>
      <c r="X32" s="116">
        <v>33957107</v>
      </c>
      <c r="Y32" s="110">
        <v>0</v>
      </c>
      <c r="Z32" s="114">
        <v>0</v>
      </c>
      <c r="AA32" s="113">
        <v>0</v>
      </c>
      <c r="AB32" s="110">
        <v>0</v>
      </c>
      <c r="AC32" s="114">
        <v>2197934</v>
      </c>
      <c r="AD32" s="114">
        <v>3017695</v>
      </c>
      <c r="AE32" s="114">
        <v>3903126</v>
      </c>
      <c r="AF32" s="114">
        <v>3751427</v>
      </c>
      <c r="AG32" s="114">
        <v>4583901</v>
      </c>
      <c r="AH32" s="113">
        <v>17454083</v>
      </c>
      <c r="AI32" s="116">
        <v>17454083</v>
      </c>
      <c r="AJ32" s="110">
        <v>0</v>
      </c>
      <c r="AK32" s="114">
        <v>0</v>
      </c>
      <c r="AL32" s="113">
        <v>0</v>
      </c>
      <c r="AM32" s="110">
        <v>0</v>
      </c>
      <c r="AN32" s="114">
        <v>51346</v>
      </c>
      <c r="AO32" s="114">
        <v>126554</v>
      </c>
      <c r="AP32" s="114">
        <v>287388</v>
      </c>
      <c r="AQ32" s="114">
        <v>793784</v>
      </c>
      <c r="AR32" s="114">
        <v>1060006</v>
      </c>
      <c r="AS32" s="113">
        <v>2319078</v>
      </c>
      <c r="AT32" s="116">
        <v>2319078</v>
      </c>
      <c r="AU32" s="110">
        <v>521767</v>
      </c>
      <c r="AV32" s="114">
        <v>1367675</v>
      </c>
      <c r="AW32" s="113">
        <v>1889442</v>
      </c>
      <c r="AX32" s="110">
        <v>0</v>
      </c>
      <c r="AY32" s="114">
        <v>1060394</v>
      </c>
      <c r="AZ32" s="114">
        <v>1487993</v>
      </c>
      <c r="BA32" s="114">
        <v>1514795</v>
      </c>
      <c r="BB32" s="114">
        <v>1809361</v>
      </c>
      <c r="BC32" s="114">
        <v>1757182</v>
      </c>
      <c r="BD32" s="113">
        <v>7629725</v>
      </c>
      <c r="BE32" s="116">
        <v>9519167</v>
      </c>
      <c r="BF32" s="110">
        <v>0</v>
      </c>
      <c r="BG32" s="114">
        <v>68154</v>
      </c>
      <c r="BH32" s="112">
        <v>68154</v>
      </c>
      <c r="BI32" s="111">
        <v>0</v>
      </c>
      <c r="BJ32" s="114">
        <v>0</v>
      </c>
      <c r="BK32" s="114">
        <v>0</v>
      </c>
      <c r="BL32" s="114">
        <v>0</v>
      </c>
      <c r="BM32" s="114">
        <v>0</v>
      </c>
      <c r="BN32" s="114">
        <v>97245</v>
      </c>
      <c r="BO32" s="113">
        <v>97245</v>
      </c>
      <c r="BP32" s="116">
        <v>165399</v>
      </c>
      <c r="BQ32" s="110">
        <v>107153</v>
      </c>
      <c r="BR32" s="114">
        <v>187461</v>
      </c>
      <c r="BS32" s="113">
        <v>294614</v>
      </c>
      <c r="BT32" s="110">
        <v>0</v>
      </c>
      <c r="BU32" s="114">
        <v>786176</v>
      </c>
      <c r="BV32" s="114">
        <v>815691</v>
      </c>
      <c r="BW32" s="114">
        <v>1069974</v>
      </c>
      <c r="BX32" s="114">
        <v>976169</v>
      </c>
      <c r="BY32" s="114">
        <v>556756</v>
      </c>
      <c r="BZ32" s="113">
        <v>4204766</v>
      </c>
      <c r="CA32" s="116">
        <v>4499380</v>
      </c>
      <c r="CB32" s="110">
        <v>277580</v>
      </c>
      <c r="CC32" s="114">
        <v>960210</v>
      </c>
      <c r="CD32" s="113">
        <v>1237790</v>
      </c>
      <c r="CE32" s="110">
        <v>0</v>
      </c>
      <c r="CF32" s="114">
        <v>6872139</v>
      </c>
      <c r="CG32" s="114">
        <v>7729188</v>
      </c>
      <c r="CH32" s="114">
        <v>5266266</v>
      </c>
      <c r="CI32" s="114">
        <v>3248358</v>
      </c>
      <c r="CJ32" s="114">
        <v>2048117</v>
      </c>
      <c r="CK32" s="113">
        <v>25164068</v>
      </c>
      <c r="CL32" s="116">
        <v>26401858</v>
      </c>
      <c r="CM32" s="110">
        <v>0</v>
      </c>
      <c r="CN32" s="114">
        <v>0</v>
      </c>
      <c r="CO32" s="113">
        <v>0</v>
      </c>
      <c r="CP32" s="111">
        <v>0</v>
      </c>
      <c r="CQ32" s="114">
        <v>5758923</v>
      </c>
      <c r="CR32" s="114">
        <v>5946886</v>
      </c>
      <c r="CS32" s="114">
        <v>4417123</v>
      </c>
      <c r="CT32" s="114">
        <v>2793015</v>
      </c>
      <c r="CU32" s="114">
        <v>1647509</v>
      </c>
      <c r="CV32" s="113">
        <v>20563456</v>
      </c>
      <c r="CW32" s="116">
        <v>20563456</v>
      </c>
      <c r="CX32" s="110">
        <v>277580</v>
      </c>
      <c r="CY32" s="114">
        <v>960210</v>
      </c>
      <c r="CZ32" s="113">
        <v>1237790</v>
      </c>
      <c r="DA32" s="110">
        <v>0</v>
      </c>
      <c r="DB32" s="114">
        <v>1113216</v>
      </c>
      <c r="DC32" s="114">
        <v>1782302</v>
      </c>
      <c r="DD32" s="114">
        <v>849143</v>
      </c>
      <c r="DE32" s="114">
        <v>455343</v>
      </c>
      <c r="DF32" s="114">
        <v>400608</v>
      </c>
      <c r="DG32" s="113">
        <v>4600612</v>
      </c>
      <c r="DH32" s="116">
        <v>5838402</v>
      </c>
      <c r="DI32" s="110">
        <v>0</v>
      </c>
      <c r="DJ32" s="114">
        <v>87590</v>
      </c>
      <c r="DK32" s="112">
        <v>87590</v>
      </c>
      <c r="DL32" s="111">
        <v>0</v>
      </c>
      <c r="DM32" s="114">
        <v>803252</v>
      </c>
      <c r="DN32" s="114">
        <v>889595</v>
      </c>
      <c r="DO32" s="114">
        <v>974210</v>
      </c>
      <c r="DP32" s="114">
        <v>1609264</v>
      </c>
      <c r="DQ32" s="114">
        <v>875846</v>
      </c>
      <c r="DR32" s="113">
        <v>5152167</v>
      </c>
      <c r="DS32" s="116">
        <v>5239757</v>
      </c>
      <c r="DT32" s="110">
        <v>0</v>
      </c>
      <c r="DU32" s="114">
        <v>87590</v>
      </c>
      <c r="DV32" s="113">
        <v>87590</v>
      </c>
      <c r="DW32" s="110">
        <v>0</v>
      </c>
      <c r="DX32" s="114">
        <v>456057</v>
      </c>
      <c r="DY32" s="114">
        <v>596276</v>
      </c>
      <c r="DZ32" s="114">
        <v>886338</v>
      </c>
      <c r="EA32" s="114">
        <v>1338732</v>
      </c>
      <c r="EB32" s="114">
        <v>852074</v>
      </c>
      <c r="EC32" s="113">
        <v>4129477</v>
      </c>
      <c r="ED32" s="116">
        <v>4217067</v>
      </c>
      <c r="EE32" s="110">
        <v>0</v>
      </c>
      <c r="EF32" s="112">
        <v>0</v>
      </c>
      <c r="EG32" s="113">
        <v>0</v>
      </c>
      <c r="EH32" s="110">
        <v>0</v>
      </c>
      <c r="EI32" s="114">
        <v>347195</v>
      </c>
      <c r="EJ32" s="114">
        <v>293319</v>
      </c>
      <c r="EK32" s="114">
        <v>87872</v>
      </c>
      <c r="EL32" s="114">
        <v>270532</v>
      </c>
      <c r="EM32" s="114">
        <v>23772</v>
      </c>
      <c r="EN32" s="112">
        <v>1022690</v>
      </c>
      <c r="EO32" s="116">
        <v>102269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8"/>
      <c r="FE32" s="114">
        <v>0</v>
      </c>
      <c r="FF32" s="114">
        <v>0</v>
      </c>
      <c r="FG32" s="114">
        <v>0</v>
      </c>
      <c r="FH32" s="114">
        <v>0</v>
      </c>
      <c r="FI32" s="114">
        <v>0</v>
      </c>
      <c r="FJ32" s="113">
        <v>0</v>
      </c>
      <c r="FK32" s="116">
        <v>0</v>
      </c>
      <c r="FL32" s="110">
        <v>642805</v>
      </c>
      <c r="FM32" s="114">
        <v>978001</v>
      </c>
      <c r="FN32" s="113">
        <v>1620806</v>
      </c>
      <c r="FO32" s="110">
        <v>0</v>
      </c>
      <c r="FP32" s="114">
        <v>745988</v>
      </c>
      <c r="FQ32" s="114">
        <v>2314554</v>
      </c>
      <c r="FR32" s="114">
        <v>1793422</v>
      </c>
      <c r="FS32" s="114">
        <v>1382527</v>
      </c>
      <c r="FT32" s="114">
        <v>1142751</v>
      </c>
      <c r="FU32" s="113">
        <v>7379242</v>
      </c>
      <c r="FV32" s="116">
        <v>9000048</v>
      </c>
      <c r="FW32" s="115">
        <v>385368</v>
      </c>
      <c r="FX32" s="114">
        <v>858929</v>
      </c>
      <c r="FY32" s="112">
        <v>1244297</v>
      </c>
      <c r="FZ32" s="111">
        <v>0</v>
      </c>
      <c r="GA32" s="114">
        <v>517298</v>
      </c>
      <c r="GB32" s="114">
        <v>2075618</v>
      </c>
      <c r="GC32" s="114">
        <v>1548645</v>
      </c>
      <c r="GD32" s="114">
        <v>1252837</v>
      </c>
      <c r="GE32" s="114">
        <v>1142751</v>
      </c>
      <c r="GF32" s="113">
        <v>6537149</v>
      </c>
      <c r="GG32" s="319">
        <v>7781446</v>
      </c>
      <c r="GH32" s="115">
        <v>39204</v>
      </c>
      <c r="GI32" s="114">
        <v>34922</v>
      </c>
      <c r="GJ32" s="112">
        <v>74126</v>
      </c>
      <c r="GK32" s="111">
        <v>0</v>
      </c>
      <c r="GL32" s="114">
        <v>39204</v>
      </c>
      <c r="GM32" s="114">
        <v>22720</v>
      </c>
      <c r="GN32" s="114">
        <v>72517</v>
      </c>
      <c r="GO32" s="114">
        <v>0</v>
      </c>
      <c r="GP32" s="114">
        <v>0</v>
      </c>
      <c r="GQ32" s="113">
        <v>134441</v>
      </c>
      <c r="GR32" s="116">
        <v>208567</v>
      </c>
      <c r="GS32" s="110">
        <v>218233</v>
      </c>
      <c r="GT32" s="114">
        <v>84150</v>
      </c>
      <c r="GU32" s="113">
        <v>302383</v>
      </c>
      <c r="GV32" s="110">
        <v>0</v>
      </c>
      <c r="GW32" s="114">
        <v>189486</v>
      </c>
      <c r="GX32" s="114">
        <v>216216</v>
      </c>
      <c r="GY32" s="114">
        <v>172260</v>
      </c>
      <c r="GZ32" s="114">
        <v>129690</v>
      </c>
      <c r="HA32" s="114">
        <v>0</v>
      </c>
      <c r="HB32" s="112">
        <v>707652</v>
      </c>
      <c r="HC32" s="116">
        <v>1010035</v>
      </c>
      <c r="HD32" s="110">
        <v>637166</v>
      </c>
      <c r="HE32" s="114">
        <v>1249629</v>
      </c>
      <c r="HF32" s="112">
        <v>1886795</v>
      </c>
      <c r="HG32" s="111">
        <v>0</v>
      </c>
      <c r="HH32" s="114">
        <v>5114931</v>
      </c>
      <c r="HI32" s="114">
        <v>5720803</v>
      </c>
      <c r="HJ32" s="114">
        <v>7041352</v>
      </c>
      <c r="HK32" s="114">
        <v>9016811</v>
      </c>
      <c r="HL32" s="114">
        <v>3671863</v>
      </c>
      <c r="HM32" s="113">
        <v>30565760</v>
      </c>
      <c r="HN32" s="109">
        <v>32452555</v>
      </c>
      <c r="HO32" s="115">
        <v>484182</v>
      </c>
      <c r="HP32" s="114">
        <v>720435</v>
      </c>
      <c r="HQ32" s="113">
        <v>1204617</v>
      </c>
      <c r="HR32" s="110">
        <v>0</v>
      </c>
      <c r="HS32" s="114">
        <v>2875017</v>
      </c>
      <c r="HT32" s="114">
        <v>2607759</v>
      </c>
      <c r="HU32" s="114">
        <v>2128035</v>
      </c>
      <c r="HV32" s="114">
        <v>1212636</v>
      </c>
      <c r="HW32" s="114">
        <v>843234</v>
      </c>
      <c r="HX32" s="112">
        <v>9666681</v>
      </c>
      <c r="HY32" s="116">
        <v>10871298</v>
      </c>
      <c r="HZ32" s="150">
        <v>0</v>
      </c>
      <c r="IA32" s="135">
        <v>0</v>
      </c>
      <c r="IB32" s="150">
        <v>0</v>
      </c>
      <c r="IC32" s="134">
        <v>0</v>
      </c>
      <c r="ID32" s="135">
        <v>6104517</v>
      </c>
      <c r="IE32" s="136">
        <v>2787845</v>
      </c>
      <c r="IF32" s="137">
        <v>5619770</v>
      </c>
      <c r="IG32" s="135">
        <v>2857883</v>
      </c>
      <c r="IH32" s="137">
        <v>1959749</v>
      </c>
      <c r="II32" s="138">
        <v>19329764</v>
      </c>
      <c r="IJ32" s="150">
        <v>19329764</v>
      </c>
      <c r="IK32" s="232">
        <v>0</v>
      </c>
      <c r="IL32" s="236">
        <v>0</v>
      </c>
      <c r="IM32" s="237">
        <v>0</v>
      </c>
      <c r="IN32" s="140"/>
      <c r="IO32" s="119">
        <v>0</v>
      </c>
      <c r="IP32" s="119">
        <v>214251</v>
      </c>
      <c r="IQ32" s="119">
        <v>0</v>
      </c>
      <c r="IR32" s="119">
        <v>0</v>
      </c>
      <c r="IS32" s="119">
        <v>0</v>
      </c>
      <c r="IT32" s="141">
        <v>214251</v>
      </c>
      <c r="IU32" s="321">
        <v>214251</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904407</v>
      </c>
      <c r="JL32" s="119">
        <v>952396</v>
      </c>
      <c r="JM32" s="119">
        <v>683176</v>
      </c>
      <c r="JN32" s="119">
        <v>152784</v>
      </c>
      <c r="JO32" s="119">
        <v>0</v>
      </c>
      <c r="JP32" s="120">
        <v>3692763</v>
      </c>
      <c r="JQ32" s="321">
        <v>3692763</v>
      </c>
      <c r="JR32" s="142">
        <v>0</v>
      </c>
      <c r="JS32" s="119">
        <v>0</v>
      </c>
      <c r="JT32" s="141">
        <v>0</v>
      </c>
      <c r="JU32" s="118">
        <v>0</v>
      </c>
      <c r="JV32" s="119">
        <v>153128</v>
      </c>
      <c r="JW32" s="119">
        <v>159865</v>
      </c>
      <c r="JX32" s="119">
        <v>258025</v>
      </c>
      <c r="JY32" s="119">
        <v>301158</v>
      </c>
      <c r="JZ32" s="119">
        <v>0</v>
      </c>
      <c r="KA32" s="120">
        <v>872176</v>
      </c>
      <c r="KB32" s="321">
        <v>872176</v>
      </c>
      <c r="KC32" s="234">
        <v>0</v>
      </c>
      <c r="KD32" s="230">
        <v>0</v>
      </c>
      <c r="KE32" s="120">
        <v>0</v>
      </c>
      <c r="KF32" s="118">
        <v>0</v>
      </c>
      <c r="KG32" s="119">
        <v>0</v>
      </c>
      <c r="KH32" s="119">
        <v>195943</v>
      </c>
      <c r="KI32" s="119">
        <v>0</v>
      </c>
      <c r="KJ32" s="119">
        <v>0</v>
      </c>
      <c r="KK32" s="119">
        <v>0</v>
      </c>
      <c r="KL32" s="120">
        <v>195943</v>
      </c>
      <c r="KM32" s="143">
        <v>195943</v>
      </c>
      <c r="KN32" s="232">
        <v>0</v>
      </c>
      <c r="KO32" s="236">
        <v>0</v>
      </c>
      <c r="KP32" s="237">
        <v>0</v>
      </c>
      <c r="KQ32" s="140"/>
      <c r="KR32" s="119">
        <v>4046982</v>
      </c>
      <c r="KS32" s="119">
        <v>1265390</v>
      </c>
      <c r="KT32" s="119">
        <v>2308481</v>
      </c>
      <c r="KU32" s="119">
        <v>0</v>
      </c>
      <c r="KV32" s="119">
        <v>1117880</v>
      </c>
      <c r="KW32" s="120">
        <v>8738733</v>
      </c>
      <c r="KX32" s="321">
        <v>8738733</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089685</v>
      </c>
      <c r="LQ32" s="119">
        <v>2403941</v>
      </c>
      <c r="LR32" s="119">
        <v>841869</v>
      </c>
      <c r="LS32" s="120">
        <v>5335495</v>
      </c>
      <c r="LT32" s="321">
        <v>5335495</v>
      </c>
      <c r="LU32" s="142">
        <v>0</v>
      </c>
      <c r="LV32" s="119">
        <v>0</v>
      </c>
      <c r="LW32" s="120">
        <v>0</v>
      </c>
      <c r="LX32" s="145"/>
      <c r="LY32" s="119">
        <v>0</v>
      </c>
      <c r="LZ32" s="119">
        <v>0</v>
      </c>
      <c r="MA32" s="119">
        <v>280403</v>
      </c>
      <c r="MB32" s="119">
        <v>0</v>
      </c>
      <c r="MC32" s="119">
        <v>0</v>
      </c>
      <c r="MD32" s="120">
        <v>280403</v>
      </c>
      <c r="ME32" s="121">
        <v>280403</v>
      </c>
      <c r="MF32" s="142">
        <v>0</v>
      </c>
      <c r="MG32" s="119">
        <v>0</v>
      </c>
      <c r="MH32" s="120">
        <v>0</v>
      </c>
      <c r="MI32" s="145"/>
      <c r="MJ32" s="119">
        <v>2709382</v>
      </c>
      <c r="MK32" s="119">
        <v>3787674</v>
      </c>
      <c r="ML32" s="119">
        <v>16885868</v>
      </c>
      <c r="MM32" s="119">
        <v>20232041</v>
      </c>
      <c r="MN32" s="119">
        <v>15371811</v>
      </c>
      <c r="MO32" s="120">
        <v>58986776</v>
      </c>
      <c r="MP32" s="143">
        <v>58986776</v>
      </c>
      <c r="MQ32" s="142">
        <v>0</v>
      </c>
      <c r="MR32" s="119">
        <v>0</v>
      </c>
      <c r="MS32" s="120">
        <v>0</v>
      </c>
      <c r="MT32" s="145"/>
      <c r="MU32" s="119">
        <v>401422</v>
      </c>
      <c r="MV32" s="119">
        <v>445458</v>
      </c>
      <c r="MW32" s="119">
        <v>8916439</v>
      </c>
      <c r="MX32" s="119">
        <v>13973271</v>
      </c>
      <c r="MY32" s="119">
        <v>11698594</v>
      </c>
      <c r="MZ32" s="120">
        <v>35435184</v>
      </c>
      <c r="NA32" s="143">
        <v>35435184</v>
      </c>
      <c r="NB32" s="142">
        <v>0</v>
      </c>
      <c r="NC32" s="119">
        <v>0</v>
      </c>
      <c r="ND32" s="120">
        <v>0</v>
      </c>
      <c r="NE32" s="145"/>
      <c r="NF32" s="119">
        <v>2307960</v>
      </c>
      <c r="NG32" s="119">
        <v>3342216</v>
      </c>
      <c r="NH32" s="119">
        <v>7969429</v>
      </c>
      <c r="NI32" s="119">
        <v>5579878</v>
      </c>
      <c r="NJ32" s="119">
        <v>3215790</v>
      </c>
      <c r="NK32" s="120">
        <v>22415273</v>
      </c>
      <c r="NL32" s="321">
        <v>22415273</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678892</v>
      </c>
      <c r="OF32" s="119">
        <v>457427</v>
      </c>
      <c r="OG32" s="120">
        <v>1136319</v>
      </c>
      <c r="OH32" s="121">
        <v>1136319</v>
      </c>
      <c r="OI32" s="142">
        <v>2670653</v>
      </c>
      <c r="OJ32" s="119">
        <v>5619155</v>
      </c>
      <c r="OK32" s="141">
        <v>8289808</v>
      </c>
      <c r="OL32" s="118">
        <v>0</v>
      </c>
      <c r="OM32" s="119">
        <v>29321076</v>
      </c>
      <c r="ON32" s="119">
        <v>31285351</v>
      </c>
      <c r="OO32" s="119">
        <v>46484206</v>
      </c>
      <c r="OP32" s="119">
        <v>46890261</v>
      </c>
      <c r="OQ32" s="119">
        <v>33968461</v>
      </c>
      <c r="OR32" s="120">
        <v>187949355</v>
      </c>
      <c r="OS32" s="143">
        <v>196239163</v>
      </c>
    </row>
    <row r="33" spans="2:409" ht="19.8" customHeight="1" x14ac:dyDescent="0.2">
      <c r="B33" s="62" t="s">
        <v>28</v>
      </c>
      <c r="C33" s="110">
        <v>319841</v>
      </c>
      <c r="D33" s="114">
        <v>539204</v>
      </c>
      <c r="E33" s="113">
        <v>859045</v>
      </c>
      <c r="F33" s="109">
        <v>0</v>
      </c>
      <c r="G33" s="114">
        <v>5314706</v>
      </c>
      <c r="H33" s="114">
        <v>8233271</v>
      </c>
      <c r="I33" s="114">
        <v>5596958</v>
      </c>
      <c r="J33" s="114">
        <v>6315425</v>
      </c>
      <c r="K33" s="114">
        <v>5123870</v>
      </c>
      <c r="L33" s="173">
        <v>30584230</v>
      </c>
      <c r="M33" s="116">
        <v>31443275</v>
      </c>
      <c r="N33" s="110">
        <v>26343</v>
      </c>
      <c r="O33" s="114">
        <v>62424</v>
      </c>
      <c r="P33" s="113">
        <v>88767</v>
      </c>
      <c r="Q33" s="110">
        <v>0</v>
      </c>
      <c r="R33" s="114">
        <v>1083192</v>
      </c>
      <c r="S33" s="114">
        <v>1703115</v>
      </c>
      <c r="T33" s="114">
        <v>1251204</v>
      </c>
      <c r="U33" s="114">
        <v>1222911</v>
      </c>
      <c r="V33" s="114">
        <v>2308631</v>
      </c>
      <c r="W33" s="113">
        <v>7569053</v>
      </c>
      <c r="X33" s="116">
        <v>7657820</v>
      </c>
      <c r="Y33" s="110">
        <v>0</v>
      </c>
      <c r="Z33" s="114">
        <v>0</v>
      </c>
      <c r="AA33" s="113">
        <v>0</v>
      </c>
      <c r="AB33" s="110">
        <v>0</v>
      </c>
      <c r="AC33" s="114">
        <v>586204</v>
      </c>
      <c r="AD33" s="114">
        <v>692196</v>
      </c>
      <c r="AE33" s="114">
        <v>467731</v>
      </c>
      <c r="AF33" s="114">
        <v>252744</v>
      </c>
      <c r="AG33" s="114">
        <v>1181122</v>
      </c>
      <c r="AH33" s="113">
        <v>3179997</v>
      </c>
      <c r="AI33" s="116">
        <v>3179997</v>
      </c>
      <c r="AJ33" s="110">
        <v>0</v>
      </c>
      <c r="AK33" s="114">
        <v>0</v>
      </c>
      <c r="AL33" s="113">
        <v>0</v>
      </c>
      <c r="AM33" s="110">
        <v>0</v>
      </c>
      <c r="AN33" s="114">
        <v>0</v>
      </c>
      <c r="AO33" s="114">
        <v>0</v>
      </c>
      <c r="AP33" s="114">
        <v>154161</v>
      </c>
      <c r="AQ33" s="114">
        <v>155864</v>
      </c>
      <c r="AR33" s="114">
        <v>177506</v>
      </c>
      <c r="AS33" s="113">
        <v>487531</v>
      </c>
      <c r="AT33" s="116">
        <v>487531</v>
      </c>
      <c r="AU33" s="110">
        <v>23661</v>
      </c>
      <c r="AV33" s="114">
        <v>57060</v>
      </c>
      <c r="AW33" s="113">
        <v>80721</v>
      </c>
      <c r="AX33" s="110">
        <v>0</v>
      </c>
      <c r="AY33" s="114">
        <v>204131</v>
      </c>
      <c r="AZ33" s="114">
        <v>729678</v>
      </c>
      <c r="BA33" s="114">
        <v>422115</v>
      </c>
      <c r="BB33" s="114">
        <v>565200</v>
      </c>
      <c r="BC33" s="114">
        <v>723498</v>
      </c>
      <c r="BD33" s="113">
        <v>2644622</v>
      </c>
      <c r="BE33" s="116">
        <v>2725343</v>
      </c>
      <c r="BF33" s="110">
        <v>0</v>
      </c>
      <c r="BG33" s="114">
        <v>0</v>
      </c>
      <c r="BH33" s="112">
        <v>0</v>
      </c>
      <c r="BI33" s="111">
        <v>0</v>
      </c>
      <c r="BJ33" s="114">
        <v>132442</v>
      </c>
      <c r="BK33" s="114">
        <v>26663</v>
      </c>
      <c r="BL33" s="114">
        <v>0</v>
      </c>
      <c r="BM33" s="114">
        <v>21493</v>
      </c>
      <c r="BN33" s="114">
        <v>35550</v>
      </c>
      <c r="BO33" s="113">
        <v>216148</v>
      </c>
      <c r="BP33" s="116">
        <v>216148</v>
      </c>
      <c r="BQ33" s="110">
        <v>2682</v>
      </c>
      <c r="BR33" s="114">
        <v>5364</v>
      </c>
      <c r="BS33" s="113">
        <v>8046</v>
      </c>
      <c r="BT33" s="110">
        <v>0</v>
      </c>
      <c r="BU33" s="114">
        <v>160415</v>
      </c>
      <c r="BV33" s="114">
        <v>254578</v>
      </c>
      <c r="BW33" s="114">
        <v>207197</v>
      </c>
      <c r="BX33" s="114">
        <v>227610</v>
      </c>
      <c r="BY33" s="114">
        <v>190955</v>
      </c>
      <c r="BZ33" s="113">
        <v>1040755</v>
      </c>
      <c r="CA33" s="116">
        <v>1048801</v>
      </c>
      <c r="CB33" s="110">
        <v>25436</v>
      </c>
      <c r="CC33" s="114">
        <v>164185</v>
      </c>
      <c r="CD33" s="113">
        <v>189621</v>
      </c>
      <c r="CE33" s="110">
        <v>0</v>
      </c>
      <c r="CF33" s="114">
        <v>2060398</v>
      </c>
      <c r="CG33" s="114">
        <v>3480863</v>
      </c>
      <c r="CH33" s="114">
        <v>1695314</v>
      </c>
      <c r="CI33" s="114">
        <v>2285296</v>
      </c>
      <c r="CJ33" s="114">
        <v>1262103</v>
      </c>
      <c r="CK33" s="113">
        <v>10783974</v>
      </c>
      <c r="CL33" s="116">
        <v>10973595</v>
      </c>
      <c r="CM33" s="110">
        <v>25436</v>
      </c>
      <c r="CN33" s="114">
        <v>0</v>
      </c>
      <c r="CO33" s="113">
        <v>25436</v>
      </c>
      <c r="CP33" s="111">
        <v>0</v>
      </c>
      <c r="CQ33" s="114">
        <v>1758128</v>
      </c>
      <c r="CR33" s="114">
        <v>2584271</v>
      </c>
      <c r="CS33" s="114">
        <v>1179400</v>
      </c>
      <c r="CT33" s="114">
        <v>1642837</v>
      </c>
      <c r="CU33" s="114">
        <v>698954</v>
      </c>
      <c r="CV33" s="113">
        <v>7863590</v>
      </c>
      <c r="CW33" s="116">
        <v>7889026</v>
      </c>
      <c r="CX33" s="110">
        <v>0</v>
      </c>
      <c r="CY33" s="114">
        <v>164185</v>
      </c>
      <c r="CZ33" s="113">
        <v>164185</v>
      </c>
      <c r="DA33" s="110">
        <v>0</v>
      </c>
      <c r="DB33" s="114">
        <v>302270</v>
      </c>
      <c r="DC33" s="114">
        <v>896592</v>
      </c>
      <c r="DD33" s="114">
        <v>515914</v>
      </c>
      <c r="DE33" s="114">
        <v>642459</v>
      </c>
      <c r="DF33" s="114">
        <v>563149</v>
      </c>
      <c r="DG33" s="113">
        <v>2920384</v>
      </c>
      <c r="DH33" s="116">
        <v>3084569</v>
      </c>
      <c r="DI33" s="110">
        <v>95340</v>
      </c>
      <c r="DJ33" s="114">
        <v>29555</v>
      </c>
      <c r="DK33" s="112">
        <v>124895</v>
      </c>
      <c r="DL33" s="111">
        <v>0</v>
      </c>
      <c r="DM33" s="114">
        <v>169403</v>
      </c>
      <c r="DN33" s="114">
        <v>189028</v>
      </c>
      <c r="DO33" s="114">
        <v>701842</v>
      </c>
      <c r="DP33" s="114">
        <v>700583</v>
      </c>
      <c r="DQ33" s="114">
        <v>242019</v>
      </c>
      <c r="DR33" s="113">
        <v>2002875</v>
      </c>
      <c r="DS33" s="116">
        <v>2127770</v>
      </c>
      <c r="DT33" s="110">
        <v>95340</v>
      </c>
      <c r="DU33" s="114">
        <v>29555</v>
      </c>
      <c r="DV33" s="113">
        <v>124895</v>
      </c>
      <c r="DW33" s="110">
        <v>0</v>
      </c>
      <c r="DX33" s="114">
        <v>41454</v>
      </c>
      <c r="DY33" s="114">
        <v>154969</v>
      </c>
      <c r="DZ33" s="114">
        <v>629072</v>
      </c>
      <c r="EA33" s="114">
        <v>599594</v>
      </c>
      <c r="EB33" s="114">
        <v>209151</v>
      </c>
      <c r="EC33" s="113">
        <v>1634240</v>
      </c>
      <c r="ED33" s="116">
        <v>1759135</v>
      </c>
      <c r="EE33" s="110">
        <v>0</v>
      </c>
      <c r="EF33" s="112">
        <v>0</v>
      </c>
      <c r="EG33" s="113">
        <v>0</v>
      </c>
      <c r="EH33" s="110">
        <v>0</v>
      </c>
      <c r="EI33" s="114">
        <v>127949</v>
      </c>
      <c r="EJ33" s="114">
        <v>34059</v>
      </c>
      <c r="EK33" s="114">
        <v>72770</v>
      </c>
      <c r="EL33" s="114">
        <v>100989</v>
      </c>
      <c r="EM33" s="114">
        <v>32868</v>
      </c>
      <c r="EN33" s="112">
        <v>368635</v>
      </c>
      <c r="EO33" s="116">
        <v>368635</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8"/>
      <c r="FE33" s="114">
        <v>0</v>
      </c>
      <c r="FF33" s="114">
        <v>0</v>
      </c>
      <c r="FG33" s="114">
        <v>0</v>
      </c>
      <c r="FH33" s="114">
        <v>0</v>
      </c>
      <c r="FI33" s="114">
        <v>0</v>
      </c>
      <c r="FJ33" s="113">
        <v>0</v>
      </c>
      <c r="FK33" s="116">
        <v>0</v>
      </c>
      <c r="FL33" s="110">
        <v>99174</v>
      </c>
      <c r="FM33" s="114">
        <v>192440</v>
      </c>
      <c r="FN33" s="113">
        <v>291614</v>
      </c>
      <c r="FO33" s="110">
        <v>0</v>
      </c>
      <c r="FP33" s="114">
        <v>174840</v>
      </c>
      <c r="FQ33" s="114">
        <v>778324</v>
      </c>
      <c r="FR33" s="114">
        <v>418083</v>
      </c>
      <c r="FS33" s="114">
        <v>460035</v>
      </c>
      <c r="FT33" s="114">
        <v>491668</v>
      </c>
      <c r="FU33" s="113">
        <v>2322950</v>
      </c>
      <c r="FV33" s="116">
        <v>2614564</v>
      </c>
      <c r="FW33" s="115">
        <v>28835</v>
      </c>
      <c r="FX33" s="114">
        <v>92450</v>
      </c>
      <c r="FY33" s="112">
        <v>121285</v>
      </c>
      <c r="FZ33" s="111">
        <v>0</v>
      </c>
      <c r="GA33" s="114">
        <v>174840</v>
      </c>
      <c r="GB33" s="114">
        <v>760504</v>
      </c>
      <c r="GC33" s="114">
        <v>418083</v>
      </c>
      <c r="GD33" s="114">
        <v>460035</v>
      </c>
      <c r="GE33" s="114">
        <v>491668</v>
      </c>
      <c r="GF33" s="113">
        <v>2305130</v>
      </c>
      <c r="GG33" s="319">
        <v>2426415</v>
      </c>
      <c r="GH33" s="115">
        <v>0</v>
      </c>
      <c r="GI33" s="114">
        <v>8910</v>
      </c>
      <c r="GJ33" s="112">
        <v>8910</v>
      </c>
      <c r="GK33" s="111">
        <v>0</v>
      </c>
      <c r="GL33" s="114">
        <v>0</v>
      </c>
      <c r="GM33" s="114">
        <v>17820</v>
      </c>
      <c r="GN33" s="114">
        <v>0</v>
      </c>
      <c r="GO33" s="114">
        <v>0</v>
      </c>
      <c r="GP33" s="114">
        <v>0</v>
      </c>
      <c r="GQ33" s="113">
        <v>17820</v>
      </c>
      <c r="GR33" s="116">
        <v>26730</v>
      </c>
      <c r="GS33" s="110">
        <v>70339</v>
      </c>
      <c r="GT33" s="114">
        <v>91080</v>
      </c>
      <c r="GU33" s="113">
        <v>161419</v>
      </c>
      <c r="GV33" s="110">
        <v>0</v>
      </c>
      <c r="GW33" s="114">
        <v>0</v>
      </c>
      <c r="GX33" s="114">
        <v>0</v>
      </c>
      <c r="GY33" s="114">
        <v>0</v>
      </c>
      <c r="GZ33" s="114">
        <v>0</v>
      </c>
      <c r="HA33" s="114">
        <v>0</v>
      </c>
      <c r="HB33" s="112">
        <v>0</v>
      </c>
      <c r="HC33" s="116">
        <v>161419</v>
      </c>
      <c r="HD33" s="110">
        <v>30418</v>
      </c>
      <c r="HE33" s="114">
        <v>0</v>
      </c>
      <c r="HF33" s="112">
        <v>30418</v>
      </c>
      <c r="HG33" s="111">
        <v>0</v>
      </c>
      <c r="HH33" s="114">
        <v>963645</v>
      </c>
      <c r="HI33" s="114">
        <v>961256</v>
      </c>
      <c r="HJ33" s="114">
        <v>979886</v>
      </c>
      <c r="HK33" s="114">
        <v>1165004</v>
      </c>
      <c r="HL33" s="114">
        <v>496780</v>
      </c>
      <c r="HM33" s="113">
        <v>4566571</v>
      </c>
      <c r="HN33" s="109">
        <v>4596989</v>
      </c>
      <c r="HO33" s="115">
        <v>43130</v>
      </c>
      <c r="HP33" s="114">
        <v>90600</v>
      </c>
      <c r="HQ33" s="113">
        <v>133730</v>
      </c>
      <c r="HR33" s="110">
        <v>0</v>
      </c>
      <c r="HS33" s="114">
        <v>863228</v>
      </c>
      <c r="HT33" s="114">
        <v>1120685</v>
      </c>
      <c r="HU33" s="114">
        <v>550629</v>
      </c>
      <c r="HV33" s="114">
        <v>481596</v>
      </c>
      <c r="HW33" s="114">
        <v>322669</v>
      </c>
      <c r="HX33" s="112">
        <v>3338807</v>
      </c>
      <c r="HY33" s="116">
        <v>3472537</v>
      </c>
      <c r="HZ33" s="131">
        <v>0</v>
      </c>
      <c r="IA33" s="132">
        <v>0</v>
      </c>
      <c r="IB33" s="133">
        <v>0</v>
      </c>
      <c r="IC33" s="146">
        <v>0</v>
      </c>
      <c r="ID33" s="132">
        <v>711310</v>
      </c>
      <c r="IE33" s="147">
        <v>1715776</v>
      </c>
      <c r="IF33" s="133">
        <v>2269566</v>
      </c>
      <c r="IG33" s="132">
        <v>462375</v>
      </c>
      <c r="IH33" s="133">
        <v>1114094</v>
      </c>
      <c r="II33" s="148">
        <v>6273121</v>
      </c>
      <c r="IJ33" s="139">
        <v>6273121</v>
      </c>
      <c r="IK33" s="232">
        <v>0</v>
      </c>
      <c r="IL33" s="236">
        <v>0</v>
      </c>
      <c r="IM33" s="237">
        <v>0</v>
      </c>
      <c r="IN33" s="140"/>
      <c r="IO33" s="119">
        <v>0</v>
      </c>
      <c r="IP33" s="119">
        <v>0</v>
      </c>
      <c r="IQ33" s="119">
        <v>0</v>
      </c>
      <c r="IR33" s="119">
        <v>0</v>
      </c>
      <c r="IS33" s="119">
        <v>0</v>
      </c>
      <c r="IT33" s="141">
        <v>0</v>
      </c>
      <c r="IU33" s="321">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614407</v>
      </c>
      <c r="JL33" s="119">
        <v>618685</v>
      </c>
      <c r="JM33" s="119">
        <v>68850</v>
      </c>
      <c r="JN33" s="119">
        <v>188568</v>
      </c>
      <c r="JO33" s="119">
        <v>51255</v>
      </c>
      <c r="JP33" s="120">
        <v>1541765</v>
      </c>
      <c r="JQ33" s="321">
        <v>1541765</v>
      </c>
      <c r="JR33" s="142">
        <v>0</v>
      </c>
      <c r="JS33" s="119">
        <v>0</v>
      </c>
      <c r="JT33" s="141">
        <v>0</v>
      </c>
      <c r="JU33" s="118">
        <v>0</v>
      </c>
      <c r="JV33" s="119">
        <v>96903</v>
      </c>
      <c r="JW33" s="119">
        <v>59346</v>
      </c>
      <c r="JX33" s="119">
        <v>330354</v>
      </c>
      <c r="JY33" s="119">
        <v>0</v>
      </c>
      <c r="JZ33" s="119">
        <v>26560</v>
      </c>
      <c r="KA33" s="120">
        <v>513163</v>
      </c>
      <c r="KB33" s="321">
        <v>513163</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037745</v>
      </c>
      <c r="KT33" s="119">
        <v>1613250</v>
      </c>
      <c r="KU33" s="119">
        <v>273807</v>
      </c>
      <c r="KV33" s="119">
        <v>1036279</v>
      </c>
      <c r="KW33" s="120">
        <v>3961081</v>
      </c>
      <c r="KX33" s="321">
        <v>3961081</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57112</v>
      </c>
      <c r="LQ33" s="119">
        <v>0</v>
      </c>
      <c r="LR33" s="119">
        <v>0</v>
      </c>
      <c r="LS33" s="120">
        <v>257112</v>
      </c>
      <c r="LT33" s="321">
        <v>257112</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243959</v>
      </c>
      <c r="MK33" s="119">
        <v>2347591</v>
      </c>
      <c r="ML33" s="119">
        <v>5652108</v>
      </c>
      <c r="MM33" s="119">
        <v>8108816</v>
      </c>
      <c r="MN33" s="119">
        <v>4491056</v>
      </c>
      <c r="MO33" s="120">
        <v>20843530</v>
      </c>
      <c r="MP33" s="143">
        <v>20843530</v>
      </c>
      <c r="MQ33" s="142">
        <v>0</v>
      </c>
      <c r="MR33" s="119">
        <v>0</v>
      </c>
      <c r="MS33" s="120">
        <v>0</v>
      </c>
      <c r="MT33" s="145"/>
      <c r="MU33" s="119">
        <v>0</v>
      </c>
      <c r="MV33" s="119">
        <v>204354</v>
      </c>
      <c r="MW33" s="119">
        <v>3093889</v>
      </c>
      <c r="MX33" s="119">
        <v>4272439</v>
      </c>
      <c r="MY33" s="119">
        <v>3259813</v>
      </c>
      <c r="MZ33" s="120">
        <v>10830495</v>
      </c>
      <c r="NA33" s="143">
        <v>10830495</v>
      </c>
      <c r="NB33" s="142">
        <v>0</v>
      </c>
      <c r="NC33" s="119">
        <v>0</v>
      </c>
      <c r="ND33" s="120">
        <v>0</v>
      </c>
      <c r="NE33" s="145"/>
      <c r="NF33" s="119">
        <v>243959</v>
      </c>
      <c r="NG33" s="119">
        <v>2143237</v>
      </c>
      <c r="NH33" s="119">
        <v>2558219</v>
      </c>
      <c r="NI33" s="119">
        <v>3836377</v>
      </c>
      <c r="NJ33" s="119">
        <v>1231243</v>
      </c>
      <c r="NK33" s="120">
        <v>10013035</v>
      </c>
      <c r="NL33" s="321">
        <v>10013035</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319841</v>
      </c>
      <c r="OJ33" s="119">
        <v>539204</v>
      </c>
      <c r="OK33" s="141">
        <v>859045</v>
      </c>
      <c r="OL33" s="118">
        <v>0</v>
      </c>
      <c r="OM33" s="119">
        <v>6269975</v>
      </c>
      <c r="ON33" s="119">
        <v>12296638</v>
      </c>
      <c r="OO33" s="119">
        <v>13518632</v>
      </c>
      <c r="OP33" s="119">
        <v>14886616</v>
      </c>
      <c r="OQ33" s="119">
        <v>10729020</v>
      </c>
      <c r="OR33" s="120">
        <v>57700881</v>
      </c>
      <c r="OS33" s="143">
        <v>58559926</v>
      </c>
    </row>
    <row r="34" spans="2:409" ht="19.8" customHeight="1" x14ac:dyDescent="0.2">
      <c r="B34" s="62" t="s">
        <v>29</v>
      </c>
      <c r="C34" s="110">
        <v>767090</v>
      </c>
      <c r="D34" s="114">
        <v>687648</v>
      </c>
      <c r="E34" s="113">
        <v>1454738</v>
      </c>
      <c r="F34" s="109">
        <v>0</v>
      </c>
      <c r="G34" s="114">
        <v>8078573</v>
      </c>
      <c r="H34" s="114">
        <v>10203029</v>
      </c>
      <c r="I34" s="114">
        <v>6747712</v>
      </c>
      <c r="J34" s="114">
        <v>9827517</v>
      </c>
      <c r="K34" s="114">
        <v>6559482</v>
      </c>
      <c r="L34" s="173">
        <v>41416313</v>
      </c>
      <c r="M34" s="116">
        <v>42871051</v>
      </c>
      <c r="N34" s="110">
        <v>67851</v>
      </c>
      <c r="O34" s="114">
        <v>208728</v>
      </c>
      <c r="P34" s="113">
        <v>276579</v>
      </c>
      <c r="Q34" s="110">
        <v>0</v>
      </c>
      <c r="R34" s="114">
        <v>1762172</v>
      </c>
      <c r="S34" s="114">
        <v>2064928</v>
      </c>
      <c r="T34" s="114">
        <v>1395930</v>
      </c>
      <c r="U34" s="114">
        <v>3734917</v>
      </c>
      <c r="V34" s="114">
        <v>2119431</v>
      </c>
      <c r="W34" s="113">
        <v>11077378</v>
      </c>
      <c r="X34" s="116">
        <v>11353957</v>
      </c>
      <c r="Y34" s="110">
        <v>0</v>
      </c>
      <c r="Z34" s="114">
        <v>0</v>
      </c>
      <c r="AA34" s="113">
        <v>0</v>
      </c>
      <c r="AB34" s="110">
        <v>0</v>
      </c>
      <c r="AC34" s="114">
        <v>789838</v>
      </c>
      <c r="AD34" s="114">
        <v>876199</v>
      </c>
      <c r="AE34" s="114">
        <v>685730</v>
      </c>
      <c r="AF34" s="114">
        <v>2543614</v>
      </c>
      <c r="AG34" s="114">
        <v>1310112</v>
      </c>
      <c r="AH34" s="113">
        <v>6205493</v>
      </c>
      <c r="AI34" s="116">
        <v>6205493</v>
      </c>
      <c r="AJ34" s="110">
        <v>0</v>
      </c>
      <c r="AK34" s="114">
        <v>0</v>
      </c>
      <c r="AL34" s="113">
        <v>0</v>
      </c>
      <c r="AM34" s="110">
        <v>0</v>
      </c>
      <c r="AN34" s="114">
        <v>0</v>
      </c>
      <c r="AO34" s="114">
        <v>50715</v>
      </c>
      <c r="AP34" s="114">
        <v>95992</v>
      </c>
      <c r="AQ34" s="114">
        <v>119181</v>
      </c>
      <c r="AR34" s="114">
        <v>268342</v>
      </c>
      <c r="AS34" s="113">
        <v>534230</v>
      </c>
      <c r="AT34" s="116">
        <v>534230</v>
      </c>
      <c r="AU34" s="110">
        <v>33894</v>
      </c>
      <c r="AV34" s="114">
        <v>171702</v>
      </c>
      <c r="AW34" s="113">
        <v>205596</v>
      </c>
      <c r="AX34" s="110">
        <v>0</v>
      </c>
      <c r="AY34" s="114">
        <v>770452</v>
      </c>
      <c r="AZ34" s="114">
        <v>747316</v>
      </c>
      <c r="BA34" s="114">
        <v>494907</v>
      </c>
      <c r="BB34" s="114">
        <v>560893</v>
      </c>
      <c r="BC34" s="114">
        <v>425410</v>
      </c>
      <c r="BD34" s="113">
        <v>2998978</v>
      </c>
      <c r="BE34" s="116">
        <v>3204574</v>
      </c>
      <c r="BF34" s="110">
        <v>0</v>
      </c>
      <c r="BG34" s="114">
        <v>34344</v>
      </c>
      <c r="BH34" s="112">
        <v>34344</v>
      </c>
      <c r="BI34" s="111">
        <v>0</v>
      </c>
      <c r="BJ34" s="114">
        <v>43020</v>
      </c>
      <c r="BK34" s="114">
        <v>73370</v>
      </c>
      <c r="BL34" s="114">
        <v>0</v>
      </c>
      <c r="BM34" s="114">
        <v>209350</v>
      </c>
      <c r="BN34" s="114">
        <v>0</v>
      </c>
      <c r="BO34" s="113">
        <v>325740</v>
      </c>
      <c r="BP34" s="116">
        <v>360084</v>
      </c>
      <c r="BQ34" s="110">
        <v>33957</v>
      </c>
      <c r="BR34" s="114">
        <v>2682</v>
      </c>
      <c r="BS34" s="113">
        <v>36639</v>
      </c>
      <c r="BT34" s="110">
        <v>0</v>
      </c>
      <c r="BU34" s="114">
        <v>158862</v>
      </c>
      <c r="BV34" s="114">
        <v>317328</v>
      </c>
      <c r="BW34" s="114">
        <v>119301</v>
      </c>
      <c r="BX34" s="114">
        <v>301879</v>
      </c>
      <c r="BY34" s="114">
        <v>115567</v>
      </c>
      <c r="BZ34" s="113">
        <v>1012937</v>
      </c>
      <c r="CA34" s="116">
        <v>1049576</v>
      </c>
      <c r="CB34" s="110">
        <v>44199</v>
      </c>
      <c r="CC34" s="114">
        <v>80910</v>
      </c>
      <c r="CD34" s="113">
        <v>125109</v>
      </c>
      <c r="CE34" s="110">
        <v>0</v>
      </c>
      <c r="CF34" s="114">
        <v>3475570</v>
      </c>
      <c r="CG34" s="114">
        <v>3201195</v>
      </c>
      <c r="CH34" s="114">
        <v>2335461</v>
      </c>
      <c r="CI34" s="114">
        <v>2275568</v>
      </c>
      <c r="CJ34" s="114">
        <v>1377358</v>
      </c>
      <c r="CK34" s="113">
        <v>12665152</v>
      </c>
      <c r="CL34" s="116">
        <v>12790261</v>
      </c>
      <c r="CM34" s="110">
        <v>0</v>
      </c>
      <c r="CN34" s="114">
        <v>0</v>
      </c>
      <c r="CO34" s="113">
        <v>0</v>
      </c>
      <c r="CP34" s="111">
        <v>0</v>
      </c>
      <c r="CQ34" s="114">
        <v>2270081</v>
      </c>
      <c r="CR34" s="114">
        <v>2475779</v>
      </c>
      <c r="CS34" s="114">
        <v>1836572</v>
      </c>
      <c r="CT34" s="114">
        <v>1744062</v>
      </c>
      <c r="CU34" s="114">
        <v>1015204</v>
      </c>
      <c r="CV34" s="113">
        <v>9341698</v>
      </c>
      <c r="CW34" s="116">
        <v>9341698</v>
      </c>
      <c r="CX34" s="110">
        <v>44199</v>
      </c>
      <c r="CY34" s="114">
        <v>80910</v>
      </c>
      <c r="CZ34" s="113">
        <v>125109</v>
      </c>
      <c r="DA34" s="110">
        <v>0</v>
      </c>
      <c r="DB34" s="114">
        <v>1205489</v>
      </c>
      <c r="DC34" s="114">
        <v>725416</v>
      </c>
      <c r="DD34" s="114">
        <v>498889</v>
      </c>
      <c r="DE34" s="114">
        <v>531506</v>
      </c>
      <c r="DF34" s="114">
        <v>362154</v>
      </c>
      <c r="DG34" s="113">
        <v>3323454</v>
      </c>
      <c r="DH34" s="116">
        <v>3448563</v>
      </c>
      <c r="DI34" s="110">
        <v>0</v>
      </c>
      <c r="DJ34" s="114">
        <v>0</v>
      </c>
      <c r="DK34" s="112">
        <v>0</v>
      </c>
      <c r="DL34" s="111">
        <v>0</v>
      </c>
      <c r="DM34" s="114">
        <v>112922</v>
      </c>
      <c r="DN34" s="114">
        <v>932028</v>
      </c>
      <c r="DO34" s="114">
        <v>1305089</v>
      </c>
      <c r="DP34" s="114">
        <v>1073158</v>
      </c>
      <c r="DQ34" s="114">
        <v>1258972</v>
      </c>
      <c r="DR34" s="113">
        <v>4682169</v>
      </c>
      <c r="DS34" s="116">
        <v>4682169</v>
      </c>
      <c r="DT34" s="110">
        <v>0</v>
      </c>
      <c r="DU34" s="114">
        <v>0</v>
      </c>
      <c r="DV34" s="113">
        <v>0</v>
      </c>
      <c r="DW34" s="110">
        <v>0</v>
      </c>
      <c r="DX34" s="114">
        <v>112922</v>
      </c>
      <c r="DY34" s="114">
        <v>584343</v>
      </c>
      <c r="DZ34" s="114">
        <v>1271128</v>
      </c>
      <c r="EA34" s="114">
        <v>434355</v>
      </c>
      <c r="EB34" s="114">
        <v>984549</v>
      </c>
      <c r="EC34" s="113">
        <v>3387297</v>
      </c>
      <c r="ED34" s="116">
        <v>3387297</v>
      </c>
      <c r="EE34" s="110">
        <v>0</v>
      </c>
      <c r="EF34" s="112">
        <v>0</v>
      </c>
      <c r="EG34" s="113">
        <v>0</v>
      </c>
      <c r="EH34" s="110">
        <v>0</v>
      </c>
      <c r="EI34" s="114">
        <v>0</v>
      </c>
      <c r="EJ34" s="114">
        <v>347685</v>
      </c>
      <c r="EK34" s="114">
        <v>33961</v>
      </c>
      <c r="EL34" s="114">
        <v>638803</v>
      </c>
      <c r="EM34" s="114">
        <v>274423</v>
      </c>
      <c r="EN34" s="112">
        <v>1294872</v>
      </c>
      <c r="EO34" s="116">
        <v>1294872</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8"/>
      <c r="FE34" s="114">
        <v>0</v>
      </c>
      <c r="FF34" s="114">
        <v>0</v>
      </c>
      <c r="FG34" s="114">
        <v>0</v>
      </c>
      <c r="FH34" s="114">
        <v>0</v>
      </c>
      <c r="FI34" s="114">
        <v>0</v>
      </c>
      <c r="FJ34" s="113">
        <v>0</v>
      </c>
      <c r="FK34" s="116">
        <v>0</v>
      </c>
      <c r="FL34" s="110">
        <v>496880</v>
      </c>
      <c r="FM34" s="114">
        <v>253470</v>
      </c>
      <c r="FN34" s="113">
        <v>750350</v>
      </c>
      <c r="FO34" s="110">
        <v>0</v>
      </c>
      <c r="FP34" s="114">
        <v>553323</v>
      </c>
      <c r="FQ34" s="114">
        <v>916139</v>
      </c>
      <c r="FR34" s="114">
        <v>491850</v>
      </c>
      <c r="FS34" s="114">
        <v>793482</v>
      </c>
      <c r="FT34" s="114">
        <v>631855</v>
      </c>
      <c r="FU34" s="113">
        <v>3386649</v>
      </c>
      <c r="FV34" s="116">
        <v>4136999</v>
      </c>
      <c r="FW34" s="115">
        <v>150560</v>
      </c>
      <c r="FX34" s="114">
        <v>190110</v>
      </c>
      <c r="FY34" s="112">
        <v>340670</v>
      </c>
      <c r="FZ34" s="111">
        <v>0</v>
      </c>
      <c r="GA34" s="114">
        <v>328885</v>
      </c>
      <c r="GB34" s="114">
        <v>916139</v>
      </c>
      <c r="GC34" s="114">
        <v>491850</v>
      </c>
      <c r="GD34" s="114">
        <v>793482</v>
      </c>
      <c r="GE34" s="114">
        <v>631855</v>
      </c>
      <c r="GF34" s="113">
        <v>3162211</v>
      </c>
      <c r="GG34" s="319">
        <v>3502881</v>
      </c>
      <c r="GH34" s="115">
        <v>23760</v>
      </c>
      <c r="GI34" s="114">
        <v>0</v>
      </c>
      <c r="GJ34" s="112">
        <v>23760</v>
      </c>
      <c r="GK34" s="111">
        <v>0</v>
      </c>
      <c r="GL34" s="114">
        <v>97718</v>
      </c>
      <c r="GM34" s="114">
        <v>0</v>
      </c>
      <c r="GN34" s="114">
        <v>0</v>
      </c>
      <c r="GO34" s="114">
        <v>0</v>
      </c>
      <c r="GP34" s="114">
        <v>0</v>
      </c>
      <c r="GQ34" s="113">
        <v>97718</v>
      </c>
      <c r="GR34" s="116">
        <v>121478</v>
      </c>
      <c r="GS34" s="110">
        <v>322560</v>
      </c>
      <c r="GT34" s="114">
        <v>63360</v>
      </c>
      <c r="GU34" s="113">
        <v>385920</v>
      </c>
      <c r="GV34" s="110">
        <v>0</v>
      </c>
      <c r="GW34" s="114">
        <v>126720</v>
      </c>
      <c r="GX34" s="114">
        <v>0</v>
      </c>
      <c r="GY34" s="114">
        <v>0</v>
      </c>
      <c r="GZ34" s="114">
        <v>0</v>
      </c>
      <c r="HA34" s="114">
        <v>0</v>
      </c>
      <c r="HB34" s="112">
        <v>126720</v>
      </c>
      <c r="HC34" s="116">
        <v>512640</v>
      </c>
      <c r="HD34" s="110">
        <v>0</v>
      </c>
      <c r="HE34" s="114">
        <v>0</v>
      </c>
      <c r="HF34" s="112">
        <v>0</v>
      </c>
      <c r="HG34" s="111">
        <v>0</v>
      </c>
      <c r="HH34" s="114">
        <v>1068760</v>
      </c>
      <c r="HI34" s="114">
        <v>1837827</v>
      </c>
      <c r="HJ34" s="114">
        <v>423113</v>
      </c>
      <c r="HK34" s="114">
        <v>1236729</v>
      </c>
      <c r="HL34" s="114">
        <v>740254</v>
      </c>
      <c r="HM34" s="113">
        <v>5306683</v>
      </c>
      <c r="HN34" s="109">
        <v>5306683</v>
      </c>
      <c r="HO34" s="115">
        <v>158160</v>
      </c>
      <c r="HP34" s="114">
        <v>144540</v>
      </c>
      <c r="HQ34" s="113">
        <v>302700</v>
      </c>
      <c r="HR34" s="110">
        <v>0</v>
      </c>
      <c r="HS34" s="114">
        <v>1105826</v>
      </c>
      <c r="HT34" s="114">
        <v>1250912</v>
      </c>
      <c r="HU34" s="114">
        <v>796269</v>
      </c>
      <c r="HV34" s="114">
        <v>713663</v>
      </c>
      <c r="HW34" s="114">
        <v>431612</v>
      </c>
      <c r="HX34" s="112">
        <v>4298282</v>
      </c>
      <c r="HY34" s="116">
        <v>4600982</v>
      </c>
      <c r="HZ34" s="150">
        <v>51453</v>
      </c>
      <c r="IA34" s="135">
        <v>260199</v>
      </c>
      <c r="IB34" s="150">
        <v>311652</v>
      </c>
      <c r="IC34" s="134">
        <v>0</v>
      </c>
      <c r="ID34" s="135">
        <v>2012951</v>
      </c>
      <c r="IE34" s="136">
        <v>3230292</v>
      </c>
      <c r="IF34" s="137">
        <v>3240236</v>
      </c>
      <c r="IG34" s="135">
        <v>4793733</v>
      </c>
      <c r="IH34" s="137">
        <v>2327076</v>
      </c>
      <c r="II34" s="138">
        <v>15604288</v>
      </c>
      <c r="IJ34" s="150">
        <v>15915940</v>
      </c>
      <c r="IK34" s="232">
        <v>0</v>
      </c>
      <c r="IL34" s="236">
        <v>0</v>
      </c>
      <c r="IM34" s="237">
        <v>0</v>
      </c>
      <c r="IN34" s="140"/>
      <c r="IO34" s="119">
        <v>0</v>
      </c>
      <c r="IP34" s="119">
        <v>0</v>
      </c>
      <c r="IQ34" s="119">
        <v>0</v>
      </c>
      <c r="IR34" s="119">
        <v>0</v>
      </c>
      <c r="IS34" s="119">
        <v>0</v>
      </c>
      <c r="IT34" s="141">
        <v>0</v>
      </c>
      <c r="IU34" s="321">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843039</v>
      </c>
      <c r="JL34" s="119">
        <v>1152750</v>
      </c>
      <c r="JM34" s="119">
        <v>178057</v>
      </c>
      <c r="JN34" s="119">
        <v>432999</v>
      </c>
      <c r="JO34" s="119">
        <v>0</v>
      </c>
      <c r="JP34" s="120">
        <v>2606845</v>
      </c>
      <c r="JQ34" s="321">
        <v>2606845</v>
      </c>
      <c r="JR34" s="142">
        <v>0</v>
      </c>
      <c r="JS34" s="119">
        <v>0</v>
      </c>
      <c r="JT34" s="141">
        <v>0</v>
      </c>
      <c r="JU34" s="118">
        <v>0</v>
      </c>
      <c r="JV34" s="119">
        <v>0</v>
      </c>
      <c r="JW34" s="119">
        <v>71217</v>
      </c>
      <c r="JX34" s="119">
        <v>377902</v>
      </c>
      <c r="JY34" s="119">
        <v>0</v>
      </c>
      <c r="JZ34" s="119">
        <v>0</v>
      </c>
      <c r="KA34" s="120">
        <v>449119</v>
      </c>
      <c r="KB34" s="321">
        <v>449119</v>
      </c>
      <c r="KC34" s="234">
        <v>51453</v>
      </c>
      <c r="KD34" s="230">
        <v>260199</v>
      </c>
      <c r="KE34" s="120">
        <v>311652</v>
      </c>
      <c r="KF34" s="118">
        <v>0</v>
      </c>
      <c r="KG34" s="119">
        <v>459893</v>
      </c>
      <c r="KH34" s="119">
        <v>544104</v>
      </c>
      <c r="KI34" s="119">
        <v>780255</v>
      </c>
      <c r="KJ34" s="119">
        <v>1565136</v>
      </c>
      <c r="KK34" s="119">
        <v>0</v>
      </c>
      <c r="KL34" s="120">
        <v>3349388</v>
      </c>
      <c r="KM34" s="143">
        <v>3661040</v>
      </c>
      <c r="KN34" s="232">
        <v>0</v>
      </c>
      <c r="KO34" s="236">
        <v>0</v>
      </c>
      <c r="KP34" s="237">
        <v>0</v>
      </c>
      <c r="KQ34" s="140"/>
      <c r="KR34" s="119">
        <v>710019</v>
      </c>
      <c r="KS34" s="119">
        <v>756279</v>
      </c>
      <c r="KT34" s="119">
        <v>509490</v>
      </c>
      <c r="KU34" s="119">
        <v>438858</v>
      </c>
      <c r="KV34" s="119">
        <v>529686</v>
      </c>
      <c r="KW34" s="120">
        <v>2944332</v>
      </c>
      <c r="KX34" s="321">
        <v>2944332</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705942</v>
      </c>
      <c r="LP34" s="119">
        <v>1394532</v>
      </c>
      <c r="LQ34" s="119">
        <v>2356740</v>
      </c>
      <c r="LR34" s="119">
        <v>1797390</v>
      </c>
      <c r="LS34" s="120">
        <v>6254604</v>
      </c>
      <c r="LT34" s="321">
        <v>6254604</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710216</v>
      </c>
      <c r="MK34" s="119">
        <v>2893626</v>
      </c>
      <c r="ML34" s="119">
        <v>6344877</v>
      </c>
      <c r="MM34" s="119">
        <v>12161536</v>
      </c>
      <c r="MN34" s="119">
        <v>8441336</v>
      </c>
      <c r="MO34" s="120">
        <v>30551591</v>
      </c>
      <c r="MP34" s="143">
        <v>30551591</v>
      </c>
      <c r="MQ34" s="142">
        <v>0</v>
      </c>
      <c r="MR34" s="119">
        <v>0</v>
      </c>
      <c r="MS34" s="120">
        <v>0</v>
      </c>
      <c r="MT34" s="145"/>
      <c r="MU34" s="119">
        <v>0</v>
      </c>
      <c r="MV34" s="119">
        <v>457646</v>
      </c>
      <c r="MW34" s="119">
        <v>4092295</v>
      </c>
      <c r="MX34" s="119">
        <v>8158521</v>
      </c>
      <c r="MY34" s="119">
        <v>5502441</v>
      </c>
      <c r="MZ34" s="120">
        <v>18210903</v>
      </c>
      <c r="NA34" s="143">
        <v>18210903</v>
      </c>
      <c r="NB34" s="142">
        <v>0</v>
      </c>
      <c r="NC34" s="119">
        <v>0</v>
      </c>
      <c r="ND34" s="120">
        <v>0</v>
      </c>
      <c r="NE34" s="145"/>
      <c r="NF34" s="119">
        <v>710216</v>
      </c>
      <c r="NG34" s="119">
        <v>2435980</v>
      </c>
      <c r="NH34" s="119">
        <v>2252582</v>
      </c>
      <c r="NI34" s="119">
        <v>3626551</v>
      </c>
      <c r="NJ34" s="119">
        <v>2584296</v>
      </c>
      <c r="NK34" s="120">
        <v>11609625</v>
      </c>
      <c r="NL34" s="321">
        <v>11609625</v>
      </c>
      <c r="NM34" s="142">
        <v>0</v>
      </c>
      <c r="NN34" s="119">
        <v>0</v>
      </c>
      <c r="NO34" s="120">
        <v>0</v>
      </c>
      <c r="NP34" s="145"/>
      <c r="NQ34" s="119">
        <v>0</v>
      </c>
      <c r="NR34" s="119">
        <v>0</v>
      </c>
      <c r="NS34" s="119">
        <v>0</v>
      </c>
      <c r="NT34" s="119">
        <v>0</v>
      </c>
      <c r="NU34" s="119">
        <v>354599</v>
      </c>
      <c r="NV34" s="120">
        <v>354599</v>
      </c>
      <c r="NW34" s="121">
        <v>354599</v>
      </c>
      <c r="NX34" s="142">
        <v>0</v>
      </c>
      <c r="NY34" s="119">
        <v>0</v>
      </c>
      <c r="NZ34" s="120">
        <v>0</v>
      </c>
      <c r="OA34" s="145"/>
      <c r="OB34" s="119">
        <v>0</v>
      </c>
      <c r="OC34" s="119">
        <v>0</v>
      </c>
      <c r="OD34" s="119">
        <v>0</v>
      </c>
      <c r="OE34" s="119">
        <v>376464</v>
      </c>
      <c r="OF34" s="119">
        <v>0</v>
      </c>
      <c r="OG34" s="120">
        <v>376464</v>
      </c>
      <c r="OH34" s="121">
        <v>376464</v>
      </c>
      <c r="OI34" s="142">
        <v>818543</v>
      </c>
      <c r="OJ34" s="119">
        <v>947847</v>
      </c>
      <c r="OK34" s="141">
        <v>1766390</v>
      </c>
      <c r="OL34" s="118">
        <v>0</v>
      </c>
      <c r="OM34" s="119">
        <v>10801740</v>
      </c>
      <c r="ON34" s="119">
        <v>16326947</v>
      </c>
      <c r="OO34" s="119">
        <v>16332825</v>
      </c>
      <c r="OP34" s="119">
        <v>26782786</v>
      </c>
      <c r="OQ34" s="119">
        <v>17327894</v>
      </c>
      <c r="OR34" s="120">
        <v>87572192</v>
      </c>
      <c r="OS34" s="143">
        <v>89338582</v>
      </c>
    </row>
    <row r="35" spans="2:409" ht="19.8" customHeight="1" x14ac:dyDescent="0.2">
      <c r="B35" s="62" t="s">
        <v>30</v>
      </c>
      <c r="C35" s="110">
        <v>521394</v>
      </c>
      <c r="D35" s="114">
        <v>550614</v>
      </c>
      <c r="E35" s="174">
        <v>1072008</v>
      </c>
      <c r="F35" s="175">
        <v>0</v>
      </c>
      <c r="G35" s="176">
        <v>7189658</v>
      </c>
      <c r="H35" s="176">
        <v>7821708</v>
      </c>
      <c r="I35" s="176">
        <v>7474339</v>
      </c>
      <c r="J35" s="176">
        <v>9132432</v>
      </c>
      <c r="K35" s="176">
        <v>3777688</v>
      </c>
      <c r="L35" s="177">
        <v>35395825</v>
      </c>
      <c r="M35" s="116">
        <v>36467833</v>
      </c>
      <c r="N35" s="110">
        <v>141049</v>
      </c>
      <c r="O35" s="114">
        <v>217065</v>
      </c>
      <c r="P35" s="113">
        <v>358114</v>
      </c>
      <c r="Q35" s="110">
        <v>0</v>
      </c>
      <c r="R35" s="114">
        <v>1659454</v>
      </c>
      <c r="S35" s="114">
        <v>2036056</v>
      </c>
      <c r="T35" s="114">
        <v>2217770</v>
      </c>
      <c r="U35" s="114">
        <v>3652168</v>
      </c>
      <c r="V35" s="114">
        <v>2265147</v>
      </c>
      <c r="W35" s="113">
        <v>11830595</v>
      </c>
      <c r="X35" s="116">
        <v>12188709</v>
      </c>
      <c r="Y35" s="110">
        <v>0</v>
      </c>
      <c r="Z35" s="114">
        <v>0</v>
      </c>
      <c r="AA35" s="113">
        <v>0</v>
      </c>
      <c r="AB35" s="110">
        <v>0</v>
      </c>
      <c r="AC35" s="114">
        <v>455294</v>
      </c>
      <c r="AD35" s="114">
        <v>1003899</v>
      </c>
      <c r="AE35" s="114">
        <v>970122</v>
      </c>
      <c r="AF35" s="114">
        <v>1917422</v>
      </c>
      <c r="AG35" s="114">
        <v>1249524</v>
      </c>
      <c r="AH35" s="113">
        <v>5596261</v>
      </c>
      <c r="AI35" s="116">
        <v>5596261</v>
      </c>
      <c r="AJ35" s="110">
        <v>0</v>
      </c>
      <c r="AK35" s="114">
        <v>0</v>
      </c>
      <c r="AL35" s="113">
        <v>0</v>
      </c>
      <c r="AM35" s="110">
        <v>0</v>
      </c>
      <c r="AN35" s="114">
        <v>50715</v>
      </c>
      <c r="AO35" s="114">
        <v>50715</v>
      </c>
      <c r="AP35" s="114">
        <v>123723</v>
      </c>
      <c r="AQ35" s="114">
        <v>482824</v>
      </c>
      <c r="AR35" s="114">
        <v>378335</v>
      </c>
      <c r="AS35" s="113">
        <v>1086312</v>
      </c>
      <c r="AT35" s="116">
        <v>1086312</v>
      </c>
      <c r="AU35" s="110">
        <v>112843</v>
      </c>
      <c r="AV35" s="114">
        <v>202395</v>
      </c>
      <c r="AW35" s="113">
        <v>315238</v>
      </c>
      <c r="AX35" s="110">
        <v>0</v>
      </c>
      <c r="AY35" s="114">
        <v>816697</v>
      </c>
      <c r="AZ35" s="114">
        <v>765532</v>
      </c>
      <c r="BA35" s="114">
        <v>725959</v>
      </c>
      <c r="BB35" s="114">
        <v>879546</v>
      </c>
      <c r="BC35" s="114">
        <v>444400</v>
      </c>
      <c r="BD35" s="113">
        <v>3632134</v>
      </c>
      <c r="BE35" s="116">
        <v>3947372</v>
      </c>
      <c r="BF35" s="110">
        <v>0</v>
      </c>
      <c r="BG35" s="114">
        <v>0</v>
      </c>
      <c r="BH35" s="112">
        <v>0</v>
      </c>
      <c r="BI35" s="111">
        <v>0</v>
      </c>
      <c r="BJ35" s="114">
        <v>84150</v>
      </c>
      <c r="BK35" s="114">
        <v>0</v>
      </c>
      <c r="BL35" s="114">
        <v>90896</v>
      </c>
      <c r="BM35" s="114">
        <v>66616</v>
      </c>
      <c r="BN35" s="114">
        <v>0</v>
      </c>
      <c r="BO35" s="113">
        <v>241662</v>
      </c>
      <c r="BP35" s="116">
        <v>241662</v>
      </c>
      <c r="BQ35" s="110">
        <v>28206</v>
      </c>
      <c r="BR35" s="114">
        <v>14670</v>
      </c>
      <c r="BS35" s="113">
        <v>42876</v>
      </c>
      <c r="BT35" s="110">
        <v>0</v>
      </c>
      <c r="BU35" s="114">
        <v>252598</v>
      </c>
      <c r="BV35" s="114">
        <v>215910</v>
      </c>
      <c r="BW35" s="114">
        <v>307070</v>
      </c>
      <c r="BX35" s="114">
        <v>305760</v>
      </c>
      <c r="BY35" s="114">
        <v>192888</v>
      </c>
      <c r="BZ35" s="113">
        <v>1274226</v>
      </c>
      <c r="CA35" s="116">
        <v>1317102</v>
      </c>
      <c r="CB35" s="110">
        <v>22005</v>
      </c>
      <c r="CC35" s="114">
        <v>43249</v>
      </c>
      <c r="CD35" s="113">
        <v>65254</v>
      </c>
      <c r="CE35" s="110">
        <v>0</v>
      </c>
      <c r="CF35" s="114">
        <v>2457565</v>
      </c>
      <c r="CG35" s="114">
        <v>2349795</v>
      </c>
      <c r="CH35" s="114">
        <v>2456438</v>
      </c>
      <c r="CI35" s="114">
        <v>1533317</v>
      </c>
      <c r="CJ35" s="114">
        <v>110196</v>
      </c>
      <c r="CK35" s="113">
        <v>8907311</v>
      </c>
      <c r="CL35" s="116">
        <v>8972565</v>
      </c>
      <c r="CM35" s="110">
        <v>0</v>
      </c>
      <c r="CN35" s="114">
        <v>0</v>
      </c>
      <c r="CO35" s="113">
        <v>0</v>
      </c>
      <c r="CP35" s="111">
        <v>0</v>
      </c>
      <c r="CQ35" s="114">
        <v>2058485</v>
      </c>
      <c r="CR35" s="114">
        <v>1786626</v>
      </c>
      <c r="CS35" s="114">
        <v>2264256</v>
      </c>
      <c r="CT35" s="114">
        <v>1079114</v>
      </c>
      <c r="CU35" s="114">
        <v>110196</v>
      </c>
      <c r="CV35" s="113">
        <v>7298677</v>
      </c>
      <c r="CW35" s="116">
        <v>7298677</v>
      </c>
      <c r="CX35" s="110">
        <v>22005</v>
      </c>
      <c r="CY35" s="114">
        <v>43249</v>
      </c>
      <c r="CZ35" s="113">
        <v>65254</v>
      </c>
      <c r="DA35" s="110">
        <v>0</v>
      </c>
      <c r="DB35" s="114">
        <v>399080</v>
      </c>
      <c r="DC35" s="114">
        <v>563169</v>
      </c>
      <c r="DD35" s="114">
        <v>192182</v>
      </c>
      <c r="DE35" s="114">
        <v>454203</v>
      </c>
      <c r="DF35" s="114">
        <v>0</v>
      </c>
      <c r="DG35" s="113">
        <v>1608634</v>
      </c>
      <c r="DH35" s="116">
        <v>1673888</v>
      </c>
      <c r="DI35" s="110">
        <v>0</v>
      </c>
      <c r="DJ35" s="114">
        <v>0</v>
      </c>
      <c r="DK35" s="112">
        <v>0</v>
      </c>
      <c r="DL35" s="111">
        <v>0</v>
      </c>
      <c r="DM35" s="114">
        <v>324187</v>
      </c>
      <c r="DN35" s="114">
        <v>588811</v>
      </c>
      <c r="DO35" s="114">
        <v>717813</v>
      </c>
      <c r="DP35" s="114">
        <v>1585289</v>
      </c>
      <c r="DQ35" s="114">
        <v>297494</v>
      </c>
      <c r="DR35" s="113">
        <v>3513594</v>
      </c>
      <c r="DS35" s="116">
        <v>3513594</v>
      </c>
      <c r="DT35" s="110">
        <v>0</v>
      </c>
      <c r="DU35" s="114">
        <v>0</v>
      </c>
      <c r="DV35" s="113">
        <v>0</v>
      </c>
      <c r="DW35" s="110">
        <v>0</v>
      </c>
      <c r="DX35" s="114">
        <v>230254</v>
      </c>
      <c r="DY35" s="114">
        <v>527182</v>
      </c>
      <c r="DZ35" s="114">
        <v>717813</v>
      </c>
      <c r="EA35" s="114">
        <v>1239206</v>
      </c>
      <c r="EB35" s="114">
        <v>247724</v>
      </c>
      <c r="EC35" s="113">
        <v>2962179</v>
      </c>
      <c r="ED35" s="116">
        <v>2962179</v>
      </c>
      <c r="EE35" s="110">
        <v>0</v>
      </c>
      <c r="EF35" s="112">
        <v>0</v>
      </c>
      <c r="EG35" s="113">
        <v>0</v>
      </c>
      <c r="EH35" s="110">
        <v>0</v>
      </c>
      <c r="EI35" s="114">
        <v>93933</v>
      </c>
      <c r="EJ35" s="114">
        <v>61629</v>
      </c>
      <c r="EK35" s="114">
        <v>0</v>
      </c>
      <c r="EL35" s="114">
        <v>346083</v>
      </c>
      <c r="EM35" s="114">
        <v>49770</v>
      </c>
      <c r="EN35" s="112">
        <v>551415</v>
      </c>
      <c r="EO35" s="116">
        <v>551415</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8"/>
      <c r="FE35" s="114">
        <v>0</v>
      </c>
      <c r="FF35" s="114">
        <v>0</v>
      </c>
      <c r="FG35" s="114">
        <v>0</v>
      </c>
      <c r="FH35" s="114">
        <v>0</v>
      </c>
      <c r="FI35" s="114">
        <v>0</v>
      </c>
      <c r="FJ35" s="113">
        <v>0</v>
      </c>
      <c r="FK35" s="116">
        <v>0</v>
      </c>
      <c r="FL35" s="110">
        <v>134710</v>
      </c>
      <c r="FM35" s="114">
        <v>155900</v>
      </c>
      <c r="FN35" s="113">
        <v>290610</v>
      </c>
      <c r="FO35" s="110">
        <v>0</v>
      </c>
      <c r="FP35" s="114">
        <v>571204</v>
      </c>
      <c r="FQ35" s="114">
        <v>839078</v>
      </c>
      <c r="FR35" s="114">
        <v>858809</v>
      </c>
      <c r="FS35" s="114">
        <v>773486</v>
      </c>
      <c r="FT35" s="114">
        <v>330280</v>
      </c>
      <c r="FU35" s="113">
        <v>3372857</v>
      </c>
      <c r="FV35" s="116">
        <v>3663467</v>
      </c>
      <c r="FW35" s="115">
        <v>134710</v>
      </c>
      <c r="FX35" s="114">
        <v>155900</v>
      </c>
      <c r="FY35" s="112">
        <v>290610</v>
      </c>
      <c r="FZ35" s="111">
        <v>0</v>
      </c>
      <c r="GA35" s="114">
        <v>391204</v>
      </c>
      <c r="GB35" s="114">
        <v>698903</v>
      </c>
      <c r="GC35" s="114">
        <v>836089</v>
      </c>
      <c r="GD35" s="114">
        <v>773486</v>
      </c>
      <c r="GE35" s="114">
        <v>330280</v>
      </c>
      <c r="GF35" s="113">
        <v>3029962</v>
      </c>
      <c r="GG35" s="319">
        <v>3320572</v>
      </c>
      <c r="GH35" s="115">
        <v>0</v>
      </c>
      <c r="GI35" s="114">
        <v>0</v>
      </c>
      <c r="GJ35" s="112">
        <v>0</v>
      </c>
      <c r="GK35" s="111">
        <v>0</v>
      </c>
      <c r="GL35" s="114">
        <v>0</v>
      </c>
      <c r="GM35" s="114">
        <v>111825</v>
      </c>
      <c r="GN35" s="114">
        <v>22720</v>
      </c>
      <c r="GO35" s="114">
        <v>0</v>
      </c>
      <c r="GP35" s="114">
        <v>0</v>
      </c>
      <c r="GQ35" s="113">
        <v>134545</v>
      </c>
      <c r="GR35" s="116">
        <v>134545</v>
      </c>
      <c r="GS35" s="110">
        <v>0</v>
      </c>
      <c r="GT35" s="114">
        <v>0</v>
      </c>
      <c r="GU35" s="113">
        <v>0</v>
      </c>
      <c r="GV35" s="110">
        <v>0</v>
      </c>
      <c r="GW35" s="114">
        <v>180000</v>
      </c>
      <c r="GX35" s="114">
        <v>28350</v>
      </c>
      <c r="GY35" s="114">
        <v>0</v>
      </c>
      <c r="GZ35" s="114">
        <v>0</v>
      </c>
      <c r="HA35" s="114">
        <v>0</v>
      </c>
      <c r="HB35" s="112">
        <v>208350</v>
      </c>
      <c r="HC35" s="116">
        <v>208350</v>
      </c>
      <c r="HD35" s="110">
        <v>112750</v>
      </c>
      <c r="HE35" s="114">
        <v>0</v>
      </c>
      <c r="HF35" s="112">
        <v>112750</v>
      </c>
      <c r="HG35" s="111">
        <v>0</v>
      </c>
      <c r="HH35" s="114">
        <v>975099</v>
      </c>
      <c r="HI35" s="114">
        <v>1051850</v>
      </c>
      <c r="HJ35" s="114">
        <v>423873</v>
      </c>
      <c r="HK35" s="114">
        <v>877827</v>
      </c>
      <c r="HL35" s="114">
        <v>511261</v>
      </c>
      <c r="HM35" s="113">
        <v>3839910</v>
      </c>
      <c r="HN35" s="109">
        <v>3952660</v>
      </c>
      <c r="HO35" s="115">
        <v>110880</v>
      </c>
      <c r="HP35" s="114">
        <v>134400</v>
      </c>
      <c r="HQ35" s="113">
        <v>245280</v>
      </c>
      <c r="HR35" s="110">
        <v>0</v>
      </c>
      <c r="HS35" s="114">
        <v>1202149</v>
      </c>
      <c r="HT35" s="114">
        <v>956118</v>
      </c>
      <c r="HU35" s="114">
        <v>799636</v>
      </c>
      <c r="HV35" s="114">
        <v>710345</v>
      </c>
      <c r="HW35" s="114">
        <v>263310</v>
      </c>
      <c r="HX35" s="112">
        <v>3931558</v>
      </c>
      <c r="HY35" s="116">
        <v>4176838</v>
      </c>
      <c r="HZ35" s="131">
        <v>26400</v>
      </c>
      <c r="IA35" s="132">
        <v>0</v>
      </c>
      <c r="IB35" s="133">
        <v>26400</v>
      </c>
      <c r="IC35" s="146">
        <v>0</v>
      </c>
      <c r="ID35" s="132">
        <v>3203739</v>
      </c>
      <c r="IE35" s="147">
        <v>1931121</v>
      </c>
      <c r="IF35" s="133">
        <v>2985426</v>
      </c>
      <c r="IG35" s="132">
        <v>2170610</v>
      </c>
      <c r="IH35" s="133">
        <v>676387</v>
      </c>
      <c r="II35" s="148">
        <v>10967283</v>
      </c>
      <c r="IJ35" s="139">
        <v>10993683</v>
      </c>
      <c r="IK35" s="232">
        <v>0</v>
      </c>
      <c r="IL35" s="236">
        <v>0</v>
      </c>
      <c r="IM35" s="237">
        <v>0</v>
      </c>
      <c r="IN35" s="140"/>
      <c r="IO35" s="119">
        <v>67401</v>
      </c>
      <c r="IP35" s="119">
        <v>0</v>
      </c>
      <c r="IQ35" s="119">
        <v>177669</v>
      </c>
      <c r="IR35" s="119">
        <v>0</v>
      </c>
      <c r="IS35" s="119">
        <v>0</v>
      </c>
      <c r="IT35" s="141">
        <v>245070</v>
      </c>
      <c r="IU35" s="321">
        <v>24507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1305037</v>
      </c>
      <c r="JL35" s="119">
        <v>1096155</v>
      </c>
      <c r="JM35" s="119">
        <v>793773</v>
      </c>
      <c r="JN35" s="119">
        <v>557118</v>
      </c>
      <c r="JO35" s="119">
        <v>0</v>
      </c>
      <c r="JP35" s="120">
        <v>3752083</v>
      </c>
      <c r="JQ35" s="321">
        <v>3752083</v>
      </c>
      <c r="JR35" s="142">
        <v>26400</v>
      </c>
      <c r="JS35" s="119">
        <v>0</v>
      </c>
      <c r="JT35" s="141">
        <v>26400</v>
      </c>
      <c r="JU35" s="118">
        <v>0</v>
      </c>
      <c r="JV35" s="119">
        <v>74196</v>
      </c>
      <c r="JW35" s="119">
        <v>75174</v>
      </c>
      <c r="JX35" s="119">
        <v>275328</v>
      </c>
      <c r="JY35" s="119">
        <v>0</v>
      </c>
      <c r="JZ35" s="119">
        <v>0</v>
      </c>
      <c r="KA35" s="120">
        <v>424698</v>
      </c>
      <c r="KB35" s="321">
        <v>451098</v>
      </c>
      <c r="KC35" s="234">
        <v>0</v>
      </c>
      <c r="KD35" s="230">
        <v>0</v>
      </c>
      <c r="KE35" s="120">
        <v>0</v>
      </c>
      <c r="KF35" s="118">
        <v>0</v>
      </c>
      <c r="KG35" s="119">
        <v>0</v>
      </c>
      <c r="KH35" s="119">
        <v>61164</v>
      </c>
      <c r="KI35" s="119">
        <v>0</v>
      </c>
      <c r="KJ35" s="119">
        <v>289260</v>
      </c>
      <c r="KK35" s="119">
        <v>126860</v>
      </c>
      <c r="KL35" s="120">
        <v>477284</v>
      </c>
      <c r="KM35" s="143">
        <v>477284</v>
      </c>
      <c r="KN35" s="232">
        <v>0</v>
      </c>
      <c r="KO35" s="236">
        <v>0</v>
      </c>
      <c r="KP35" s="237">
        <v>0</v>
      </c>
      <c r="KQ35" s="140"/>
      <c r="KR35" s="119">
        <v>1757105</v>
      </c>
      <c r="KS35" s="119">
        <v>698628</v>
      </c>
      <c r="KT35" s="119">
        <v>1738656</v>
      </c>
      <c r="KU35" s="119">
        <v>1324232</v>
      </c>
      <c r="KV35" s="119">
        <v>549527</v>
      </c>
      <c r="KW35" s="120">
        <v>6068148</v>
      </c>
      <c r="KX35" s="321">
        <v>606814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1">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381654</v>
      </c>
      <c r="MK35" s="119">
        <v>1146042</v>
      </c>
      <c r="ML35" s="119">
        <v>9953098</v>
      </c>
      <c r="MM35" s="119">
        <v>10928573</v>
      </c>
      <c r="MN35" s="119">
        <v>7322564</v>
      </c>
      <c r="MO35" s="120">
        <v>30731931</v>
      </c>
      <c r="MP35" s="143">
        <v>30731931</v>
      </c>
      <c r="MQ35" s="142">
        <v>0</v>
      </c>
      <c r="MR35" s="119">
        <v>0</v>
      </c>
      <c r="MS35" s="120">
        <v>0</v>
      </c>
      <c r="MT35" s="145"/>
      <c r="MU35" s="119">
        <v>221598</v>
      </c>
      <c r="MV35" s="119">
        <v>192612</v>
      </c>
      <c r="MW35" s="119">
        <v>5796198</v>
      </c>
      <c r="MX35" s="119">
        <v>5881440</v>
      </c>
      <c r="MY35" s="119">
        <v>5020306</v>
      </c>
      <c r="MZ35" s="120">
        <v>17112154</v>
      </c>
      <c r="NA35" s="143">
        <v>17112154</v>
      </c>
      <c r="NB35" s="142">
        <v>0</v>
      </c>
      <c r="NC35" s="119">
        <v>0</v>
      </c>
      <c r="ND35" s="120">
        <v>0</v>
      </c>
      <c r="NE35" s="145"/>
      <c r="NF35" s="119">
        <v>1160056</v>
      </c>
      <c r="NG35" s="119">
        <v>705435</v>
      </c>
      <c r="NH35" s="119">
        <v>4156900</v>
      </c>
      <c r="NI35" s="119">
        <v>5047133</v>
      </c>
      <c r="NJ35" s="119">
        <v>1450366</v>
      </c>
      <c r="NK35" s="120">
        <v>12519890</v>
      </c>
      <c r="NL35" s="321">
        <v>12519890</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47995</v>
      </c>
      <c r="OD35" s="119">
        <v>0</v>
      </c>
      <c r="OE35" s="119">
        <v>0</v>
      </c>
      <c r="OF35" s="119">
        <v>851892</v>
      </c>
      <c r="OG35" s="120">
        <v>1099887</v>
      </c>
      <c r="OH35" s="121">
        <v>1099887</v>
      </c>
      <c r="OI35" s="142">
        <v>547794</v>
      </c>
      <c r="OJ35" s="119">
        <v>550614</v>
      </c>
      <c r="OK35" s="141">
        <v>1098408</v>
      </c>
      <c r="OL35" s="118">
        <v>0</v>
      </c>
      <c r="OM35" s="119">
        <v>11775051</v>
      </c>
      <c r="ON35" s="119">
        <v>10898871</v>
      </c>
      <c r="OO35" s="119">
        <v>20412863</v>
      </c>
      <c r="OP35" s="119">
        <v>22231615</v>
      </c>
      <c r="OQ35" s="119">
        <v>11776639</v>
      </c>
      <c r="OR35" s="120">
        <v>77095039</v>
      </c>
      <c r="OS35" s="143">
        <v>78193447</v>
      </c>
    </row>
    <row r="36" spans="2:409" ht="19.8" customHeight="1" x14ac:dyDescent="0.2">
      <c r="B36" s="62" t="s">
        <v>31</v>
      </c>
      <c r="C36" s="110">
        <v>574896</v>
      </c>
      <c r="D36" s="114">
        <v>1046536</v>
      </c>
      <c r="E36" s="113">
        <v>1621432</v>
      </c>
      <c r="F36" s="109">
        <v>0</v>
      </c>
      <c r="G36" s="114">
        <v>6995525</v>
      </c>
      <c r="H36" s="114">
        <v>10272885</v>
      </c>
      <c r="I36" s="114">
        <v>8984376</v>
      </c>
      <c r="J36" s="114">
        <v>4870585</v>
      </c>
      <c r="K36" s="114">
        <v>4331211</v>
      </c>
      <c r="L36" s="173">
        <v>35454582</v>
      </c>
      <c r="M36" s="116">
        <v>37076014</v>
      </c>
      <c r="N36" s="110">
        <v>96308</v>
      </c>
      <c r="O36" s="114">
        <v>150705</v>
      </c>
      <c r="P36" s="113">
        <v>247013</v>
      </c>
      <c r="Q36" s="110">
        <v>0</v>
      </c>
      <c r="R36" s="114">
        <v>1297234</v>
      </c>
      <c r="S36" s="114">
        <v>1901209</v>
      </c>
      <c r="T36" s="114">
        <v>1441449</v>
      </c>
      <c r="U36" s="114">
        <v>1009915</v>
      </c>
      <c r="V36" s="114">
        <v>2011069</v>
      </c>
      <c r="W36" s="113">
        <v>7660876</v>
      </c>
      <c r="X36" s="116">
        <v>7907889</v>
      </c>
      <c r="Y36" s="110">
        <v>0</v>
      </c>
      <c r="Z36" s="114">
        <v>0</v>
      </c>
      <c r="AA36" s="113">
        <v>0</v>
      </c>
      <c r="AB36" s="110">
        <v>0</v>
      </c>
      <c r="AC36" s="114">
        <v>635818</v>
      </c>
      <c r="AD36" s="114">
        <v>583509</v>
      </c>
      <c r="AE36" s="114">
        <v>203992</v>
      </c>
      <c r="AF36" s="114">
        <v>31311</v>
      </c>
      <c r="AG36" s="114">
        <v>962157</v>
      </c>
      <c r="AH36" s="113">
        <v>2416787</v>
      </c>
      <c r="AI36" s="116">
        <v>2416787</v>
      </c>
      <c r="AJ36" s="110">
        <v>0</v>
      </c>
      <c r="AK36" s="114">
        <v>0</v>
      </c>
      <c r="AL36" s="113">
        <v>0</v>
      </c>
      <c r="AM36" s="110">
        <v>0</v>
      </c>
      <c r="AN36" s="114">
        <v>0</v>
      </c>
      <c r="AO36" s="114">
        <v>153359</v>
      </c>
      <c r="AP36" s="114">
        <v>265527</v>
      </c>
      <c r="AQ36" s="114">
        <v>279864</v>
      </c>
      <c r="AR36" s="114">
        <v>336801</v>
      </c>
      <c r="AS36" s="113">
        <v>1035551</v>
      </c>
      <c r="AT36" s="116">
        <v>1035551</v>
      </c>
      <c r="AU36" s="110">
        <v>61964</v>
      </c>
      <c r="AV36" s="114">
        <v>89928</v>
      </c>
      <c r="AW36" s="113">
        <v>151892</v>
      </c>
      <c r="AX36" s="110">
        <v>0</v>
      </c>
      <c r="AY36" s="114">
        <v>408231</v>
      </c>
      <c r="AZ36" s="114">
        <v>765033</v>
      </c>
      <c r="BA36" s="114">
        <v>561998</v>
      </c>
      <c r="BB36" s="114">
        <v>443020</v>
      </c>
      <c r="BC36" s="114">
        <v>569913</v>
      </c>
      <c r="BD36" s="113">
        <v>2748195</v>
      </c>
      <c r="BE36" s="116">
        <v>2900087</v>
      </c>
      <c r="BF36" s="110">
        <v>0</v>
      </c>
      <c r="BG36" s="114">
        <v>60777</v>
      </c>
      <c r="BH36" s="112">
        <v>60777</v>
      </c>
      <c r="BI36" s="111">
        <v>0</v>
      </c>
      <c r="BJ36" s="114">
        <v>97052</v>
      </c>
      <c r="BK36" s="114">
        <v>169221</v>
      </c>
      <c r="BL36" s="114">
        <v>259995</v>
      </c>
      <c r="BM36" s="114">
        <v>163720</v>
      </c>
      <c r="BN36" s="114">
        <v>101817</v>
      </c>
      <c r="BO36" s="113">
        <v>791805</v>
      </c>
      <c r="BP36" s="116">
        <v>852582</v>
      </c>
      <c r="BQ36" s="110">
        <v>34344</v>
      </c>
      <c r="BR36" s="114">
        <v>0</v>
      </c>
      <c r="BS36" s="113">
        <v>34344</v>
      </c>
      <c r="BT36" s="110">
        <v>0</v>
      </c>
      <c r="BU36" s="114">
        <v>156133</v>
      </c>
      <c r="BV36" s="114">
        <v>230087</v>
      </c>
      <c r="BW36" s="114">
        <v>149937</v>
      </c>
      <c r="BX36" s="114">
        <v>92000</v>
      </c>
      <c r="BY36" s="114">
        <v>40381</v>
      </c>
      <c r="BZ36" s="113">
        <v>668538</v>
      </c>
      <c r="CA36" s="116">
        <v>702882</v>
      </c>
      <c r="CB36" s="110">
        <v>0</v>
      </c>
      <c r="CC36" s="114">
        <v>41517</v>
      </c>
      <c r="CD36" s="113">
        <v>41517</v>
      </c>
      <c r="CE36" s="110">
        <v>0</v>
      </c>
      <c r="CF36" s="114">
        <v>2381633</v>
      </c>
      <c r="CG36" s="114">
        <v>3738405</v>
      </c>
      <c r="CH36" s="114">
        <v>2774985</v>
      </c>
      <c r="CI36" s="114">
        <v>1923398</v>
      </c>
      <c r="CJ36" s="114">
        <v>570906</v>
      </c>
      <c r="CK36" s="113">
        <v>11389327</v>
      </c>
      <c r="CL36" s="116">
        <v>11430844</v>
      </c>
      <c r="CM36" s="110">
        <v>0</v>
      </c>
      <c r="CN36" s="114">
        <v>0</v>
      </c>
      <c r="CO36" s="113">
        <v>0</v>
      </c>
      <c r="CP36" s="111">
        <v>0</v>
      </c>
      <c r="CQ36" s="114">
        <v>2159680</v>
      </c>
      <c r="CR36" s="114">
        <v>3129197</v>
      </c>
      <c r="CS36" s="114">
        <v>2274762</v>
      </c>
      <c r="CT36" s="114">
        <v>1641118</v>
      </c>
      <c r="CU36" s="114">
        <v>375055</v>
      </c>
      <c r="CV36" s="113">
        <v>9579812</v>
      </c>
      <c r="CW36" s="116">
        <v>9579812</v>
      </c>
      <c r="CX36" s="110">
        <v>0</v>
      </c>
      <c r="CY36" s="114">
        <v>41517</v>
      </c>
      <c r="CZ36" s="113">
        <v>41517</v>
      </c>
      <c r="DA36" s="110">
        <v>0</v>
      </c>
      <c r="DB36" s="114">
        <v>221953</v>
      </c>
      <c r="DC36" s="114">
        <v>609208</v>
      </c>
      <c r="DD36" s="114">
        <v>500223</v>
      </c>
      <c r="DE36" s="114">
        <v>282280</v>
      </c>
      <c r="DF36" s="114">
        <v>195851</v>
      </c>
      <c r="DG36" s="113">
        <v>1809515</v>
      </c>
      <c r="DH36" s="116">
        <v>1851032</v>
      </c>
      <c r="DI36" s="110">
        <v>0</v>
      </c>
      <c r="DJ36" s="114">
        <v>0</v>
      </c>
      <c r="DK36" s="112">
        <v>0</v>
      </c>
      <c r="DL36" s="111">
        <v>0</v>
      </c>
      <c r="DM36" s="114">
        <v>166675</v>
      </c>
      <c r="DN36" s="114">
        <v>1045179</v>
      </c>
      <c r="DO36" s="114">
        <v>1691904</v>
      </c>
      <c r="DP36" s="114">
        <v>606997</v>
      </c>
      <c r="DQ36" s="114">
        <v>230591</v>
      </c>
      <c r="DR36" s="113">
        <v>3741346</v>
      </c>
      <c r="DS36" s="116">
        <v>3741346</v>
      </c>
      <c r="DT36" s="110">
        <v>0</v>
      </c>
      <c r="DU36" s="114">
        <v>0</v>
      </c>
      <c r="DV36" s="113">
        <v>0</v>
      </c>
      <c r="DW36" s="110">
        <v>0</v>
      </c>
      <c r="DX36" s="114">
        <v>166675</v>
      </c>
      <c r="DY36" s="114">
        <v>963540</v>
      </c>
      <c r="DZ36" s="114">
        <v>1691904</v>
      </c>
      <c r="EA36" s="114">
        <v>541878</v>
      </c>
      <c r="EB36" s="114">
        <v>169832</v>
      </c>
      <c r="EC36" s="113">
        <v>3533829</v>
      </c>
      <c r="ED36" s="116">
        <v>3533829</v>
      </c>
      <c r="EE36" s="110">
        <v>0</v>
      </c>
      <c r="EF36" s="112">
        <v>0</v>
      </c>
      <c r="EG36" s="113">
        <v>0</v>
      </c>
      <c r="EH36" s="110">
        <v>0</v>
      </c>
      <c r="EI36" s="114">
        <v>0</v>
      </c>
      <c r="EJ36" s="114">
        <v>81639</v>
      </c>
      <c r="EK36" s="114">
        <v>0</v>
      </c>
      <c r="EL36" s="114">
        <v>65119</v>
      </c>
      <c r="EM36" s="114">
        <v>60759</v>
      </c>
      <c r="EN36" s="112">
        <v>207517</v>
      </c>
      <c r="EO36" s="116">
        <v>207517</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8"/>
      <c r="FE36" s="114">
        <v>0</v>
      </c>
      <c r="FF36" s="114">
        <v>0</v>
      </c>
      <c r="FG36" s="114">
        <v>0</v>
      </c>
      <c r="FH36" s="114">
        <v>0</v>
      </c>
      <c r="FI36" s="114">
        <v>0</v>
      </c>
      <c r="FJ36" s="113">
        <v>0</v>
      </c>
      <c r="FK36" s="116">
        <v>0</v>
      </c>
      <c r="FL36" s="110">
        <v>272084</v>
      </c>
      <c r="FM36" s="114">
        <v>436398</v>
      </c>
      <c r="FN36" s="113">
        <v>708482</v>
      </c>
      <c r="FO36" s="110">
        <v>0</v>
      </c>
      <c r="FP36" s="114">
        <v>482587</v>
      </c>
      <c r="FQ36" s="114">
        <v>1335175</v>
      </c>
      <c r="FR36" s="114">
        <v>901039</v>
      </c>
      <c r="FS36" s="114">
        <v>485239</v>
      </c>
      <c r="FT36" s="114">
        <v>559354</v>
      </c>
      <c r="FU36" s="113">
        <v>3763394</v>
      </c>
      <c r="FV36" s="116">
        <v>4471876</v>
      </c>
      <c r="FW36" s="115">
        <v>97024</v>
      </c>
      <c r="FX36" s="114">
        <v>338982</v>
      </c>
      <c r="FY36" s="112">
        <v>436006</v>
      </c>
      <c r="FZ36" s="111">
        <v>0</v>
      </c>
      <c r="GA36" s="114">
        <v>482587</v>
      </c>
      <c r="GB36" s="114">
        <v>1109535</v>
      </c>
      <c r="GC36" s="114">
        <v>830416</v>
      </c>
      <c r="GD36" s="114">
        <v>485239</v>
      </c>
      <c r="GE36" s="114">
        <v>559354</v>
      </c>
      <c r="GF36" s="113">
        <v>3467131</v>
      </c>
      <c r="GG36" s="319">
        <v>3903137</v>
      </c>
      <c r="GH36" s="115">
        <v>22320</v>
      </c>
      <c r="GI36" s="114">
        <v>26136</v>
      </c>
      <c r="GJ36" s="112">
        <v>48456</v>
      </c>
      <c r="GK36" s="111">
        <v>0</v>
      </c>
      <c r="GL36" s="114">
        <v>0</v>
      </c>
      <c r="GM36" s="114">
        <v>23400</v>
      </c>
      <c r="GN36" s="114">
        <v>23400</v>
      </c>
      <c r="GO36" s="114">
        <v>0</v>
      </c>
      <c r="GP36" s="114">
        <v>0</v>
      </c>
      <c r="GQ36" s="113">
        <v>46800</v>
      </c>
      <c r="GR36" s="116">
        <v>95256</v>
      </c>
      <c r="GS36" s="110">
        <v>152740</v>
      </c>
      <c r="GT36" s="114">
        <v>71280</v>
      </c>
      <c r="GU36" s="113">
        <v>224020</v>
      </c>
      <c r="GV36" s="110">
        <v>0</v>
      </c>
      <c r="GW36" s="114">
        <v>0</v>
      </c>
      <c r="GX36" s="114">
        <v>202240</v>
      </c>
      <c r="GY36" s="114">
        <v>47223</v>
      </c>
      <c r="GZ36" s="114">
        <v>0</v>
      </c>
      <c r="HA36" s="114">
        <v>0</v>
      </c>
      <c r="HB36" s="112">
        <v>249463</v>
      </c>
      <c r="HC36" s="116">
        <v>473483</v>
      </c>
      <c r="HD36" s="110">
        <v>112613</v>
      </c>
      <c r="HE36" s="114">
        <v>189648</v>
      </c>
      <c r="HF36" s="112">
        <v>302261</v>
      </c>
      <c r="HG36" s="111">
        <v>0</v>
      </c>
      <c r="HH36" s="114">
        <v>1317144</v>
      </c>
      <c r="HI36" s="114">
        <v>923930</v>
      </c>
      <c r="HJ36" s="114">
        <v>1291045</v>
      </c>
      <c r="HK36" s="114">
        <v>468468</v>
      </c>
      <c r="HL36" s="114">
        <v>709984</v>
      </c>
      <c r="HM36" s="113">
        <v>4710571</v>
      </c>
      <c r="HN36" s="109">
        <v>5012832</v>
      </c>
      <c r="HO36" s="115">
        <v>93891</v>
      </c>
      <c r="HP36" s="114">
        <v>228268</v>
      </c>
      <c r="HQ36" s="113">
        <v>322159</v>
      </c>
      <c r="HR36" s="110">
        <v>0</v>
      </c>
      <c r="HS36" s="114">
        <v>1350252</v>
      </c>
      <c r="HT36" s="114">
        <v>1328987</v>
      </c>
      <c r="HU36" s="114">
        <v>883954</v>
      </c>
      <c r="HV36" s="114">
        <v>376568</v>
      </c>
      <c r="HW36" s="114">
        <v>249307</v>
      </c>
      <c r="HX36" s="112">
        <v>4189068</v>
      </c>
      <c r="HY36" s="116">
        <v>4511227</v>
      </c>
      <c r="HZ36" s="150">
        <v>0</v>
      </c>
      <c r="IA36" s="135">
        <v>176414</v>
      </c>
      <c r="IB36" s="150">
        <v>176414</v>
      </c>
      <c r="IC36" s="134">
        <v>0</v>
      </c>
      <c r="ID36" s="135">
        <v>3995527</v>
      </c>
      <c r="IE36" s="136">
        <v>4835622</v>
      </c>
      <c r="IF36" s="137">
        <v>5546130</v>
      </c>
      <c r="IG36" s="135">
        <v>3112900</v>
      </c>
      <c r="IH36" s="137">
        <v>1386324</v>
      </c>
      <c r="II36" s="138">
        <v>18876503</v>
      </c>
      <c r="IJ36" s="150">
        <v>19052917</v>
      </c>
      <c r="IK36" s="232">
        <v>0</v>
      </c>
      <c r="IL36" s="236">
        <v>0</v>
      </c>
      <c r="IM36" s="237">
        <v>0</v>
      </c>
      <c r="IN36" s="140"/>
      <c r="IO36" s="119">
        <v>0</v>
      </c>
      <c r="IP36" s="119">
        <v>192150</v>
      </c>
      <c r="IQ36" s="119">
        <v>0</v>
      </c>
      <c r="IR36" s="119">
        <v>213309</v>
      </c>
      <c r="IS36" s="119">
        <v>0</v>
      </c>
      <c r="IT36" s="141">
        <v>405459</v>
      </c>
      <c r="IU36" s="321">
        <v>405459</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194409</v>
      </c>
      <c r="JL36" s="119">
        <v>868280</v>
      </c>
      <c r="JM36" s="119">
        <v>853986</v>
      </c>
      <c r="JN36" s="119">
        <v>225027</v>
      </c>
      <c r="JO36" s="119">
        <v>52074</v>
      </c>
      <c r="JP36" s="120">
        <v>3193776</v>
      </c>
      <c r="JQ36" s="321">
        <v>3193776</v>
      </c>
      <c r="JR36" s="142">
        <v>0</v>
      </c>
      <c r="JS36" s="119">
        <v>0</v>
      </c>
      <c r="JT36" s="141">
        <v>0</v>
      </c>
      <c r="JU36" s="118">
        <v>0</v>
      </c>
      <c r="JV36" s="119">
        <v>0</v>
      </c>
      <c r="JW36" s="119">
        <v>0</v>
      </c>
      <c r="JX36" s="119">
        <v>136196</v>
      </c>
      <c r="JY36" s="119">
        <v>0</v>
      </c>
      <c r="JZ36" s="119">
        <v>256320</v>
      </c>
      <c r="KA36" s="120">
        <v>392516</v>
      </c>
      <c r="KB36" s="321">
        <v>392516</v>
      </c>
      <c r="KC36" s="234">
        <v>0</v>
      </c>
      <c r="KD36" s="230">
        <v>176414</v>
      </c>
      <c r="KE36" s="120">
        <v>176414</v>
      </c>
      <c r="KF36" s="118">
        <v>0</v>
      </c>
      <c r="KG36" s="119">
        <v>993494</v>
      </c>
      <c r="KH36" s="119">
        <v>1412996</v>
      </c>
      <c r="KI36" s="119">
        <v>1576736</v>
      </c>
      <c r="KJ36" s="119">
        <v>288044</v>
      </c>
      <c r="KK36" s="119">
        <v>313837</v>
      </c>
      <c r="KL36" s="120">
        <v>4585107</v>
      </c>
      <c r="KM36" s="143">
        <v>4761521</v>
      </c>
      <c r="KN36" s="232">
        <v>0</v>
      </c>
      <c r="KO36" s="236">
        <v>0</v>
      </c>
      <c r="KP36" s="237">
        <v>0</v>
      </c>
      <c r="KQ36" s="140"/>
      <c r="KR36" s="119">
        <v>1807624</v>
      </c>
      <c r="KS36" s="119">
        <v>2362196</v>
      </c>
      <c r="KT36" s="119">
        <v>2979212</v>
      </c>
      <c r="KU36" s="119">
        <v>2386520</v>
      </c>
      <c r="KV36" s="119">
        <v>764093</v>
      </c>
      <c r="KW36" s="120">
        <v>10299645</v>
      </c>
      <c r="KX36" s="321">
        <v>10299645</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1">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756816</v>
      </c>
      <c r="MK36" s="119">
        <v>3611225</v>
      </c>
      <c r="ML36" s="119">
        <v>10221964</v>
      </c>
      <c r="MM36" s="119">
        <v>8900737</v>
      </c>
      <c r="MN36" s="119">
        <v>8285588</v>
      </c>
      <c r="MO36" s="120">
        <v>31776330</v>
      </c>
      <c r="MP36" s="143">
        <v>31776330</v>
      </c>
      <c r="MQ36" s="142">
        <v>0</v>
      </c>
      <c r="MR36" s="119">
        <v>0</v>
      </c>
      <c r="MS36" s="120">
        <v>0</v>
      </c>
      <c r="MT36" s="145"/>
      <c r="MU36" s="119">
        <v>0</v>
      </c>
      <c r="MV36" s="119">
        <v>471673</v>
      </c>
      <c r="MW36" s="119">
        <v>7342727</v>
      </c>
      <c r="MX36" s="119">
        <v>6479988</v>
      </c>
      <c r="MY36" s="119">
        <v>6177370</v>
      </c>
      <c r="MZ36" s="120">
        <v>20471758</v>
      </c>
      <c r="NA36" s="143">
        <v>20471758</v>
      </c>
      <c r="NB36" s="142">
        <v>0</v>
      </c>
      <c r="NC36" s="119">
        <v>0</v>
      </c>
      <c r="ND36" s="120">
        <v>0</v>
      </c>
      <c r="NE36" s="145"/>
      <c r="NF36" s="119">
        <v>756816</v>
      </c>
      <c r="NG36" s="119">
        <v>3139552</v>
      </c>
      <c r="NH36" s="119">
        <v>2879237</v>
      </c>
      <c r="NI36" s="119">
        <v>2070499</v>
      </c>
      <c r="NJ36" s="119">
        <v>1776574</v>
      </c>
      <c r="NK36" s="120">
        <v>10622678</v>
      </c>
      <c r="NL36" s="321">
        <v>10622678</v>
      </c>
      <c r="NM36" s="142">
        <v>0</v>
      </c>
      <c r="NN36" s="119">
        <v>0</v>
      </c>
      <c r="NO36" s="120">
        <v>0</v>
      </c>
      <c r="NP36" s="145"/>
      <c r="NQ36" s="119">
        <v>0</v>
      </c>
      <c r="NR36" s="119">
        <v>0</v>
      </c>
      <c r="NS36" s="119">
        <v>0</v>
      </c>
      <c r="NT36" s="119">
        <v>350250</v>
      </c>
      <c r="NU36" s="119">
        <v>0</v>
      </c>
      <c r="NV36" s="120">
        <v>350250</v>
      </c>
      <c r="NW36" s="121">
        <v>350250</v>
      </c>
      <c r="NX36" s="142">
        <v>0</v>
      </c>
      <c r="NY36" s="119">
        <v>0</v>
      </c>
      <c r="NZ36" s="120">
        <v>0</v>
      </c>
      <c r="OA36" s="145"/>
      <c r="OB36" s="119">
        <v>0</v>
      </c>
      <c r="OC36" s="119">
        <v>0</v>
      </c>
      <c r="OD36" s="119">
        <v>0</v>
      </c>
      <c r="OE36" s="119">
        <v>0</v>
      </c>
      <c r="OF36" s="119">
        <v>331644</v>
      </c>
      <c r="OG36" s="120">
        <v>331644</v>
      </c>
      <c r="OH36" s="121">
        <v>331644</v>
      </c>
      <c r="OI36" s="142">
        <v>574896</v>
      </c>
      <c r="OJ36" s="119">
        <v>1222950</v>
      </c>
      <c r="OK36" s="141">
        <v>1797846</v>
      </c>
      <c r="OL36" s="118">
        <v>0</v>
      </c>
      <c r="OM36" s="119">
        <v>11747868</v>
      </c>
      <c r="ON36" s="119">
        <v>18719732</v>
      </c>
      <c r="OO36" s="119">
        <v>24752470</v>
      </c>
      <c r="OP36" s="119">
        <v>16884222</v>
      </c>
      <c r="OQ36" s="119">
        <v>14003123</v>
      </c>
      <c r="OR36" s="120">
        <v>86107415</v>
      </c>
      <c r="OS36" s="143">
        <v>87905261</v>
      </c>
    </row>
    <row r="37" spans="2:409" ht="19.8" customHeight="1" x14ac:dyDescent="0.2">
      <c r="B37" s="62" t="s">
        <v>32</v>
      </c>
      <c r="C37" s="110">
        <v>676170</v>
      </c>
      <c r="D37" s="114">
        <v>924082</v>
      </c>
      <c r="E37" s="174">
        <v>1600252</v>
      </c>
      <c r="F37" s="175">
        <v>0</v>
      </c>
      <c r="G37" s="176">
        <v>9999543</v>
      </c>
      <c r="H37" s="176">
        <v>9952623</v>
      </c>
      <c r="I37" s="176">
        <v>10384997</v>
      </c>
      <c r="J37" s="176">
        <v>9992741</v>
      </c>
      <c r="K37" s="176">
        <v>5829989</v>
      </c>
      <c r="L37" s="177">
        <v>46159893</v>
      </c>
      <c r="M37" s="116">
        <v>47760145</v>
      </c>
      <c r="N37" s="110">
        <v>185193</v>
      </c>
      <c r="O37" s="114">
        <v>210116</v>
      </c>
      <c r="P37" s="113">
        <v>395309</v>
      </c>
      <c r="Q37" s="110">
        <v>0</v>
      </c>
      <c r="R37" s="114">
        <v>2905530</v>
      </c>
      <c r="S37" s="114">
        <v>1814841</v>
      </c>
      <c r="T37" s="114">
        <v>2466988</v>
      </c>
      <c r="U37" s="114">
        <v>3431255</v>
      </c>
      <c r="V37" s="114">
        <v>2982723</v>
      </c>
      <c r="W37" s="113">
        <v>13601337</v>
      </c>
      <c r="X37" s="116">
        <v>13996646</v>
      </c>
      <c r="Y37" s="110">
        <v>0</v>
      </c>
      <c r="Z37" s="114">
        <v>0</v>
      </c>
      <c r="AA37" s="113">
        <v>0</v>
      </c>
      <c r="AB37" s="110">
        <v>0</v>
      </c>
      <c r="AC37" s="114">
        <v>1245902</v>
      </c>
      <c r="AD37" s="114">
        <v>602975</v>
      </c>
      <c r="AE37" s="114">
        <v>1603248</v>
      </c>
      <c r="AF37" s="114">
        <v>2111958</v>
      </c>
      <c r="AG37" s="114">
        <v>1651471</v>
      </c>
      <c r="AH37" s="113">
        <v>7215554</v>
      </c>
      <c r="AI37" s="116">
        <v>7215554</v>
      </c>
      <c r="AJ37" s="110">
        <v>0</v>
      </c>
      <c r="AK37" s="114">
        <v>0</v>
      </c>
      <c r="AL37" s="113">
        <v>0</v>
      </c>
      <c r="AM37" s="110">
        <v>0</v>
      </c>
      <c r="AN37" s="114">
        <v>0</v>
      </c>
      <c r="AO37" s="114">
        <v>60840</v>
      </c>
      <c r="AP37" s="114">
        <v>0</v>
      </c>
      <c r="AQ37" s="114">
        <v>100106</v>
      </c>
      <c r="AR37" s="114">
        <v>520193</v>
      </c>
      <c r="AS37" s="113">
        <v>681139</v>
      </c>
      <c r="AT37" s="116">
        <v>681139</v>
      </c>
      <c r="AU37" s="110">
        <v>120003</v>
      </c>
      <c r="AV37" s="114">
        <v>199740</v>
      </c>
      <c r="AW37" s="113">
        <v>319743</v>
      </c>
      <c r="AX37" s="110">
        <v>0</v>
      </c>
      <c r="AY37" s="114">
        <v>1154847</v>
      </c>
      <c r="AZ37" s="114">
        <v>864433</v>
      </c>
      <c r="BA37" s="114">
        <v>530923</v>
      </c>
      <c r="BB37" s="114">
        <v>827698</v>
      </c>
      <c r="BC37" s="114">
        <v>447042</v>
      </c>
      <c r="BD37" s="113">
        <v>3824943</v>
      </c>
      <c r="BE37" s="116">
        <v>4144686</v>
      </c>
      <c r="BF37" s="110">
        <v>20559</v>
      </c>
      <c r="BG37" s="114">
        <v>0</v>
      </c>
      <c r="BH37" s="112">
        <v>20559</v>
      </c>
      <c r="BI37" s="111">
        <v>0</v>
      </c>
      <c r="BJ37" s="114">
        <v>294410</v>
      </c>
      <c r="BK37" s="114">
        <v>81632</v>
      </c>
      <c r="BL37" s="114">
        <v>56404</v>
      </c>
      <c r="BM37" s="114">
        <v>17208</v>
      </c>
      <c r="BN37" s="114">
        <v>162036</v>
      </c>
      <c r="BO37" s="113">
        <v>611690</v>
      </c>
      <c r="BP37" s="116">
        <v>632249</v>
      </c>
      <c r="BQ37" s="110">
        <v>44631</v>
      </c>
      <c r="BR37" s="114">
        <v>10376</v>
      </c>
      <c r="BS37" s="113">
        <v>55007</v>
      </c>
      <c r="BT37" s="110">
        <v>0</v>
      </c>
      <c r="BU37" s="114">
        <v>210371</v>
      </c>
      <c r="BV37" s="114">
        <v>204961</v>
      </c>
      <c r="BW37" s="114">
        <v>276413</v>
      </c>
      <c r="BX37" s="114">
        <v>374285</v>
      </c>
      <c r="BY37" s="114">
        <v>201981</v>
      </c>
      <c r="BZ37" s="113">
        <v>1268011</v>
      </c>
      <c r="CA37" s="116">
        <v>1323018</v>
      </c>
      <c r="CB37" s="110">
        <v>0</v>
      </c>
      <c r="CC37" s="114">
        <v>0</v>
      </c>
      <c r="CD37" s="113">
        <v>0</v>
      </c>
      <c r="CE37" s="110">
        <v>0</v>
      </c>
      <c r="CF37" s="114">
        <v>3494804</v>
      </c>
      <c r="CG37" s="114">
        <v>4487042</v>
      </c>
      <c r="CH37" s="114">
        <v>2560101</v>
      </c>
      <c r="CI37" s="114">
        <v>2515344</v>
      </c>
      <c r="CJ37" s="114">
        <v>720615</v>
      </c>
      <c r="CK37" s="113">
        <v>13777906</v>
      </c>
      <c r="CL37" s="116">
        <v>13777906</v>
      </c>
      <c r="CM37" s="110">
        <v>0</v>
      </c>
      <c r="CN37" s="114">
        <v>0</v>
      </c>
      <c r="CO37" s="113">
        <v>0</v>
      </c>
      <c r="CP37" s="111">
        <v>0</v>
      </c>
      <c r="CQ37" s="114">
        <v>3002948</v>
      </c>
      <c r="CR37" s="114">
        <v>3570842</v>
      </c>
      <c r="CS37" s="114">
        <v>2115950</v>
      </c>
      <c r="CT37" s="114">
        <v>2020590</v>
      </c>
      <c r="CU37" s="114">
        <v>404493</v>
      </c>
      <c r="CV37" s="113">
        <v>11114823</v>
      </c>
      <c r="CW37" s="116">
        <v>11114823</v>
      </c>
      <c r="CX37" s="110">
        <v>0</v>
      </c>
      <c r="CY37" s="114">
        <v>0</v>
      </c>
      <c r="CZ37" s="113">
        <v>0</v>
      </c>
      <c r="DA37" s="110">
        <v>0</v>
      </c>
      <c r="DB37" s="114">
        <v>491856</v>
      </c>
      <c r="DC37" s="114">
        <v>916200</v>
      </c>
      <c r="DD37" s="114">
        <v>444151</v>
      </c>
      <c r="DE37" s="114">
        <v>494754</v>
      </c>
      <c r="DF37" s="114">
        <v>316122</v>
      </c>
      <c r="DG37" s="113">
        <v>2663083</v>
      </c>
      <c r="DH37" s="116">
        <v>2663083</v>
      </c>
      <c r="DI37" s="110">
        <v>18552</v>
      </c>
      <c r="DJ37" s="114">
        <v>0</v>
      </c>
      <c r="DK37" s="112">
        <v>18552</v>
      </c>
      <c r="DL37" s="111">
        <v>0</v>
      </c>
      <c r="DM37" s="114">
        <v>203850</v>
      </c>
      <c r="DN37" s="114">
        <v>393716</v>
      </c>
      <c r="DO37" s="114">
        <v>2401323</v>
      </c>
      <c r="DP37" s="114">
        <v>779223</v>
      </c>
      <c r="DQ37" s="114">
        <v>307156</v>
      </c>
      <c r="DR37" s="113">
        <v>4085268</v>
      </c>
      <c r="DS37" s="116">
        <v>4103820</v>
      </c>
      <c r="DT37" s="110">
        <v>18552</v>
      </c>
      <c r="DU37" s="114">
        <v>0</v>
      </c>
      <c r="DV37" s="113">
        <v>18552</v>
      </c>
      <c r="DW37" s="110">
        <v>0</v>
      </c>
      <c r="DX37" s="114">
        <v>183411</v>
      </c>
      <c r="DY37" s="114">
        <v>393716</v>
      </c>
      <c r="DZ37" s="114">
        <v>1886821</v>
      </c>
      <c r="EA37" s="114">
        <v>424675</v>
      </c>
      <c r="EB37" s="114">
        <v>128416</v>
      </c>
      <c r="EC37" s="113">
        <v>3017039</v>
      </c>
      <c r="ED37" s="116">
        <v>3035591</v>
      </c>
      <c r="EE37" s="110">
        <v>0</v>
      </c>
      <c r="EF37" s="112">
        <v>0</v>
      </c>
      <c r="EG37" s="113">
        <v>0</v>
      </c>
      <c r="EH37" s="110">
        <v>0</v>
      </c>
      <c r="EI37" s="114">
        <v>20439</v>
      </c>
      <c r="EJ37" s="114">
        <v>0</v>
      </c>
      <c r="EK37" s="114">
        <v>514502</v>
      </c>
      <c r="EL37" s="114">
        <v>354548</v>
      </c>
      <c r="EM37" s="114">
        <v>178740</v>
      </c>
      <c r="EN37" s="112">
        <v>1068229</v>
      </c>
      <c r="EO37" s="116">
        <v>1068229</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8"/>
      <c r="FE37" s="114">
        <v>0</v>
      </c>
      <c r="FF37" s="114">
        <v>0</v>
      </c>
      <c r="FG37" s="114">
        <v>0</v>
      </c>
      <c r="FH37" s="114">
        <v>0</v>
      </c>
      <c r="FI37" s="114">
        <v>0</v>
      </c>
      <c r="FJ37" s="113">
        <v>0</v>
      </c>
      <c r="FK37" s="116">
        <v>0</v>
      </c>
      <c r="FL37" s="110">
        <v>164080</v>
      </c>
      <c r="FM37" s="114">
        <v>251715</v>
      </c>
      <c r="FN37" s="113">
        <v>415795</v>
      </c>
      <c r="FO37" s="110">
        <v>0</v>
      </c>
      <c r="FP37" s="114">
        <v>545415</v>
      </c>
      <c r="FQ37" s="114">
        <v>1126614</v>
      </c>
      <c r="FR37" s="114">
        <v>995330</v>
      </c>
      <c r="FS37" s="114">
        <v>685525</v>
      </c>
      <c r="FT37" s="114">
        <v>569880</v>
      </c>
      <c r="FU37" s="113">
        <v>3922764</v>
      </c>
      <c r="FV37" s="116">
        <v>4338559</v>
      </c>
      <c r="FW37" s="115">
        <v>164080</v>
      </c>
      <c r="FX37" s="114">
        <v>251715</v>
      </c>
      <c r="FY37" s="112">
        <v>415795</v>
      </c>
      <c r="FZ37" s="111">
        <v>0</v>
      </c>
      <c r="GA37" s="114">
        <v>523635</v>
      </c>
      <c r="GB37" s="114">
        <v>924339</v>
      </c>
      <c r="GC37" s="114">
        <v>784596</v>
      </c>
      <c r="GD37" s="114">
        <v>685525</v>
      </c>
      <c r="GE37" s="114">
        <v>439200</v>
      </c>
      <c r="GF37" s="113">
        <v>3357295</v>
      </c>
      <c r="GG37" s="319">
        <v>3773090</v>
      </c>
      <c r="GH37" s="115">
        <v>0</v>
      </c>
      <c r="GI37" s="114">
        <v>0</v>
      </c>
      <c r="GJ37" s="112">
        <v>0</v>
      </c>
      <c r="GK37" s="111">
        <v>0</v>
      </c>
      <c r="GL37" s="114">
        <v>21780</v>
      </c>
      <c r="GM37" s="114">
        <v>0</v>
      </c>
      <c r="GN37" s="114">
        <v>30734</v>
      </c>
      <c r="GO37" s="114">
        <v>0</v>
      </c>
      <c r="GP37" s="114">
        <v>0</v>
      </c>
      <c r="GQ37" s="113">
        <v>52514</v>
      </c>
      <c r="GR37" s="116">
        <v>52514</v>
      </c>
      <c r="GS37" s="110">
        <v>0</v>
      </c>
      <c r="GT37" s="114">
        <v>0</v>
      </c>
      <c r="GU37" s="113">
        <v>0</v>
      </c>
      <c r="GV37" s="110">
        <v>0</v>
      </c>
      <c r="GW37" s="114">
        <v>0</v>
      </c>
      <c r="GX37" s="114">
        <v>202275</v>
      </c>
      <c r="GY37" s="114">
        <v>180000</v>
      </c>
      <c r="GZ37" s="114">
        <v>0</v>
      </c>
      <c r="HA37" s="114">
        <v>130680</v>
      </c>
      <c r="HB37" s="112">
        <v>512955</v>
      </c>
      <c r="HC37" s="116">
        <v>512955</v>
      </c>
      <c r="HD37" s="110">
        <v>176945</v>
      </c>
      <c r="HE37" s="114">
        <v>275108</v>
      </c>
      <c r="HF37" s="112">
        <v>452053</v>
      </c>
      <c r="HG37" s="111">
        <v>0</v>
      </c>
      <c r="HH37" s="114">
        <v>986158</v>
      </c>
      <c r="HI37" s="114">
        <v>686577</v>
      </c>
      <c r="HJ37" s="114">
        <v>1020771</v>
      </c>
      <c r="HK37" s="114">
        <v>1918323</v>
      </c>
      <c r="HL37" s="114">
        <v>944027</v>
      </c>
      <c r="HM37" s="113">
        <v>5555856</v>
      </c>
      <c r="HN37" s="109">
        <v>6007909</v>
      </c>
      <c r="HO37" s="115">
        <v>131400</v>
      </c>
      <c r="HP37" s="114">
        <v>187143</v>
      </c>
      <c r="HQ37" s="113">
        <v>318543</v>
      </c>
      <c r="HR37" s="110">
        <v>0</v>
      </c>
      <c r="HS37" s="114">
        <v>1863786</v>
      </c>
      <c r="HT37" s="114">
        <v>1443833</v>
      </c>
      <c r="HU37" s="114">
        <v>940484</v>
      </c>
      <c r="HV37" s="114">
        <v>663071</v>
      </c>
      <c r="HW37" s="114">
        <v>305588</v>
      </c>
      <c r="HX37" s="112">
        <v>5216762</v>
      </c>
      <c r="HY37" s="116">
        <v>5535305</v>
      </c>
      <c r="HZ37" s="131">
        <v>0</v>
      </c>
      <c r="IA37" s="132">
        <v>0</v>
      </c>
      <c r="IB37" s="133">
        <v>0</v>
      </c>
      <c r="IC37" s="146">
        <v>0</v>
      </c>
      <c r="ID37" s="132">
        <v>3613088</v>
      </c>
      <c r="IE37" s="147">
        <v>4154958</v>
      </c>
      <c r="IF37" s="133">
        <v>7201522</v>
      </c>
      <c r="IG37" s="132">
        <v>5849485</v>
      </c>
      <c r="IH37" s="133">
        <v>1894514</v>
      </c>
      <c r="II37" s="148">
        <v>22713567</v>
      </c>
      <c r="IJ37" s="139">
        <v>22713567</v>
      </c>
      <c r="IK37" s="232">
        <v>0</v>
      </c>
      <c r="IL37" s="236">
        <v>0</v>
      </c>
      <c r="IM37" s="237">
        <v>0</v>
      </c>
      <c r="IN37" s="140"/>
      <c r="IO37" s="119">
        <v>131463</v>
      </c>
      <c r="IP37" s="119">
        <v>263448</v>
      </c>
      <c r="IQ37" s="119">
        <v>0</v>
      </c>
      <c r="IR37" s="119">
        <v>542178</v>
      </c>
      <c r="IS37" s="119">
        <v>0</v>
      </c>
      <c r="IT37" s="141">
        <v>937089</v>
      </c>
      <c r="IU37" s="321">
        <v>937089</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2355868</v>
      </c>
      <c r="JL37" s="119">
        <v>2059894</v>
      </c>
      <c r="JM37" s="119">
        <v>852425</v>
      </c>
      <c r="JN37" s="119">
        <v>403956</v>
      </c>
      <c r="JO37" s="119">
        <v>184035</v>
      </c>
      <c r="JP37" s="120">
        <v>5856178</v>
      </c>
      <c r="JQ37" s="321">
        <v>5856178</v>
      </c>
      <c r="JR37" s="142">
        <v>0</v>
      </c>
      <c r="JS37" s="119">
        <v>0</v>
      </c>
      <c r="JT37" s="141">
        <v>0</v>
      </c>
      <c r="JU37" s="118">
        <v>0</v>
      </c>
      <c r="JV37" s="119">
        <v>117926</v>
      </c>
      <c r="JW37" s="119">
        <v>0</v>
      </c>
      <c r="JX37" s="119">
        <v>314379</v>
      </c>
      <c r="JY37" s="119">
        <v>129472</v>
      </c>
      <c r="JZ37" s="119">
        <v>161167</v>
      </c>
      <c r="KA37" s="120">
        <v>722944</v>
      </c>
      <c r="KB37" s="321">
        <v>722944</v>
      </c>
      <c r="KC37" s="234">
        <v>0</v>
      </c>
      <c r="KD37" s="230">
        <v>0</v>
      </c>
      <c r="KE37" s="120">
        <v>0</v>
      </c>
      <c r="KF37" s="118">
        <v>0</v>
      </c>
      <c r="KG37" s="119">
        <v>146808</v>
      </c>
      <c r="KH37" s="119">
        <v>0</v>
      </c>
      <c r="KI37" s="119">
        <v>0</v>
      </c>
      <c r="KJ37" s="119">
        <v>281214</v>
      </c>
      <c r="KK37" s="119">
        <v>0</v>
      </c>
      <c r="KL37" s="120">
        <v>428022</v>
      </c>
      <c r="KM37" s="143">
        <v>428022</v>
      </c>
      <c r="KN37" s="232">
        <v>0</v>
      </c>
      <c r="KO37" s="236">
        <v>0</v>
      </c>
      <c r="KP37" s="237">
        <v>0</v>
      </c>
      <c r="KQ37" s="140"/>
      <c r="KR37" s="119">
        <v>685433</v>
      </c>
      <c r="KS37" s="119">
        <v>1679023</v>
      </c>
      <c r="KT37" s="119">
        <v>3043486</v>
      </c>
      <c r="KU37" s="119">
        <v>2120643</v>
      </c>
      <c r="KV37" s="119">
        <v>1290706</v>
      </c>
      <c r="KW37" s="120">
        <v>8819291</v>
      </c>
      <c r="KX37" s="321">
        <v>8819291</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75590</v>
      </c>
      <c r="LO37" s="119">
        <v>152593</v>
      </c>
      <c r="LP37" s="119">
        <v>2991232</v>
      </c>
      <c r="LQ37" s="119">
        <v>2372022</v>
      </c>
      <c r="LR37" s="119">
        <v>258606</v>
      </c>
      <c r="LS37" s="120">
        <v>5950043</v>
      </c>
      <c r="LT37" s="321">
        <v>5950043</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694900</v>
      </c>
      <c r="MK37" s="119">
        <v>3598989</v>
      </c>
      <c r="ML37" s="119">
        <v>5403917</v>
      </c>
      <c r="MM37" s="119">
        <v>9242949</v>
      </c>
      <c r="MN37" s="119">
        <v>4704321</v>
      </c>
      <c r="MO37" s="120">
        <v>23645076</v>
      </c>
      <c r="MP37" s="143">
        <v>23645076</v>
      </c>
      <c r="MQ37" s="142">
        <v>0</v>
      </c>
      <c r="MR37" s="119">
        <v>0</v>
      </c>
      <c r="MS37" s="120">
        <v>0</v>
      </c>
      <c r="MT37" s="145"/>
      <c r="MU37" s="119">
        <v>219078</v>
      </c>
      <c r="MV37" s="119">
        <v>215363</v>
      </c>
      <c r="MW37" s="119">
        <v>2507299</v>
      </c>
      <c r="MX37" s="119">
        <v>5245496</v>
      </c>
      <c r="MY37" s="119">
        <v>2714741</v>
      </c>
      <c r="MZ37" s="120">
        <v>10901977</v>
      </c>
      <c r="NA37" s="143">
        <v>10901977</v>
      </c>
      <c r="NB37" s="142">
        <v>0</v>
      </c>
      <c r="NC37" s="119">
        <v>0</v>
      </c>
      <c r="ND37" s="120">
        <v>0</v>
      </c>
      <c r="NE37" s="145"/>
      <c r="NF37" s="119">
        <v>475822</v>
      </c>
      <c r="NG37" s="119">
        <v>3383626</v>
      </c>
      <c r="NH37" s="119">
        <v>2896618</v>
      </c>
      <c r="NI37" s="119">
        <v>3997453</v>
      </c>
      <c r="NJ37" s="119">
        <v>1989580</v>
      </c>
      <c r="NK37" s="120">
        <v>12743099</v>
      </c>
      <c r="NL37" s="321">
        <v>12743099</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676170</v>
      </c>
      <c r="OJ37" s="119">
        <v>924082</v>
      </c>
      <c r="OK37" s="141">
        <v>1600252</v>
      </c>
      <c r="OL37" s="118">
        <v>0</v>
      </c>
      <c r="OM37" s="119">
        <v>14307531</v>
      </c>
      <c r="ON37" s="119">
        <v>17706570</v>
      </c>
      <c r="OO37" s="119">
        <v>22990436</v>
      </c>
      <c r="OP37" s="119">
        <v>25085175</v>
      </c>
      <c r="OQ37" s="119">
        <v>12428824</v>
      </c>
      <c r="OR37" s="120">
        <v>92518536</v>
      </c>
      <c r="OS37" s="143">
        <v>94118788</v>
      </c>
    </row>
    <row r="38" spans="2:409" ht="19.8" customHeight="1" x14ac:dyDescent="0.2">
      <c r="B38" s="62" t="s">
        <v>33</v>
      </c>
      <c r="C38" s="110">
        <v>1327805</v>
      </c>
      <c r="D38" s="114">
        <v>2916235</v>
      </c>
      <c r="E38" s="113">
        <v>4244040</v>
      </c>
      <c r="F38" s="109">
        <v>0</v>
      </c>
      <c r="G38" s="114">
        <v>8340628</v>
      </c>
      <c r="H38" s="114">
        <v>8596553</v>
      </c>
      <c r="I38" s="114">
        <v>5589279</v>
      </c>
      <c r="J38" s="114">
        <v>7003285</v>
      </c>
      <c r="K38" s="114">
        <v>4360775</v>
      </c>
      <c r="L38" s="173">
        <v>33890520</v>
      </c>
      <c r="M38" s="116">
        <v>38134560</v>
      </c>
      <c r="N38" s="110">
        <v>542209</v>
      </c>
      <c r="O38" s="114">
        <v>1234609</v>
      </c>
      <c r="P38" s="113">
        <v>1776818</v>
      </c>
      <c r="Q38" s="110">
        <v>0</v>
      </c>
      <c r="R38" s="114">
        <v>2693140</v>
      </c>
      <c r="S38" s="114">
        <v>2448292</v>
      </c>
      <c r="T38" s="114">
        <v>1600081</v>
      </c>
      <c r="U38" s="114">
        <v>2507161</v>
      </c>
      <c r="V38" s="114">
        <v>2485151</v>
      </c>
      <c r="W38" s="113">
        <v>11733825</v>
      </c>
      <c r="X38" s="116">
        <v>13510643</v>
      </c>
      <c r="Y38" s="110">
        <v>0</v>
      </c>
      <c r="Z38" s="114">
        <v>0</v>
      </c>
      <c r="AA38" s="113">
        <v>0</v>
      </c>
      <c r="AB38" s="110">
        <v>0</v>
      </c>
      <c r="AC38" s="114">
        <v>735309</v>
      </c>
      <c r="AD38" s="114">
        <v>1062443</v>
      </c>
      <c r="AE38" s="114">
        <v>915493</v>
      </c>
      <c r="AF38" s="114">
        <v>1190065</v>
      </c>
      <c r="AG38" s="114">
        <v>1631408</v>
      </c>
      <c r="AH38" s="113">
        <v>5534718</v>
      </c>
      <c r="AI38" s="116">
        <v>5534718</v>
      </c>
      <c r="AJ38" s="110">
        <v>0</v>
      </c>
      <c r="AK38" s="114">
        <v>0</v>
      </c>
      <c r="AL38" s="113">
        <v>0</v>
      </c>
      <c r="AM38" s="110">
        <v>0</v>
      </c>
      <c r="AN38" s="114">
        <v>0</v>
      </c>
      <c r="AO38" s="114">
        <v>12422</v>
      </c>
      <c r="AP38" s="114">
        <v>113976</v>
      </c>
      <c r="AQ38" s="114">
        <v>223325</v>
      </c>
      <c r="AR38" s="114">
        <v>293524</v>
      </c>
      <c r="AS38" s="113">
        <v>643247</v>
      </c>
      <c r="AT38" s="116">
        <v>643247</v>
      </c>
      <c r="AU38" s="110">
        <v>54177</v>
      </c>
      <c r="AV38" s="114">
        <v>42926</v>
      </c>
      <c r="AW38" s="113">
        <v>97103</v>
      </c>
      <c r="AX38" s="110">
        <v>0</v>
      </c>
      <c r="AY38" s="114">
        <v>503259</v>
      </c>
      <c r="AZ38" s="114">
        <v>425103</v>
      </c>
      <c r="BA38" s="114">
        <v>205353</v>
      </c>
      <c r="BB38" s="114">
        <v>506337</v>
      </c>
      <c r="BC38" s="114">
        <v>288793</v>
      </c>
      <c r="BD38" s="113">
        <v>1928845</v>
      </c>
      <c r="BE38" s="116">
        <v>2025948</v>
      </c>
      <c r="BF38" s="110">
        <v>365890</v>
      </c>
      <c r="BG38" s="114">
        <v>1067312</v>
      </c>
      <c r="BH38" s="112">
        <v>1433202</v>
      </c>
      <c r="BI38" s="111">
        <v>0</v>
      </c>
      <c r="BJ38" s="114">
        <v>1126769</v>
      </c>
      <c r="BK38" s="114">
        <v>568428</v>
      </c>
      <c r="BL38" s="114">
        <v>169025</v>
      </c>
      <c r="BM38" s="114">
        <v>388163</v>
      </c>
      <c r="BN38" s="114">
        <v>146108</v>
      </c>
      <c r="BO38" s="113">
        <v>2398493</v>
      </c>
      <c r="BP38" s="116">
        <v>3831695</v>
      </c>
      <c r="BQ38" s="110">
        <v>122142</v>
      </c>
      <c r="BR38" s="114">
        <v>124371</v>
      </c>
      <c r="BS38" s="113">
        <v>246513</v>
      </c>
      <c r="BT38" s="110">
        <v>0</v>
      </c>
      <c r="BU38" s="114">
        <v>327803</v>
      </c>
      <c r="BV38" s="114">
        <v>379896</v>
      </c>
      <c r="BW38" s="114">
        <v>196234</v>
      </c>
      <c r="BX38" s="114">
        <v>199271</v>
      </c>
      <c r="BY38" s="114">
        <v>125318</v>
      </c>
      <c r="BZ38" s="113">
        <v>1228522</v>
      </c>
      <c r="CA38" s="116">
        <v>1475035</v>
      </c>
      <c r="CB38" s="110">
        <v>160191</v>
      </c>
      <c r="CC38" s="114">
        <v>580256</v>
      </c>
      <c r="CD38" s="113">
        <v>740447</v>
      </c>
      <c r="CE38" s="110">
        <v>0</v>
      </c>
      <c r="CF38" s="114">
        <v>1696338</v>
      </c>
      <c r="CG38" s="114">
        <v>1511903</v>
      </c>
      <c r="CH38" s="114">
        <v>704462</v>
      </c>
      <c r="CI38" s="114">
        <v>1004192</v>
      </c>
      <c r="CJ38" s="114">
        <v>263008</v>
      </c>
      <c r="CK38" s="113">
        <v>5179903</v>
      </c>
      <c r="CL38" s="116">
        <v>5920350</v>
      </c>
      <c r="CM38" s="110">
        <v>0</v>
      </c>
      <c r="CN38" s="114">
        <v>0</v>
      </c>
      <c r="CO38" s="113">
        <v>0</v>
      </c>
      <c r="CP38" s="111">
        <v>0</v>
      </c>
      <c r="CQ38" s="114">
        <v>731911</v>
      </c>
      <c r="CR38" s="114">
        <v>508479</v>
      </c>
      <c r="CS38" s="114">
        <v>342411</v>
      </c>
      <c r="CT38" s="114">
        <v>771865</v>
      </c>
      <c r="CU38" s="114">
        <v>155287</v>
      </c>
      <c r="CV38" s="113">
        <v>2509953</v>
      </c>
      <c r="CW38" s="116">
        <v>2509953</v>
      </c>
      <c r="CX38" s="110">
        <v>160191</v>
      </c>
      <c r="CY38" s="114">
        <v>580256</v>
      </c>
      <c r="CZ38" s="113">
        <v>740447</v>
      </c>
      <c r="DA38" s="110">
        <v>0</v>
      </c>
      <c r="DB38" s="114">
        <v>964427</v>
      </c>
      <c r="DC38" s="114">
        <v>1003424</v>
      </c>
      <c r="DD38" s="114">
        <v>362051</v>
      </c>
      <c r="DE38" s="114">
        <v>232327</v>
      </c>
      <c r="DF38" s="114">
        <v>107721</v>
      </c>
      <c r="DG38" s="113">
        <v>2669950</v>
      </c>
      <c r="DH38" s="116">
        <v>3410397</v>
      </c>
      <c r="DI38" s="110">
        <v>0</v>
      </c>
      <c r="DJ38" s="114">
        <v>0</v>
      </c>
      <c r="DK38" s="112">
        <v>0</v>
      </c>
      <c r="DL38" s="111">
        <v>0</v>
      </c>
      <c r="DM38" s="114">
        <v>74076</v>
      </c>
      <c r="DN38" s="114">
        <v>376988</v>
      </c>
      <c r="DO38" s="114">
        <v>1456220</v>
      </c>
      <c r="DP38" s="114">
        <v>688552</v>
      </c>
      <c r="DQ38" s="114">
        <v>0</v>
      </c>
      <c r="DR38" s="113">
        <v>2595836</v>
      </c>
      <c r="DS38" s="116">
        <v>2595836</v>
      </c>
      <c r="DT38" s="110">
        <v>0</v>
      </c>
      <c r="DU38" s="114">
        <v>0</v>
      </c>
      <c r="DV38" s="113">
        <v>0</v>
      </c>
      <c r="DW38" s="110">
        <v>0</v>
      </c>
      <c r="DX38" s="114">
        <v>40904</v>
      </c>
      <c r="DY38" s="114">
        <v>300677</v>
      </c>
      <c r="DZ38" s="114">
        <v>839465</v>
      </c>
      <c r="EA38" s="114">
        <v>688552</v>
      </c>
      <c r="EB38" s="114">
        <v>0</v>
      </c>
      <c r="EC38" s="113">
        <v>1869598</v>
      </c>
      <c r="ED38" s="116">
        <v>1869598</v>
      </c>
      <c r="EE38" s="110">
        <v>0</v>
      </c>
      <c r="EF38" s="112">
        <v>0</v>
      </c>
      <c r="EG38" s="113">
        <v>0</v>
      </c>
      <c r="EH38" s="110">
        <v>0</v>
      </c>
      <c r="EI38" s="114">
        <v>33172</v>
      </c>
      <c r="EJ38" s="114">
        <v>76311</v>
      </c>
      <c r="EK38" s="114">
        <v>616755</v>
      </c>
      <c r="EL38" s="114">
        <v>0</v>
      </c>
      <c r="EM38" s="114">
        <v>0</v>
      </c>
      <c r="EN38" s="112">
        <v>726238</v>
      </c>
      <c r="EO38" s="116">
        <v>726238</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8"/>
      <c r="FE38" s="114">
        <v>0</v>
      </c>
      <c r="FF38" s="114">
        <v>0</v>
      </c>
      <c r="FG38" s="114">
        <v>0</v>
      </c>
      <c r="FH38" s="114">
        <v>0</v>
      </c>
      <c r="FI38" s="114">
        <v>0</v>
      </c>
      <c r="FJ38" s="113">
        <v>0</v>
      </c>
      <c r="FK38" s="116">
        <v>0</v>
      </c>
      <c r="FL38" s="110">
        <v>169674</v>
      </c>
      <c r="FM38" s="114">
        <v>257872</v>
      </c>
      <c r="FN38" s="113">
        <v>427546</v>
      </c>
      <c r="FO38" s="110">
        <v>0</v>
      </c>
      <c r="FP38" s="114">
        <v>483389</v>
      </c>
      <c r="FQ38" s="114">
        <v>551906</v>
      </c>
      <c r="FR38" s="114">
        <v>266287</v>
      </c>
      <c r="FS38" s="114">
        <v>365076</v>
      </c>
      <c r="FT38" s="114">
        <v>470593</v>
      </c>
      <c r="FU38" s="113">
        <v>2137251</v>
      </c>
      <c r="FV38" s="116">
        <v>2564797</v>
      </c>
      <c r="FW38" s="115">
        <v>169674</v>
      </c>
      <c r="FX38" s="114">
        <v>257872</v>
      </c>
      <c r="FY38" s="112">
        <v>427546</v>
      </c>
      <c r="FZ38" s="111">
        <v>0</v>
      </c>
      <c r="GA38" s="114">
        <v>450539</v>
      </c>
      <c r="GB38" s="114">
        <v>551906</v>
      </c>
      <c r="GC38" s="114">
        <v>266287</v>
      </c>
      <c r="GD38" s="114">
        <v>365076</v>
      </c>
      <c r="GE38" s="114">
        <v>396343</v>
      </c>
      <c r="GF38" s="113">
        <v>2030151</v>
      </c>
      <c r="GG38" s="319">
        <v>2457697</v>
      </c>
      <c r="GH38" s="115">
        <v>0</v>
      </c>
      <c r="GI38" s="114">
        <v>0</v>
      </c>
      <c r="GJ38" s="112">
        <v>0</v>
      </c>
      <c r="GK38" s="111">
        <v>0</v>
      </c>
      <c r="GL38" s="114">
        <v>32850</v>
      </c>
      <c r="GM38" s="114">
        <v>0</v>
      </c>
      <c r="GN38" s="114">
        <v>0</v>
      </c>
      <c r="GO38" s="114">
        <v>0</v>
      </c>
      <c r="GP38" s="114">
        <v>0</v>
      </c>
      <c r="GQ38" s="113">
        <v>32850</v>
      </c>
      <c r="GR38" s="116">
        <v>32850</v>
      </c>
      <c r="GS38" s="110">
        <v>0</v>
      </c>
      <c r="GT38" s="114">
        <v>0</v>
      </c>
      <c r="GU38" s="113">
        <v>0</v>
      </c>
      <c r="GV38" s="110">
        <v>0</v>
      </c>
      <c r="GW38" s="114">
        <v>0</v>
      </c>
      <c r="GX38" s="114">
        <v>0</v>
      </c>
      <c r="GY38" s="114">
        <v>0</v>
      </c>
      <c r="GZ38" s="114">
        <v>0</v>
      </c>
      <c r="HA38" s="114">
        <v>74250</v>
      </c>
      <c r="HB38" s="112">
        <v>74250</v>
      </c>
      <c r="HC38" s="116">
        <v>74250</v>
      </c>
      <c r="HD38" s="110">
        <v>273828</v>
      </c>
      <c r="HE38" s="114">
        <v>602949</v>
      </c>
      <c r="HF38" s="112">
        <v>876777</v>
      </c>
      <c r="HG38" s="111">
        <v>0</v>
      </c>
      <c r="HH38" s="114">
        <v>2022606</v>
      </c>
      <c r="HI38" s="114">
        <v>2911948</v>
      </c>
      <c r="HJ38" s="114">
        <v>1120472</v>
      </c>
      <c r="HK38" s="114">
        <v>1926334</v>
      </c>
      <c r="HL38" s="114">
        <v>898088</v>
      </c>
      <c r="HM38" s="113">
        <v>8879448</v>
      </c>
      <c r="HN38" s="109">
        <v>9756225</v>
      </c>
      <c r="HO38" s="115">
        <v>181903</v>
      </c>
      <c r="HP38" s="114">
        <v>240549</v>
      </c>
      <c r="HQ38" s="113">
        <v>422452</v>
      </c>
      <c r="HR38" s="110">
        <v>0</v>
      </c>
      <c r="HS38" s="114">
        <v>1371079</v>
      </c>
      <c r="HT38" s="114">
        <v>795516</v>
      </c>
      <c r="HU38" s="114">
        <v>441757</v>
      </c>
      <c r="HV38" s="114">
        <v>511970</v>
      </c>
      <c r="HW38" s="114">
        <v>243935</v>
      </c>
      <c r="HX38" s="112">
        <v>3364257</v>
      </c>
      <c r="HY38" s="116">
        <v>3786709</v>
      </c>
      <c r="HZ38" s="150">
        <v>0</v>
      </c>
      <c r="IA38" s="135">
        <v>465078</v>
      </c>
      <c r="IB38" s="150">
        <v>465078</v>
      </c>
      <c r="IC38" s="146">
        <v>0</v>
      </c>
      <c r="ID38" s="132">
        <v>2685745</v>
      </c>
      <c r="IE38" s="147">
        <v>2384530</v>
      </c>
      <c r="IF38" s="133">
        <v>4190025</v>
      </c>
      <c r="IG38" s="132">
        <v>1169332</v>
      </c>
      <c r="IH38" s="133">
        <v>1752892</v>
      </c>
      <c r="II38" s="148">
        <v>12182524</v>
      </c>
      <c r="IJ38" s="150">
        <v>12647602</v>
      </c>
      <c r="IK38" s="232">
        <v>0</v>
      </c>
      <c r="IL38" s="236">
        <v>0</v>
      </c>
      <c r="IM38" s="237">
        <v>0</v>
      </c>
      <c r="IN38" s="140"/>
      <c r="IO38" s="119">
        <v>0</v>
      </c>
      <c r="IP38" s="119">
        <v>0</v>
      </c>
      <c r="IQ38" s="119">
        <v>0</v>
      </c>
      <c r="IR38" s="119">
        <v>0</v>
      </c>
      <c r="IS38" s="119">
        <v>0</v>
      </c>
      <c r="IT38" s="141">
        <v>0</v>
      </c>
      <c r="IU38" s="321">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334276</v>
      </c>
      <c r="JL38" s="119">
        <v>453247</v>
      </c>
      <c r="JM38" s="119">
        <v>484783</v>
      </c>
      <c r="JN38" s="119">
        <v>586004</v>
      </c>
      <c r="JO38" s="119">
        <v>220884</v>
      </c>
      <c r="JP38" s="120">
        <v>3079194</v>
      </c>
      <c r="JQ38" s="321">
        <v>3079194</v>
      </c>
      <c r="JR38" s="142">
        <v>0</v>
      </c>
      <c r="JS38" s="119">
        <v>0</v>
      </c>
      <c r="JT38" s="141">
        <v>0</v>
      </c>
      <c r="JU38" s="118">
        <v>0</v>
      </c>
      <c r="JV38" s="119">
        <v>65232</v>
      </c>
      <c r="JW38" s="119">
        <v>0</v>
      </c>
      <c r="JX38" s="119">
        <v>0</v>
      </c>
      <c r="JY38" s="119">
        <v>0</v>
      </c>
      <c r="JZ38" s="119">
        <v>0</v>
      </c>
      <c r="KA38" s="120">
        <v>65232</v>
      </c>
      <c r="KB38" s="321">
        <v>65232</v>
      </c>
      <c r="KC38" s="234">
        <v>0</v>
      </c>
      <c r="KD38" s="230">
        <v>0</v>
      </c>
      <c r="KE38" s="120">
        <v>0</v>
      </c>
      <c r="KF38" s="118">
        <v>0</v>
      </c>
      <c r="KG38" s="119">
        <v>0</v>
      </c>
      <c r="KH38" s="119">
        <v>0</v>
      </c>
      <c r="KI38" s="119">
        <v>0</v>
      </c>
      <c r="KJ38" s="119">
        <v>0</v>
      </c>
      <c r="KK38" s="119">
        <v>0</v>
      </c>
      <c r="KL38" s="120">
        <v>0</v>
      </c>
      <c r="KM38" s="143">
        <v>0</v>
      </c>
      <c r="KN38" s="232">
        <v>0</v>
      </c>
      <c r="KO38" s="236">
        <v>465078</v>
      </c>
      <c r="KP38" s="237">
        <v>465078</v>
      </c>
      <c r="KQ38" s="140"/>
      <c r="KR38" s="119">
        <v>491762</v>
      </c>
      <c r="KS38" s="119">
        <v>770277</v>
      </c>
      <c r="KT38" s="119">
        <v>2342247</v>
      </c>
      <c r="KU38" s="119">
        <v>269171</v>
      </c>
      <c r="KV38" s="119">
        <v>274455</v>
      </c>
      <c r="KW38" s="120">
        <v>4147912</v>
      </c>
      <c r="KX38" s="321">
        <v>461299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1">
        <v>0</v>
      </c>
      <c r="LU38" s="142">
        <v>0</v>
      </c>
      <c r="LV38" s="119">
        <v>0</v>
      </c>
      <c r="LW38" s="120">
        <v>0</v>
      </c>
      <c r="LX38" s="145"/>
      <c r="LY38" s="119">
        <v>794475</v>
      </c>
      <c r="LZ38" s="119">
        <v>1161006</v>
      </c>
      <c r="MA38" s="119">
        <v>1362995</v>
      </c>
      <c r="MB38" s="119">
        <v>314157</v>
      </c>
      <c r="MC38" s="119">
        <v>1257553</v>
      </c>
      <c r="MD38" s="120">
        <v>4890186</v>
      </c>
      <c r="ME38" s="121">
        <v>4890186</v>
      </c>
      <c r="MF38" s="142">
        <v>0</v>
      </c>
      <c r="MG38" s="119">
        <v>0</v>
      </c>
      <c r="MH38" s="120">
        <v>0</v>
      </c>
      <c r="MI38" s="145"/>
      <c r="MJ38" s="119">
        <v>3057180</v>
      </c>
      <c r="MK38" s="119">
        <v>4953335</v>
      </c>
      <c r="ML38" s="119">
        <v>10606754</v>
      </c>
      <c r="MM38" s="119">
        <v>15645322</v>
      </c>
      <c r="MN38" s="119">
        <v>10782056</v>
      </c>
      <c r="MO38" s="120">
        <v>45044647</v>
      </c>
      <c r="MP38" s="143">
        <v>45044647</v>
      </c>
      <c r="MQ38" s="142">
        <v>0</v>
      </c>
      <c r="MR38" s="119">
        <v>0</v>
      </c>
      <c r="MS38" s="120">
        <v>0</v>
      </c>
      <c r="MT38" s="145"/>
      <c r="MU38" s="119">
        <v>0</v>
      </c>
      <c r="MV38" s="119">
        <v>1289788</v>
      </c>
      <c r="MW38" s="119">
        <v>5768203</v>
      </c>
      <c r="MX38" s="119">
        <v>8649975</v>
      </c>
      <c r="MY38" s="119">
        <v>6246193</v>
      </c>
      <c r="MZ38" s="120">
        <v>21954159</v>
      </c>
      <c r="NA38" s="143">
        <v>21954159</v>
      </c>
      <c r="NB38" s="142">
        <v>0</v>
      </c>
      <c r="NC38" s="119">
        <v>0</v>
      </c>
      <c r="ND38" s="120">
        <v>0</v>
      </c>
      <c r="NE38" s="145"/>
      <c r="NF38" s="119">
        <v>2305654</v>
      </c>
      <c r="NG38" s="119">
        <v>1695915</v>
      </c>
      <c r="NH38" s="119">
        <v>3220959</v>
      </c>
      <c r="NI38" s="119">
        <v>4959226</v>
      </c>
      <c r="NJ38" s="119">
        <v>1423734</v>
      </c>
      <c r="NK38" s="120">
        <v>13605488</v>
      </c>
      <c r="NL38" s="321">
        <v>13605488</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751526</v>
      </c>
      <c r="OC38" s="119">
        <v>1967632</v>
      </c>
      <c r="OD38" s="119">
        <v>1617592</v>
      </c>
      <c r="OE38" s="119">
        <v>2036121</v>
      </c>
      <c r="OF38" s="119">
        <v>3112129</v>
      </c>
      <c r="OG38" s="120">
        <v>9485000</v>
      </c>
      <c r="OH38" s="121">
        <v>9485000</v>
      </c>
      <c r="OI38" s="142">
        <v>1327805</v>
      </c>
      <c r="OJ38" s="119">
        <v>3381313</v>
      </c>
      <c r="OK38" s="141">
        <v>4709118</v>
      </c>
      <c r="OL38" s="118">
        <v>0</v>
      </c>
      <c r="OM38" s="119">
        <v>14083553</v>
      </c>
      <c r="ON38" s="119">
        <v>15934418</v>
      </c>
      <c r="OO38" s="119">
        <v>20386058</v>
      </c>
      <c r="OP38" s="119">
        <v>23817939</v>
      </c>
      <c r="OQ38" s="119">
        <v>16895723</v>
      </c>
      <c r="OR38" s="120">
        <v>91117691</v>
      </c>
      <c r="OS38" s="143">
        <v>95826809</v>
      </c>
    </row>
    <row r="39" spans="2:409" ht="19.8" customHeight="1" x14ac:dyDescent="0.2">
      <c r="B39" s="62" t="s">
        <v>34</v>
      </c>
      <c r="C39" s="110">
        <v>440238</v>
      </c>
      <c r="D39" s="114">
        <v>877486</v>
      </c>
      <c r="E39" s="174">
        <v>1317724</v>
      </c>
      <c r="F39" s="175">
        <v>0</v>
      </c>
      <c r="G39" s="176">
        <v>6990310</v>
      </c>
      <c r="H39" s="176">
        <v>5538786</v>
      </c>
      <c r="I39" s="176">
        <v>5360825</v>
      </c>
      <c r="J39" s="176">
        <v>4413676</v>
      </c>
      <c r="K39" s="176">
        <v>2217784</v>
      </c>
      <c r="L39" s="177">
        <v>24521381</v>
      </c>
      <c r="M39" s="116">
        <v>25839105</v>
      </c>
      <c r="N39" s="110">
        <v>60876</v>
      </c>
      <c r="O39" s="114">
        <v>216152</v>
      </c>
      <c r="P39" s="113">
        <v>277028</v>
      </c>
      <c r="Q39" s="110">
        <v>0</v>
      </c>
      <c r="R39" s="114">
        <v>1417251</v>
      </c>
      <c r="S39" s="114">
        <v>1144384</v>
      </c>
      <c r="T39" s="114">
        <v>1429164</v>
      </c>
      <c r="U39" s="114">
        <v>662194</v>
      </c>
      <c r="V39" s="114">
        <v>1338363</v>
      </c>
      <c r="W39" s="113">
        <v>5991356</v>
      </c>
      <c r="X39" s="116">
        <v>6268384</v>
      </c>
      <c r="Y39" s="110">
        <v>0</v>
      </c>
      <c r="Z39" s="114">
        <v>0</v>
      </c>
      <c r="AA39" s="113">
        <v>0</v>
      </c>
      <c r="AB39" s="110">
        <v>0</v>
      </c>
      <c r="AC39" s="114">
        <v>583861</v>
      </c>
      <c r="AD39" s="114">
        <v>339179</v>
      </c>
      <c r="AE39" s="114">
        <v>887907</v>
      </c>
      <c r="AF39" s="114">
        <v>339361</v>
      </c>
      <c r="AG39" s="114">
        <v>482999</v>
      </c>
      <c r="AH39" s="113">
        <v>2633307</v>
      </c>
      <c r="AI39" s="116">
        <v>2633307</v>
      </c>
      <c r="AJ39" s="110">
        <v>0</v>
      </c>
      <c r="AK39" s="114">
        <v>0</v>
      </c>
      <c r="AL39" s="113">
        <v>0</v>
      </c>
      <c r="AM39" s="110">
        <v>0</v>
      </c>
      <c r="AN39" s="114">
        <v>0</v>
      </c>
      <c r="AO39" s="114">
        <v>50661</v>
      </c>
      <c r="AP39" s="114">
        <v>0</v>
      </c>
      <c r="AQ39" s="114">
        <v>63315</v>
      </c>
      <c r="AR39" s="114">
        <v>470475</v>
      </c>
      <c r="AS39" s="113">
        <v>584451</v>
      </c>
      <c r="AT39" s="116">
        <v>584451</v>
      </c>
      <c r="AU39" s="110">
        <v>34614</v>
      </c>
      <c r="AV39" s="114">
        <v>157004</v>
      </c>
      <c r="AW39" s="113">
        <v>191618</v>
      </c>
      <c r="AX39" s="110">
        <v>0</v>
      </c>
      <c r="AY39" s="114">
        <v>265008</v>
      </c>
      <c r="AZ39" s="114">
        <v>256903</v>
      </c>
      <c r="BA39" s="114">
        <v>205884</v>
      </c>
      <c r="BB39" s="114">
        <v>11196</v>
      </c>
      <c r="BC39" s="114">
        <v>106578</v>
      </c>
      <c r="BD39" s="113">
        <v>845569</v>
      </c>
      <c r="BE39" s="116">
        <v>1037187</v>
      </c>
      <c r="BF39" s="110">
        <v>0</v>
      </c>
      <c r="BG39" s="114">
        <v>27900</v>
      </c>
      <c r="BH39" s="112">
        <v>27900</v>
      </c>
      <c r="BI39" s="111">
        <v>0</v>
      </c>
      <c r="BJ39" s="114">
        <v>213606</v>
      </c>
      <c r="BK39" s="114">
        <v>179146</v>
      </c>
      <c r="BL39" s="114">
        <v>129406</v>
      </c>
      <c r="BM39" s="114">
        <v>33480</v>
      </c>
      <c r="BN39" s="114">
        <v>50706</v>
      </c>
      <c r="BO39" s="113">
        <v>606344</v>
      </c>
      <c r="BP39" s="116">
        <v>634244</v>
      </c>
      <c r="BQ39" s="110">
        <v>26262</v>
      </c>
      <c r="BR39" s="114">
        <v>31248</v>
      </c>
      <c r="BS39" s="113">
        <v>57510</v>
      </c>
      <c r="BT39" s="110">
        <v>0</v>
      </c>
      <c r="BU39" s="114">
        <v>354776</v>
      </c>
      <c r="BV39" s="114">
        <v>318495</v>
      </c>
      <c r="BW39" s="114">
        <v>205967</v>
      </c>
      <c r="BX39" s="114">
        <v>214842</v>
      </c>
      <c r="BY39" s="114">
        <v>227605</v>
      </c>
      <c r="BZ39" s="113">
        <v>1321685</v>
      </c>
      <c r="CA39" s="116">
        <v>1379195</v>
      </c>
      <c r="CB39" s="110">
        <v>72594</v>
      </c>
      <c r="CC39" s="114">
        <v>217377</v>
      </c>
      <c r="CD39" s="113">
        <v>289971</v>
      </c>
      <c r="CE39" s="110">
        <v>0</v>
      </c>
      <c r="CF39" s="114">
        <v>2454680</v>
      </c>
      <c r="CG39" s="114">
        <v>1764981</v>
      </c>
      <c r="CH39" s="114">
        <v>2100638</v>
      </c>
      <c r="CI39" s="114">
        <v>1092997</v>
      </c>
      <c r="CJ39" s="114">
        <v>78714</v>
      </c>
      <c r="CK39" s="113">
        <v>7492010</v>
      </c>
      <c r="CL39" s="116">
        <v>7781981</v>
      </c>
      <c r="CM39" s="110">
        <v>0</v>
      </c>
      <c r="CN39" s="114">
        <v>0</v>
      </c>
      <c r="CO39" s="113">
        <v>0</v>
      </c>
      <c r="CP39" s="111">
        <v>0</v>
      </c>
      <c r="CQ39" s="114">
        <v>2014724</v>
      </c>
      <c r="CR39" s="114">
        <v>1376609</v>
      </c>
      <c r="CS39" s="114">
        <v>1883056</v>
      </c>
      <c r="CT39" s="114">
        <v>655957</v>
      </c>
      <c r="CU39" s="114">
        <v>78714</v>
      </c>
      <c r="CV39" s="113">
        <v>6009060</v>
      </c>
      <c r="CW39" s="116">
        <v>6009060</v>
      </c>
      <c r="CX39" s="110">
        <v>72594</v>
      </c>
      <c r="CY39" s="114">
        <v>217377</v>
      </c>
      <c r="CZ39" s="113">
        <v>289971</v>
      </c>
      <c r="DA39" s="110">
        <v>0</v>
      </c>
      <c r="DB39" s="114">
        <v>439956</v>
      </c>
      <c r="DC39" s="114">
        <v>388372</v>
      </c>
      <c r="DD39" s="114">
        <v>217582</v>
      </c>
      <c r="DE39" s="114">
        <v>437040</v>
      </c>
      <c r="DF39" s="114">
        <v>0</v>
      </c>
      <c r="DG39" s="113">
        <v>1482950</v>
      </c>
      <c r="DH39" s="116">
        <v>1772921</v>
      </c>
      <c r="DI39" s="110">
        <v>0</v>
      </c>
      <c r="DJ39" s="114">
        <v>0</v>
      </c>
      <c r="DK39" s="112">
        <v>0</v>
      </c>
      <c r="DL39" s="111">
        <v>0</v>
      </c>
      <c r="DM39" s="114">
        <v>227691</v>
      </c>
      <c r="DN39" s="114">
        <v>0</v>
      </c>
      <c r="DO39" s="114">
        <v>201969</v>
      </c>
      <c r="DP39" s="114">
        <v>666900</v>
      </c>
      <c r="DQ39" s="114">
        <v>0</v>
      </c>
      <c r="DR39" s="113">
        <v>1096560</v>
      </c>
      <c r="DS39" s="116">
        <v>1096560</v>
      </c>
      <c r="DT39" s="110">
        <v>0</v>
      </c>
      <c r="DU39" s="114">
        <v>0</v>
      </c>
      <c r="DV39" s="113">
        <v>0</v>
      </c>
      <c r="DW39" s="110">
        <v>0</v>
      </c>
      <c r="DX39" s="114">
        <v>194994</v>
      </c>
      <c r="DY39" s="114">
        <v>0</v>
      </c>
      <c r="DZ39" s="114">
        <v>201969</v>
      </c>
      <c r="EA39" s="114">
        <v>589077</v>
      </c>
      <c r="EB39" s="114">
        <v>0</v>
      </c>
      <c r="EC39" s="113">
        <v>986040</v>
      </c>
      <c r="ED39" s="116">
        <v>986040</v>
      </c>
      <c r="EE39" s="110">
        <v>0</v>
      </c>
      <c r="EF39" s="112">
        <v>0</v>
      </c>
      <c r="EG39" s="113">
        <v>0</v>
      </c>
      <c r="EH39" s="110">
        <v>0</v>
      </c>
      <c r="EI39" s="114">
        <v>32697</v>
      </c>
      <c r="EJ39" s="114">
        <v>0</v>
      </c>
      <c r="EK39" s="114">
        <v>0</v>
      </c>
      <c r="EL39" s="114">
        <v>77823</v>
      </c>
      <c r="EM39" s="114">
        <v>0</v>
      </c>
      <c r="EN39" s="112">
        <v>110520</v>
      </c>
      <c r="EO39" s="116">
        <v>11052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8"/>
      <c r="FE39" s="114">
        <v>0</v>
      </c>
      <c r="FF39" s="114">
        <v>0</v>
      </c>
      <c r="FG39" s="114">
        <v>0</v>
      </c>
      <c r="FH39" s="114">
        <v>0</v>
      </c>
      <c r="FI39" s="114">
        <v>0</v>
      </c>
      <c r="FJ39" s="113">
        <v>0</v>
      </c>
      <c r="FK39" s="116">
        <v>0</v>
      </c>
      <c r="FL39" s="110">
        <v>67410</v>
      </c>
      <c r="FM39" s="114">
        <v>232580</v>
      </c>
      <c r="FN39" s="113">
        <v>299990</v>
      </c>
      <c r="FO39" s="110">
        <v>0</v>
      </c>
      <c r="FP39" s="114">
        <v>425632</v>
      </c>
      <c r="FQ39" s="114">
        <v>592459</v>
      </c>
      <c r="FR39" s="114">
        <v>499128</v>
      </c>
      <c r="FS39" s="114">
        <v>390637</v>
      </c>
      <c r="FT39" s="114">
        <v>198819</v>
      </c>
      <c r="FU39" s="113">
        <v>2106675</v>
      </c>
      <c r="FV39" s="116">
        <v>2406665</v>
      </c>
      <c r="FW39" s="115">
        <v>67410</v>
      </c>
      <c r="FX39" s="114">
        <v>92580</v>
      </c>
      <c r="FY39" s="112">
        <v>159990</v>
      </c>
      <c r="FZ39" s="111">
        <v>0</v>
      </c>
      <c r="GA39" s="114">
        <v>425632</v>
      </c>
      <c r="GB39" s="114">
        <v>568858</v>
      </c>
      <c r="GC39" s="114">
        <v>499128</v>
      </c>
      <c r="GD39" s="114">
        <v>390637</v>
      </c>
      <c r="GE39" s="114">
        <v>198819</v>
      </c>
      <c r="GF39" s="113">
        <v>2083074</v>
      </c>
      <c r="GG39" s="319">
        <v>2243064</v>
      </c>
      <c r="GH39" s="115">
        <v>0</v>
      </c>
      <c r="GI39" s="114">
        <v>0</v>
      </c>
      <c r="GJ39" s="112">
        <v>0</v>
      </c>
      <c r="GK39" s="111">
        <v>0</v>
      </c>
      <c r="GL39" s="114">
        <v>0</v>
      </c>
      <c r="GM39" s="114">
        <v>23601</v>
      </c>
      <c r="GN39" s="114">
        <v>0</v>
      </c>
      <c r="GO39" s="114">
        <v>0</v>
      </c>
      <c r="GP39" s="114">
        <v>0</v>
      </c>
      <c r="GQ39" s="113">
        <v>23601</v>
      </c>
      <c r="GR39" s="116">
        <v>23601</v>
      </c>
      <c r="GS39" s="110">
        <v>0</v>
      </c>
      <c r="GT39" s="114">
        <v>140000</v>
      </c>
      <c r="GU39" s="113">
        <v>140000</v>
      </c>
      <c r="GV39" s="110">
        <v>0</v>
      </c>
      <c r="GW39" s="114">
        <v>0</v>
      </c>
      <c r="GX39" s="114">
        <v>0</v>
      </c>
      <c r="GY39" s="114">
        <v>0</v>
      </c>
      <c r="GZ39" s="114">
        <v>0</v>
      </c>
      <c r="HA39" s="114">
        <v>0</v>
      </c>
      <c r="HB39" s="112">
        <v>0</v>
      </c>
      <c r="HC39" s="116">
        <v>140000</v>
      </c>
      <c r="HD39" s="110">
        <v>170658</v>
      </c>
      <c r="HE39" s="114">
        <v>103257</v>
      </c>
      <c r="HF39" s="112">
        <v>273915</v>
      </c>
      <c r="HG39" s="111">
        <v>0</v>
      </c>
      <c r="HH39" s="114">
        <v>1326312</v>
      </c>
      <c r="HI39" s="114">
        <v>1443203</v>
      </c>
      <c r="HJ39" s="114">
        <v>547965</v>
      </c>
      <c r="HK39" s="114">
        <v>1321492</v>
      </c>
      <c r="HL39" s="114">
        <v>476201</v>
      </c>
      <c r="HM39" s="113">
        <v>5115173</v>
      </c>
      <c r="HN39" s="109">
        <v>5389088</v>
      </c>
      <c r="HO39" s="115">
        <v>68700</v>
      </c>
      <c r="HP39" s="114">
        <v>108120</v>
      </c>
      <c r="HQ39" s="113">
        <v>176820</v>
      </c>
      <c r="HR39" s="110">
        <v>0</v>
      </c>
      <c r="HS39" s="114">
        <v>1138744</v>
      </c>
      <c r="HT39" s="114">
        <v>593759</v>
      </c>
      <c r="HU39" s="114">
        <v>581961</v>
      </c>
      <c r="HV39" s="114">
        <v>279456</v>
      </c>
      <c r="HW39" s="114">
        <v>125687</v>
      </c>
      <c r="HX39" s="112">
        <v>2719607</v>
      </c>
      <c r="HY39" s="116">
        <v>2896427</v>
      </c>
      <c r="HZ39" s="131">
        <v>47997</v>
      </c>
      <c r="IA39" s="132">
        <v>159372</v>
      </c>
      <c r="IB39" s="133">
        <v>207369</v>
      </c>
      <c r="IC39" s="146">
        <v>0</v>
      </c>
      <c r="ID39" s="132">
        <v>3045437</v>
      </c>
      <c r="IE39" s="147">
        <v>4848734</v>
      </c>
      <c r="IF39" s="133">
        <v>3007352</v>
      </c>
      <c r="IG39" s="132">
        <v>2362990</v>
      </c>
      <c r="IH39" s="133">
        <v>998028</v>
      </c>
      <c r="II39" s="148">
        <v>14262541</v>
      </c>
      <c r="IJ39" s="139">
        <v>14469910</v>
      </c>
      <c r="IK39" s="232">
        <v>0</v>
      </c>
      <c r="IL39" s="236">
        <v>0</v>
      </c>
      <c r="IM39" s="237">
        <v>0</v>
      </c>
      <c r="IN39" s="140"/>
      <c r="IO39" s="119">
        <v>0</v>
      </c>
      <c r="IP39" s="119">
        <v>0</v>
      </c>
      <c r="IQ39" s="119">
        <v>0</v>
      </c>
      <c r="IR39" s="119">
        <v>0</v>
      </c>
      <c r="IS39" s="119">
        <v>0</v>
      </c>
      <c r="IT39" s="141">
        <v>0</v>
      </c>
      <c r="IU39" s="321">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122353</v>
      </c>
      <c r="JL39" s="119">
        <v>273186</v>
      </c>
      <c r="JM39" s="119">
        <v>424035</v>
      </c>
      <c r="JN39" s="119">
        <v>282492</v>
      </c>
      <c r="JO39" s="119">
        <v>0</v>
      </c>
      <c r="JP39" s="120">
        <v>2102066</v>
      </c>
      <c r="JQ39" s="321">
        <v>2102066</v>
      </c>
      <c r="JR39" s="142">
        <v>0</v>
      </c>
      <c r="JS39" s="119">
        <v>0</v>
      </c>
      <c r="JT39" s="141">
        <v>0</v>
      </c>
      <c r="JU39" s="118">
        <v>0</v>
      </c>
      <c r="JV39" s="119">
        <v>0</v>
      </c>
      <c r="JW39" s="119">
        <v>0</v>
      </c>
      <c r="JX39" s="119">
        <v>0</v>
      </c>
      <c r="JY39" s="119">
        <v>91588</v>
      </c>
      <c r="JZ39" s="119">
        <v>0</v>
      </c>
      <c r="KA39" s="120">
        <v>91588</v>
      </c>
      <c r="KB39" s="321">
        <v>91588</v>
      </c>
      <c r="KC39" s="234">
        <v>47997</v>
      </c>
      <c r="KD39" s="230">
        <v>159372</v>
      </c>
      <c r="KE39" s="120">
        <v>207369</v>
      </c>
      <c r="KF39" s="118">
        <v>0</v>
      </c>
      <c r="KG39" s="119">
        <v>830340</v>
      </c>
      <c r="KH39" s="119">
        <v>1248057</v>
      </c>
      <c r="KI39" s="119">
        <v>989874</v>
      </c>
      <c r="KJ39" s="119">
        <v>367776</v>
      </c>
      <c r="KK39" s="119">
        <v>0</v>
      </c>
      <c r="KL39" s="120">
        <v>3436047</v>
      </c>
      <c r="KM39" s="143">
        <v>3643416</v>
      </c>
      <c r="KN39" s="232">
        <v>0</v>
      </c>
      <c r="KO39" s="236">
        <v>0</v>
      </c>
      <c r="KP39" s="237">
        <v>0</v>
      </c>
      <c r="KQ39" s="140"/>
      <c r="KR39" s="119">
        <v>488052</v>
      </c>
      <c r="KS39" s="119">
        <v>764235</v>
      </c>
      <c r="KT39" s="119">
        <v>524178</v>
      </c>
      <c r="KU39" s="119">
        <v>533988</v>
      </c>
      <c r="KV39" s="119">
        <v>998028</v>
      </c>
      <c r="KW39" s="120">
        <v>3308481</v>
      </c>
      <c r="KX39" s="321">
        <v>3308481</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1">
        <v>0</v>
      </c>
      <c r="LU39" s="142">
        <v>0</v>
      </c>
      <c r="LV39" s="119">
        <v>0</v>
      </c>
      <c r="LW39" s="120">
        <v>0</v>
      </c>
      <c r="LX39" s="145"/>
      <c r="LY39" s="119">
        <v>604692</v>
      </c>
      <c r="LZ39" s="119">
        <v>2563256</v>
      </c>
      <c r="MA39" s="119">
        <v>1069265</v>
      </c>
      <c r="MB39" s="119">
        <v>1087146</v>
      </c>
      <c r="MC39" s="119">
        <v>0</v>
      </c>
      <c r="MD39" s="120">
        <v>5324359</v>
      </c>
      <c r="ME39" s="121">
        <v>5324359</v>
      </c>
      <c r="MF39" s="142">
        <v>0</v>
      </c>
      <c r="MG39" s="119">
        <v>0</v>
      </c>
      <c r="MH39" s="120">
        <v>0</v>
      </c>
      <c r="MI39" s="145"/>
      <c r="MJ39" s="119">
        <v>1055320</v>
      </c>
      <c r="MK39" s="119">
        <v>2451947</v>
      </c>
      <c r="ML39" s="119">
        <v>4947290</v>
      </c>
      <c r="MM39" s="119">
        <v>9818445</v>
      </c>
      <c r="MN39" s="119">
        <v>5219538</v>
      </c>
      <c r="MO39" s="120">
        <v>23492540</v>
      </c>
      <c r="MP39" s="143">
        <v>23492540</v>
      </c>
      <c r="MQ39" s="142">
        <v>0</v>
      </c>
      <c r="MR39" s="119">
        <v>0</v>
      </c>
      <c r="MS39" s="120">
        <v>0</v>
      </c>
      <c r="MT39" s="145"/>
      <c r="MU39" s="119">
        <v>0</v>
      </c>
      <c r="MV39" s="119">
        <v>0</v>
      </c>
      <c r="MW39" s="119">
        <v>1489391</v>
      </c>
      <c r="MX39" s="119">
        <v>6278511</v>
      </c>
      <c r="MY39" s="119">
        <v>3517428</v>
      </c>
      <c r="MZ39" s="120">
        <v>11285330</v>
      </c>
      <c r="NA39" s="143">
        <v>11285330</v>
      </c>
      <c r="NB39" s="142">
        <v>0</v>
      </c>
      <c r="NC39" s="119">
        <v>0</v>
      </c>
      <c r="ND39" s="120">
        <v>0</v>
      </c>
      <c r="NE39" s="145"/>
      <c r="NF39" s="119">
        <v>1055320</v>
      </c>
      <c r="NG39" s="119">
        <v>2202332</v>
      </c>
      <c r="NH39" s="119">
        <v>3457899</v>
      </c>
      <c r="NI39" s="119">
        <v>3221064</v>
      </c>
      <c r="NJ39" s="119">
        <v>1702110</v>
      </c>
      <c r="NK39" s="120">
        <v>11638725</v>
      </c>
      <c r="NL39" s="321">
        <v>11638725</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249615</v>
      </c>
      <c r="OD39" s="119">
        <v>0</v>
      </c>
      <c r="OE39" s="119">
        <v>318870</v>
      </c>
      <c r="OF39" s="119">
        <v>0</v>
      </c>
      <c r="OG39" s="120">
        <v>568485</v>
      </c>
      <c r="OH39" s="121">
        <v>568485</v>
      </c>
      <c r="OI39" s="142">
        <v>488235</v>
      </c>
      <c r="OJ39" s="119">
        <v>1036858</v>
      </c>
      <c r="OK39" s="141">
        <v>1525093</v>
      </c>
      <c r="OL39" s="118">
        <v>0</v>
      </c>
      <c r="OM39" s="119">
        <v>11091067</v>
      </c>
      <c r="ON39" s="119">
        <v>12839467</v>
      </c>
      <c r="OO39" s="119">
        <v>13315467</v>
      </c>
      <c r="OP39" s="119">
        <v>16595111</v>
      </c>
      <c r="OQ39" s="119">
        <v>8435350</v>
      </c>
      <c r="OR39" s="120">
        <v>62276462</v>
      </c>
      <c r="OS39" s="143">
        <v>63801555</v>
      </c>
    </row>
    <row r="40" spans="2:409" ht="19.8" customHeight="1" x14ac:dyDescent="0.2">
      <c r="B40" s="62" t="s">
        <v>35</v>
      </c>
      <c r="C40" s="110">
        <v>2270911</v>
      </c>
      <c r="D40" s="114">
        <v>3407714</v>
      </c>
      <c r="E40" s="113">
        <v>5678625</v>
      </c>
      <c r="F40" s="109">
        <v>0</v>
      </c>
      <c r="G40" s="114">
        <v>30954002</v>
      </c>
      <c r="H40" s="114">
        <v>25879332</v>
      </c>
      <c r="I40" s="114">
        <v>22814655</v>
      </c>
      <c r="J40" s="114">
        <v>21112792</v>
      </c>
      <c r="K40" s="114">
        <v>11601917</v>
      </c>
      <c r="L40" s="173">
        <v>112362698</v>
      </c>
      <c r="M40" s="116">
        <v>118041323</v>
      </c>
      <c r="N40" s="110">
        <v>402925</v>
      </c>
      <c r="O40" s="114">
        <v>540534</v>
      </c>
      <c r="P40" s="113">
        <v>943459</v>
      </c>
      <c r="Q40" s="110">
        <v>0</v>
      </c>
      <c r="R40" s="114">
        <v>6967323</v>
      </c>
      <c r="S40" s="114">
        <v>6118522</v>
      </c>
      <c r="T40" s="114">
        <v>6758587</v>
      </c>
      <c r="U40" s="114">
        <v>5673229</v>
      </c>
      <c r="V40" s="114">
        <v>5285269</v>
      </c>
      <c r="W40" s="113">
        <v>30802930</v>
      </c>
      <c r="X40" s="116">
        <v>31746389</v>
      </c>
      <c r="Y40" s="110">
        <v>0</v>
      </c>
      <c r="Z40" s="114">
        <v>0</v>
      </c>
      <c r="AA40" s="113">
        <v>0</v>
      </c>
      <c r="AB40" s="110">
        <v>0</v>
      </c>
      <c r="AC40" s="114">
        <v>3543100</v>
      </c>
      <c r="AD40" s="114">
        <v>2919004</v>
      </c>
      <c r="AE40" s="114">
        <v>4586181</v>
      </c>
      <c r="AF40" s="114">
        <v>3293927</v>
      </c>
      <c r="AG40" s="114">
        <v>2924452</v>
      </c>
      <c r="AH40" s="113">
        <v>17266664</v>
      </c>
      <c r="AI40" s="116">
        <v>17266664</v>
      </c>
      <c r="AJ40" s="110">
        <v>0</v>
      </c>
      <c r="AK40" s="114">
        <v>0</v>
      </c>
      <c r="AL40" s="113">
        <v>0</v>
      </c>
      <c r="AM40" s="110">
        <v>0</v>
      </c>
      <c r="AN40" s="114">
        <v>0</v>
      </c>
      <c r="AO40" s="114">
        <v>356517</v>
      </c>
      <c r="AP40" s="114">
        <v>101304</v>
      </c>
      <c r="AQ40" s="114">
        <v>473922</v>
      </c>
      <c r="AR40" s="114">
        <v>1151404</v>
      </c>
      <c r="AS40" s="113">
        <v>2083147</v>
      </c>
      <c r="AT40" s="116">
        <v>2083147</v>
      </c>
      <c r="AU40" s="110">
        <v>33678</v>
      </c>
      <c r="AV40" s="114">
        <v>214326</v>
      </c>
      <c r="AW40" s="113">
        <v>248004</v>
      </c>
      <c r="AX40" s="110">
        <v>0</v>
      </c>
      <c r="AY40" s="114">
        <v>1579510</v>
      </c>
      <c r="AZ40" s="114">
        <v>1335132</v>
      </c>
      <c r="BA40" s="114">
        <v>786366</v>
      </c>
      <c r="BB40" s="114">
        <v>656337</v>
      </c>
      <c r="BC40" s="114">
        <v>579286</v>
      </c>
      <c r="BD40" s="113">
        <v>4936631</v>
      </c>
      <c r="BE40" s="116">
        <v>5184635</v>
      </c>
      <c r="BF40" s="110">
        <v>50706</v>
      </c>
      <c r="BG40" s="114">
        <v>92556</v>
      </c>
      <c r="BH40" s="112">
        <v>143262</v>
      </c>
      <c r="BI40" s="111">
        <v>0</v>
      </c>
      <c r="BJ40" s="114">
        <v>690987</v>
      </c>
      <c r="BK40" s="114">
        <v>385228</v>
      </c>
      <c r="BL40" s="114">
        <v>335783</v>
      </c>
      <c r="BM40" s="114">
        <v>145638</v>
      </c>
      <c r="BN40" s="114">
        <v>108774</v>
      </c>
      <c r="BO40" s="113">
        <v>1666410</v>
      </c>
      <c r="BP40" s="116">
        <v>1809672</v>
      </c>
      <c r="BQ40" s="110">
        <v>318541</v>
      </c>
      <c r="BR40" s="114">
        <v>233652</v>
      </c>
      <c r="BS40" s="113">
        <v>552193</v>
      </c>
      <c r="BT40" s="110">
        <v>0</v>
      </c>
      <c r="BU40" s="114">
        <v>1153726</v>
      </c>
      <c r="BV40" s="114">
        <v>1122641</v>
      </c>
      <c r="BW40" s="114">
        <v>948953</v>
      </c>
      <c r="BX40" s="114">
        <v>1103405</v>
      </c>
      <c r="BY40" s="114">
        <v>521353</v>
      </c>
      <c r="BZ40" s="113">
        <v>4850078</v>
      </c>
      <c r="CA40" s="116">
        <v>5402271</v>
      </c>
      <c r="CB40" s="110">
        <v>226187</v>
      </c>
      <c r="CC40" s="114">
        <v>890458</v>
      </c>
      <c r="CD40" s="113">
        <v>1116645</v>
      </c>
      <c r="CE40" s="110">
        <v>0</v>
      </c>
      <c r="CF40" s="114">
        <v>11640220</v>
      </c>
      <c r="CG40" s="114">
        <v>9265972</v>
      </c>
      <c r="CH40" s="114">
        <v>6175510</v>
      </c>
      <c r="CI40" s="114">
        <v>4595080</v>
      </c>
      <c r="CJ40" s="114">
        <v>2147523</v>
      </c>
      <c r="CK40" s="113">
        <v>33824305</v>
      </c>
      <c r="CL40" s="116">
        <v>34940950</v>
      </c>
      <c r="CM40" s="110">
        <v>0</v>
      </c>
      <c r="CN40" s="114">
        <v>0</v>
      </c>
      <c r="CO40" s="113">
        <v>0</v>
      </c>
      <c r="CP40" s="111">
        <v>0</v>
      </c>
      <c r="CQ40" s="114">
        <v>8782098</v>
      </c>
      <c r="CR40" s="114">
        <v>7770723</v>
      </c>
      <c r="CS40" s="114">
        <v>5304436</v>
      </c>
      <c r="CT40" s="114">
        <v>3019218</v>
      </c>
      <c r="CU40" s="114">
        <v>2113368</v>
      </c>
      <c r="CV40" s="113">
        <v>26989843</v>
      </c>
      <c r="CW40" s="116">
        <v>26989843</v>
      </c>
      <c r="CX40" s="110">
        <v>226187</v>
      </c>
      <c r="CY40" s="114">
        <v>890458</v>
      </c>
      <c r="CZ40" s="113">
        <v>1116645</v>
      </c>
      <c r="DA40" s="110">
        <v>0</v>
      </c>
      <c r="DB40" s="114">
        <v>2858122</v>
      </c>
      <c r="DC40" s="114">
        <v>1495249</v>
      </c>
      <c r="DD40" s="114">
        <v>871074</v>
      </c>
      <c r="DE40" s="114">
        <v>1575862</v>
      </c>
      <c r="DF40" s="114">
        <v>34155</v>
      </c>
      <c r="DG40" s="113">
        <v>6834462</v>
      </c>
      <c r="DH40" s="116">
        <v>7951107</v>
      </c>
      <c r="DI40" s="110">
        <v>0</v>
      </c>
      <c r="DJ40" s="114">
        <v>0</v>
      </c>
      <c r="DK40" s="112">
        <v>0</v>
      </c>
      <c r="DL40" s="111">
        <v>0</v>
      </c>
      <c r="DM40" s="114">
        <v>436590</v>
      </c>
      <c r="DN40" s="114">
        <v>909846</v>
      </c>
      <c r="DO40" s="114">
        <v>1477518</v>
      </c>
      <c r="DP40" s="114">
        <v>2019478</v>
      </c>
      <c r="DQ40" s="114">
        <v>228879</v>
      </c>
      <c r="DR40" s="113">
        <v>5072311</v>
      </c>
      <c r="DS40" s="116">
        <v>5072311</v>
      </c>
      <c r="DT40" s="110">
        <v>0</v>
      </c>
      <c r="DU40" s="114">
        <v>0</v>
      </c>
      <c r="DV40" s="113">
        <v>0</v>
      </c>
      <c r="DW40" s="110">
        <v>0</v>
      </c>
      <c r="DX40" s="114">
        <v>268578</v>
      </c>
      <c r="DY40" s="114">
        <v>659403</v>
      </c>
      <c r="DZ40" s="114">
        <v>1436802</v>
      </c>
      <c r="EA40" s="114">
        <v>1877926</v>
      </c>
      <c r="EB40" s="114">
        <v>228879</v>
      </c>
      <c r="EC40" s="113">
        <v>4471588</v>
      </c>
      <c r="ED40" s="116">
        <v>4471588</v>
      </c>
      <c r="EE40" s="110">
        <v>0</v>
      </c>
      <c r="EF40" s="112">
        <v>0</v>
      </c>
      <c r="EG40" s="113">
        <v>0</v>
      </c>
      <c r="EH40" s="110">
        <v>0</v>
      </c>
      <c r="EI40" s="114">
        <v>168012</v>
      </c>
      <c r="EJ40" s="114">
        <v>250443</v>
      </c>
      <c r="EK40" s="114">
        <v>40716</v>
      </c>
      <c r="EL40" s="114">
        <v>141552</v>
      </c>
      <c r="EM40" s="114">
        <v>0</v>
      </c>
      <c r="EN40" s="112">
        <v>600723</v>
      </c>
      <c r="EO40" s="116">
        <v>600723</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8"/>
      <c r="FE40" s="114">
        <v>0</v>
      </c>
      <c r="FF40" s="114">
        <v>0</v>
      </c>
      <c r="FG40" s="114">
        <v>0</v>
      </c>
      <c r="FH40" s="114">
        <v>0</v>
      </c>
      <c r="FI40" s="114">
        <v>0</v>
      </c>
      <c r="FJ40" s="113">
        <v>0</v>
      </c>
      <c r="FK40" s="116">
        <v>0</v>
      </c>
      <c r="FL40" s="110">
        <v>212418</v>
      </c>
      <c r="FM40" s="114">
        <v>498655</v>
      </c>
      <c r="FN40" s="113">
        <v>711073</v>
      </c>
      <c r="FO40" s="110">
        <v>0</v>
      </c>
      <c r="FP40" s="114">
        <v>1203501</v>
      </c>
      <c r="FQ40" s="114">
        <v>2120807</v>
      </c>
      <c r="FR40" s="114">
        <v>1196599</v>
      </c>
      <c r="FS40" s="114">
        <v>1117893</v>
      </c>
      <c r="FT40" s="114">
        <v>707678</v>
      </c>
      <c r="FU40" s="113">
        <v>6346478</v>
      </c>
      <c r="FV40" s="116">
        <v>7057551</v>
      </c>
      <c r="FW40" s="115">
        <v>176778</v>
      </c>
      <c r="FX40" s="114">
        <v>479215</v>
      </c>
      <c r="FY40" s="112">
        <v>655993</v>
      </c>
      <c r="FZ40" s="111">
        <v>0</v>
      </c>
      <c r="GA40" s="114">
        <v>1035641</v>
      </c>
      <c r="GB40" s="114">
        <v>2072677</v>
      </c>
      <c r="GC40" s="114">
        <v>1196599</v>
      </c>
      <c r="GD40" s="114">
        <v>1117893</v>
      </c>
      <c r="GE40" s="114">
        <v>707678</v>
      </c>
      <c r="GF40" s="113">
        <v>6130488</v>
      </c>
      <c r="GG40" s="319">
        <v>6786481</v>
      </c>
      <c r="GH40" s="115">
        <v>17820</v>
      </c>
      <c r="GI40" s="114">
        <v>19440</v>
      </c>
      <c r="GJ40" s="112">
        <v>37260</v>
      </c>
      <c r="GK40" s="111">
        <v>0</v>
      </c>
      <c r="GL40" s="114">
        <v>0</v>
      </c>
      <c r="GM40" s="114">
        <v>22720</v>
      </c>
      <c r="GN40" s="114">
        <v>0</v>
      </c>
      <c r="GO40" s="114">
        <v>0</v>
      </c>
      <c r="GP40" s="114">
        <v>0</v>
      </c>
      <c r="GQ40" s="113">
        <v>22720</v>
      </c>
      <c r="GR40" s="116">
        <v>59980</v>
      </c>
      <c r="GS40" s="110">
        <v>17820</v>
      </c>
      <c r="GT40" s="114">
        <v>0</v>
      </c>
      <c r="GU40" s="113">
        <v>17820</v>
      </c>
      <c r="GV40" s="110">
        <v>0</v>
      </c>
      <c r="GW40" s="114">
        <v>167860</v>
      </c>
      <c r="GX40" s="114">
        <v>25410</v>
      </c>
      <c r="GY40" s="114">
        <v>0</v>
      </c>
      <c r="GZ40" s="114">
        <v>0</v>
      </c>
      <c r="HA40" s="114">
        <v>0</v>
      </c>
      <c r="HB40" s="112">
        <v>193270</v>
      </c>
      <c r="HC40" s="116">
        <v>211090</v>
      </c>
      <c r="HD40" s="110">
        <v>1234311</v>
      </c>
      <c r="HE40" s="114">
        <v>1089387</v>
      </c>
      <c r="HF40" s="112">
        <v>2323698</v>
      </c>
      <c r="HG40" s="111">
        <v>0</v>
      </c>
      <c r="HH40" s="114">
        <v>6525914</v>
      </c>
      <c r="HI40" s="114">
        <v>4683222</v>
      </c>
      <c r="HJ40" s="114">
        <v>5513231</v>
      </c>
      <c r="HK40" s="114">
        <v>6504829</v>
      </c>
      <c r="HL40" s="114">
        <v>2652005</v>
      </c>
      <c r="HM40" s="113">
        <v>25879201</v>
      </c>
      <c r="HN40" s="109">
        <v>28202899</v>
      </c>
      <c r="HO40" s="115">
        <v>195070</v>
      </c>
      <c r="HP40" s="114">
        <v>388680</v>
      </c>
      <c r="HQ40" s="113">
        <v>583750</v>
      </c>
      <c r="HR40" s="110">
        <v>0</v>
      </c>
      <c r="HS40" s="114">
        <v>4180454</v>
      </c>
      <c r="HT40" s="114">
        <v>2780963</v>
      </c>
      <c r="HU40" s="114">
        <v>1693210</v>
      </c>
      <c r="HV40" s="114">
        <v>1202283</v>
      </c>
      <c r="HW40" s="114">
        <v>580563</v>
      </c>
      <c r="HX40" s="112">
        <v>10437473</v>
      </c>
      <c r="HY40" s="116">
        <v>11021223</v>
      </c>
      <c r="HZ40" s="150">
        <v>157032</v>
      </c>
      <c r="IA40" s="135">
        <v>240273</v>
      </c>
      <c r="IB40" s="150">
        <v>397305</v>
      </c>
      <c r="IC40" s="146">
        <v>0</v>
      </c>
      <c r="ID40" s="132">
        <v>5330789</v>
      </c>
      <c r="IE40" s="147">
        <v>6929078</v>
      </c>
      <c r="IF40" s="133">
        <v>7120489</v>
      </c>
      <c r="IG40" s="132">
        <v>4828468</v>
      </c>
      <c r="IH40" s="133">
        <v>2265561</v>
      </c>
      <c r="II40" s="148">
        <v>26474385</v>
      </c>
      <c r="IJ40" s="150">
        <v>26871690</v>
      </c>
      <c r="IK40" s="232">
        <v>0</v>
      </c>
      <c r="IL40" s="236">
        <v>0</v>
      </c>
      <c r="IM40" s="237">
        <v>0</v>
      </c>
      <c r="IN40" s="140"/>
      <c r="IO40" s="119">
        <v>0</v>
      </c>
      <c r="IP40" s="119">
        <v>59320</v>
      </c>
      <c r="IQ40" s="119">
        <v>182169</v>
      </c>
      <c r="IR40" s="119">
        <v>225720</v>
      </c>
      <c r="IS40" s="119">
        <v>0</v>
      </c>
      <c r="IT40" s="141">
        <v>467209</v>
      </c>
      <c r="IU40" s="321">
        <v>467209</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115473</v>
      </c>
      <c r="JL40" s="119">
        <v>1770648</v>
      </c>
      <c r="JM40" s="119">
        <v>1364559</v>
      </c>
      <c r="JN40" s="119">
        <v>1110621</v>
      </c>
      <c r="JO40" s="119">
        <v>262827</v>
      </c>
      <c r="JP40" s="120">
        <v>5624128</v>
      </c>
      <c r="JQ40" s="321">
        <v>5624128</v>
      </c>
      <c r="JR40" s="142">
        <v>0</v>
      </c>
      <c r="JS40" s="119">
        <v>0</v>
      </c>
      <c r="JT40" s="141">
        <v>0</v>
      </c>
      <c r="JU40" s="118">
        <v>0</v>
      </c>
      <c r="JV40" s="119">
        <v>0</v>
      </c>
      <c r="JW40" s="119">
        <v>0</v>
      </c>
      <c r="JX40" s="119">
        <v>0</v>
      </c>
      <c r="JY40" s="119">
        <v>0</v>
      </c>
      <c r="JZ40" s="119">
        <v>0</v>
      </c>
      <c r="KA40" s="120">
        <v>0</v>
      </c>
      <c r="KB40" s="321">
        <v>0</v>
      </c>
      <c r="KC40" s="234">
        <v>157032</v>
      </c>
      <c r="KD40" s="230">
        <v>240273</v>
      </c>
      <c r="KE40" s="120">
        <v>397305</v>
      </c>
      <c r="KF40" s="118">
        <v>0</v>
      </c>
      <c r="KG40" s="119">
        <v>1119919</v>
      </c>
      <c r="KH40" s="119">
        <v>1927860</v>
      </c>
      <c r="KI40" s="119">
        <v>916702</v>
      </c>
      <c r="KJ40" s="119">
        <v>-205614</v>
      </c>
      <c r="KK40" s="119">
        <v>365481</v>
      </c>
      <c r="KL40" s="120">
        <v>4124348</v>
      </c>
      <c r="KM40" s="143">
        <v>4521653</v>
      </c>
      <c r="KN40" s="232">
        <v>0</v>
      </c>
      <c r="KO40" s="236">
        <v>0</v>
      </c>
      <c r="KP40" s="237">
        <v>0</v>
      </c>
      <c r="KQ40" s="140"/>
      <c r="KR40" s="119">
        <v>3095397</v>
      </c>
      <c r="KS40" s="119">
        <v>3171250</v>
      </c>
      <c r="KT40" s="119">
        <v>4657059</v>
      </c>
      <c r="KU40" s="119">
        <v>3697741</v>
      </c>
      <c r="KV40" s="119">
        <v>1637253</v>
      </c>
      <c r="KW40" s="120">
        <v>16258700</v>
      </c>
      <c r="KX40" s="321">
        <v>16258700</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1">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7123303</v>
      </c>
      <c r="MK40" s="119">
        <v>7596972</v>
      </c>
      <c r="ML40" s="119">
        <v>14301725</v>
      </c>
      <c r="MM40" s="119">
        <v>19699690</v>
      </c>
      <c r="MN40" s="119">
        <v>14189674</v>
      </c>
      <c r="MO40" s="120">
        <v>62911364</v>
      </c>
      <c r="MP40" s="143">
        <v>62911364</v>
      </c>
      <c r="MQ40" s="142">
        <v>0</v>
      </c>
      <c r="MR40" s="119">
        <v>0</v>
      </c>
      <c r="MS40" s="120">
        <v>0</v>
      </c>
      <c r="MT40" s="145"/>
      <c r="MU40" s="119">
        <v>390807</v>
      </c>
      <c r="MV40" s="119">
        <v>426168</v>
      </c>
      <c r="MW40" s="119">
        <v>5443039</v>
      </c>
      <c r="MX40" s="119">
        <v>11677291</v>
      </c>
      <c r="MY40" s="119">
        <v>8542377</v>
      </c>
      <c r="MZ40" s="120">
        <v>26479682</v>
      </c>
      <c r="NA40" s="143">
        <v>26479682</v>
      </c>
      <c r="NB40" s="142">
        <v>0</v>
      </c>
      <c r="NC40" s="119">
        <v>0</v>
      </c>
      <c r="ND40" s="120">
        <v>0</v>
      </c>
      <c r="NE40" s="145"/>
      <c r="NF40" s="119">
        <v>5852026</v>
      </c>
      <c r="NG40" s="119">
        <v>6684282</v>
      </c>
      <c r="NH40" s="119">
        <v>7039354</v>
      </c>
      <c r="NI40" s="119">
        <v>5085123</v>
      </c>
      <c r="NJ40" s="119">
        <v>2541208</v>
      </c>
      <c r="NK40" s="120">
        <v>27201993</v>
      </c>
      <c r="NL40" s="321">
        <v>27201993</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880470</v>
      </c>
      <c r="OC40" s="119">
        <v>486522</v>
      </c>
      <c r="OD40" s="119">
        <v>1819332</v>
      </c>
      <c r="OE40" s="119">
        <v>2937276</v>
      </c>
      <c r="OF40" s="119">
        <v>3106089</v>
      </c>
      <c r="OG40" s="120">
        <v>9229689</v>
      </c>
      <c r="OH40" s="121">
        <v>9229689</v>
      </c>
      <c r="OI40" s="142">
        <v>2427943</v>
      </c>
      <c r="OJ40" s="119">
        <v>3647987</v>
      </c>
      <c r="OK40" s="141">
        <v>6075930</v>
      </c>
      <c r="OL40" s="118">
        <v>0</v>
      </c>
      <c r="OM40" s="119">
        <v>43408094</v>
      </c>
      <c r="ON40" s="119">
        <v>40405382</v>
      </c>
      <c r="OO40" s="119">
        <v>44236869</v>
      </c>
      <c r="OP40" s="119">
        <v>45640950</v>
      </c>
      <c r="OQ40" s="119">
        <v>28057152</v>
      </c>
      <c r="OR40" s="120">
        <v>201748447</v>
      </c>
      <c r="OS40" s="143">
        <v>207824377</v>
      </c>
    </row>
    <row r="41" spans="2:409" ht="19.8" customHeight="1" x14ac:dyDescent="0.2">
      <c r="B41" s="62" t="s">
        <v>36</v>
      </c>
      <c r="C41" s="110">
        <v>1284754</v>
      </c>
      <c r="D41" s="114">
        <v>2920349</v>
      </c>
      <c r="E41" s="113">
        <v>4205103</v>
      </c>
      <c r="F41" s="109">
        <v>0</v>
      </c>
      <c r="G41" s="114">
        <v>22039012</v>
      </c>
      <c r="H41" s="114">
        <v>26178064</v>
      </c>
      <c r="I41" s="114">
        <v>25940412</v>
      </c>
      <c r="J41" s="114">
        <v>17058086</v>
      </c>
      <c r="K41" s="114">
        <v>14598045</v>
      </c>
      <c r="L41" s="173">
        <v>105813619</v>
      </c>
      <c r="M41" s="116">
        <v>110018722</v>
      </c>
      <c r="N41" s="110">
        <v>473019</v>
      </c>
      <c r="O41" s="114">
        <v>750470</v>
      </c>
      <c r="P41" s="113">
        <v>1223489</v>
      </c>
      <c r="Q41" s="110">
        <v>0</v>
      </c>
      <c r="R41" s="114">
        <v>6387918</v>
      </c>
      <c r="S41" s="114">
        <v>7406874</v>
      </c>
      <c r="T41" s="114">
        <v>8355172</v>
      </c>
      <c r="U41" s="114">
        <v>7608956</v>
      </c>
      <c r="V41" s="114">
        <v>7182126</v>
      </c>
      <c r="W41" s="113">
        <v>36941046</v>
      </c>
      <c r="X41" s="116">
        <v>38164535</v>
      </c>
      <c r="Y41" s="110">
        <v>0</v>
      </c>
      <c r="Z41" s="114">
        <v>0</v>
      </c>
      <c r="AA41" s="113">
        <v>0</v>
      </c>
      <c r="AB41" s="110">
        <v>0</v>
      </c>
      <c r="AC41" s="114">
        <v>3115464</v>
      </c>
      <c r="AD41" s="114">
        <v>3448414</v>
      </c>
      <c r="AE41" s="114">
        <v>4959974</v>
      </c>
      <c r="AF41" s="114">
        <v>4383804</v>
      </c>
      <c r="AG41" s="114">
        <v>3148770</v>
      </c>
      <c r="AH41" s="113">
        <v>19056426</v>
      </c>
      <c r="AI41" s="116">
        <v>19056426</v>
      </c>
      <c r="AJ41" s="110">
        <v>0</v>
      </c>
      <c r="AK41" s="114">
        <v>0</v>
      </c>
      <c r="AL41" s="113">
        <v>0</v>
      </c>
      <c r="AM41" s="110">
        <v>0</v>
      </c>
      <c r="AN41" s="114">
        <v>162093</v>
      </c>
      <c r="AO41" s="114">
        <v>413554</v>
      </c>
      <c r="AP41" s="114">
        <v>104047</v>
      </c>
      <c r="AQ41" s="114">
        <v>707921</v>
      </c>
      <c r="AR41" s="114">
        <v>751145</v>
      </c>
      <c r="AS41" s="113">
        <v>2138760</v>
      </c>
      <c r="AT41" s="116">
        <v>2138760</v>
      </c>
      <c r="AU41" s="110">
        <v>259031</v>
      </c>
      <c r="AV41" s="114">
        <v>544964</v>
      </c>
      <c r="AW41" s="113">
        <v>803995</v>
      </c>
      <c r="AX41" s="110">
        <v>0</v>
      </c>
      <c r="AY41" s="114">
        <v>2418678</v>
      </c>
      <c r="AZ41" s="114">
        <v>2455837</v>
      </c>
      <c r="BA41" s="114">
        <v>1741998</v>
      </c>
      <c r="BB41" s="114">
        <v>1631320</v>
      </c>
      <c r="BC41" s="114">
        <v>2405238</v>
      </c>
      <c r="BD41" s="113">
        <v>10653071</v>
      </c>
      <c r="BE41" s="116">
        <v>11457066</v>
      </c>
      <c r="BF41" s="110">
        <v>169816</v>
      </c>
      <c r="BG41" s="114">
        <v>111849</v>
      </c>
      <c r="BH41" s="112">
        <v>281665</v>
      </c>
      <c r="BI41" s="111">
        <v>0</v>
      </c>
      <c r="BJ41" s="114">
        <v>319429</v>
      </c>
      <c r="BK41" s="114">
        <v>317366</v>
      </c>
      <c r="BL41" s="114">
        <v>323822</v>
      </c>
      <c r="BM41" s="114">
        <v>279380</v>
      </c>
      <c r="BN41" s="114">
        <v>271381</v>
      </c>
      <c r="BO41" s="113">
        <v>1511378</v>
      </c>
      <c r="BP41" s="116">
        <v>1793043</v>
      </c>
      <c r="BQ41" s="110">
        <v>44172</v>
      </c>
      <c r="BR41" s="114">
        <v>93657</v>
      </c>
      <c r="BS41" s="113">
        <v>137829</v>
      </c>
      <c r="BT41" s="110">
        <v>0</v>
      </c>
      <c r="BU41" s="114">
        <v>372254</v>
      </c>
      <c r="BV41" s="114">
        <v>771703</v>
      </c>
      <c r="BW41" s="114">
        <v>1225331</v>
      </c>
      <c r="BX41" s="114">
        <v>606531</v>
      </c>
      <c r="BY41" s="114">
        <v>605592</v>
      </c>
      <c r="BZ41" s="113">
        <v>3581411</v>
      </c>
      <c r="CA41" s="116">
        <v>3719240</v>
      </c>
      <c r="CB41" s="110">
        <v>112128</v>
      </c>
      <c r="CC41" s="114">
        <v>551253</v>
      </c>
      <c r="CD41" s="113">
        <v>663381</v>
      </c>
      <c r="CE41" s="110">
        <v>0</v>
      </c>
      <c r="CF41" s="114">
        <v>7561187</v>
      </c>
      <c r="CG41" s="114">
        <v>9063829</v>
      </c>
      <c r="CH41" s="114">
        <v>6888367</v>
      </c>
      <c r="CI41" s="114">
        <v>3508805</v>
      </c>
      <c r="CJ41" s="114">
        <v>2371752</v>
      </c>
      <c r="CK41" s="113">
        <v>29393940</v>
      </c>
      <c r="CL41" s="116">
        <v>30057321</v>
      </c>
      <c r="CM41" s="110">
        <v>0</v>
      </c>
      <c r="CN41" s="114">
        <v>0</v>
      </c>
      <c r="CO41" s="113">
        <v>0</v>
      </c>
      <c r="CP41" s="111">
        <v>0</v>
      </c>
      <c r="CQ41" s="114">
        <v>5801512</v>
      </c>
      <c r="CR41" s="114">
        <v>7502651</v>
      </c>
      <c r="CS41" s="114">
        <v>5680121</v>
      </c>
      <c r="CT41" s="114">
        <v>3461113</v>
      </c>
      <c r="CU41" s="114">
        <v>2331057</v>
      </c>
      <c r="CV41" s="113">
        <v>24776454</v>
      </c>
      <c r="CW41" s="116">
        <v>24776454</v>
      </c>
      <c r="CX41" s="110">
        <v>112128</v>
      </c>
      <c r="CY41" s="114">
        <v>551253</v>
      </c>
      <c r="CZ41" s="113">
        <v>663381</v>
      </c>
      <c r="DA41" s="110">
        <v>0</v>
      </c>
      <c r="DB41" s="114">
        <v>1759675</v>
      </c>
      <c r="DC41" s="114">
        <v>1561178</v>
      </c>
      <c r="DD41" s="114">
        <v>1208246</v>
      </c>
      <c r="DE41" s="114">
        <v>47692</v>
      </c>
      <c r="DF41" s="114">
        <v>40695</v>
      </c>
      <c r="DG41" s="113">
        <v>4617486</v>
      </c>
      <c r="DH41" s="116">
        <v>5280867</v>
      </c>
      <c r="DI41" s="110">
        <v>0</v>
      </c>
      <c r="DJ41" s="114">
        <v>43164</v>
      </c>
      <c r="DK41" s="112">
        <v>43164</v>
      </c>
      <c r="DL41" s="111">
        <v>0</v>
      </c>
      <c r="DM41" s="114">
        <v>1126137</v>
      </c>
      <c r="DN41" s="114">
        <v>1746471</v>
      </c>
      <c r="DO41" s="114">
        <v>2961687</v>
      </c>
      <c r="DP41" s="114">
        <v>1599556</v>
      </c>
      <c r="DQ41" s="114">
        <v>1616221</v>
      </c>
      <c r="DR41" s="113">
        <v>9050072</v>
      </c>
      <c r="DS41" s="116">
        <v>9093236</v>
      </c>
      <c r="DT41" s="110">
        <v>0</v>
      </c>
      <c r="DU41" s="114">
        <v>43164</v>
      </c>
      <c r="DV41" s="113">
        <v>43164</v>
      </c>
      <c r="DW41" s="110">
        <v>0</v>
      </c>
      <c r="DX41" s="114">
        <v>1126137</v>
      </c>
      <c r="DY41" s="114">
        <v>1638586</v>
      </c>
      <c r="DZ41" s="114">
        <v>2793446</v>
      </c>
      <c r="EA41" s="114">
        <v>1508310</v>
      </c>
      <c r="EB41" s="114">
        <v>1616221</v>
      </c>
      <c r="EC41" s="113">
        <v>8682700</v>
      </c>
      <c r="ED41" s="116">
        <v>8725864</v>
      </c>
      <c r="EE41" s="110">
        <v>0</v>
      </c>
      <c r="EF41" s="112">
        <v>0</v>
      </c>
      <c r="EG41" s="113">
        <v>0</v>
      </c>
      <c r="EH41" s="110">
        <v>0</v>
      </c>
      <c r="EI41" s="114">
        <v>0</v>
      </c>
      <c r="EJ41" s="114">
        <v>107885</v>
      </c>
      <c r="EK41" s="114">
        <v>168241</v>
      </c>
      <c r="EL41" s="114">
        <v>91246</v>
      </c>
      <c r="EM41" s="114">
        <v>0</v>
      </c>
      <c r="EN41" s="112">
        <v>367372</v>
      </c>
      <c r="EO41" s="116">
        <v>367372</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8"/>
      <c r="FE41" s="114">
        <v>0</v>
      </c>
      <c r="FF41" s="114">
        <v>0</v>
      </c>
      <c r="FG41" s="114">
        <v>0</v>
      </c>
      <c r="FH41" s="114">
        <v>0</v>
      </c>
      <c r="FI41" s="114">
        <v>0</v>
      </c>
      <c r="FJ41" s="113">
        <v>0</v>
      </c>
      <c r="FK41" s="116">
        <v>0</v>
      </c>
      <c r="FL41" s="110">
        <v>381364</v>
      </c>
      <c r="FM41" s="114">
        <v>761230</v>
      </c>
      <c r="FN41" s="113">
        <v>1142594</v>
      </c>
      <c r="FO41" s="110">
        <v>0</v>
      </c>
      <c r="FP41" s="114">
        <v>2068255</v>
      </c>
      <c r="FQ41" s="114">
        <v>2080311</v>
      </c>
      <c r="FR41" s="114">
        <v>1917037</v>
      </c>
      <c r="FS41" s="114">
        <v>1580368</v>
      </c>
      <c r="FT41" s="114">
        <v>943539</v>
      </c>
      <c r="FU41" s="113">
        <v>8589510</v>
      </c>
      <c r="FV41" s="116">
        <v>9732104</v>
      </c>
      <c r="FW41" s="115">
        <v>201364</v>
      </c>
      <c r="FX41" s="114">
        <v>677755</v>
      </c>
      <c r="FY41" s="112">
        <v>879119</v>
      </c>
      <c r="FZ41" s="111">
        <v>0</v>
      </c>
      <c r="GA41" s="114">
        <v>1440574</v>
      </c>
      <c r="GB41" s="114">
        <v>2080311</v>
      </c>
      <c r="GC41" s="114">
        <v>1711261</v>
      </c>
      <c r="GD41" s="114">
        <v>1580368</v>
      </c>
      <c r="GE41" s="114">
        <v>921363</v>
      </c>
      <c r="GF41" s="113">
        <v>7733877</v>
      </c>
      <c r="GG41" s="319">
        <v>8612996</v>
      </c>
      <c r="GH41" s="115">
        <v>0</v>
      </c>
      <c r="GI41" s="114">
        <v>83475</v>
      </c>
      <c r="GJ41" s="112">
        <v>83475</v>
      </c>
      <c r="GK41" s="111">
        <v>0</v>
      </c>
      <c r="GL41" s="114">
        <v>120981</v>
      </c>
      <c r="GM41" s="114">
        <v>0</v>
      </c>
      <c r="GN41" s="114">
        <v>88776</v>
      </c>
      <c r="GO41" s="114">
        <v>0</v>
      </c>
      <c r="GP41" s="114">
        <v>22176</v>
      </c>
      <c r="GQ41" s="113">
        <v>231933</v>
      </c>
      <c r="GR41" s="116">
        <v>315408</v>
      </c>
      <c r="GS41" s="110">
        <v>180000</v>
      </c>
      <c r="GT41" s="114">
        <v>0</v>
      </c>
      <c r="GU41" s="113">
        <v>180000</v>
      </c>
      <c r="GV41" s="110">
        <v>0</v>
      </c>
      <c r="GW41" s="114">
        <v>506700</v>
      </c>
      <c r="GX41" s="114">
        <v>0</v>
      </c>
      <c r="GY41" s="114">
        <v>117000</v>
      </c>
      <c r="GZ41" s="114">
        <v>0</v>
      </c>
      <c r="HA41" s="114">
        <v>0</v>
      </c>
      <c r="HB41" s="112">
        <v>623700</v>
      </c>
      <c r="HC41" s="116">
        <v>803700</v>
      </c>
      <c r="HD41" s="110">
        <v>63404</v>
      </c>
      <c r="HE41" s="114">
        <v>196640</v>
      </c>
      <c r="HF41" s="112">
        <v>260044</v>
      </c>
      <c r="HG41" s="111">
        <v>0</v>
      </c>
      <c r="HH41" s="114">
        <v>1190890</v>
      </c>
      <c r="HI41" s="114">
        <v>2810206</v>
      </c>
      <c r="HJ41" s="114">
        <v>3283603</v>
      </c>
      <c r="HK41" s="114">
        <v>1232462</v>
      </c>
      <c r="HL41" s="114">
        <v>1493663</v>
      </c>
      <c r="HM41" s="113">
        <v>10010824</v>
      </c>
      <c r="HN41" s="109">
        <v>10270868</v>
      </c>
      <c r="HO41" s="115">
        <v>254839</v>
      </c>
      <c r="HP41" s="114">
        <v>617592</v>
      </c>
      <c r="HQ41" s="113">
        <v>872431</v>
      </c>
      <c r="HR41" s="110">
        <v>0</v>
      </c>
      <c r="HS41" s="114">
        <v>3704625</v>
      </c>
      <c r="HT41" s="114">
        <v>3070373</v>
      </c>
      <c r="HU41" s="114">
        <v>2534546</v>
      </c>
      <c r="HV41" s="114">
        <v>1527939</v>
      </c>
      <c r="HW41" s="114">
        <v>990744</v>
      </c>
      <c r="HX41" s="112">
        <v>11828227</v>
      </c>
      <c r="HY41" s="116">
        <v>12700658</v>
      </c>
      <c r="HZ41" s="131">
        <v>0</v>
      </c>
      <c r="IA41" s="132">
        <v>84068</v>
      </c>
      <c r="IB41" s="133">
        <v>84068</v>
      </c>
      <c r="IC41" s="146">
        <v>0</v>
      </c>
      <c r="ID41" s="132">
        <v>4303996</v>
      </c>
      <c r="IE41" s="147">
        <v>5778935</v>
      </c>
      <c r="IF41" s="133">
        <v>10024522</v>
      </c>
      <c r="IG41" s="132">
        <v>5289926</v>
      </c>
      <c r="IH41" s="133">
        <v>2276253</v>
      </c>
      <c r="II41" s="148">
        <v>27673632</v>
      </c>
      <c r="IJ41" s="139">
        <v>27757700</v>
      </c>
      <c r="IK41" s="232">
        <v>0</v>
      </c>
      <c r="IL41" s="236">
        <v>0</v>
      </c>
      <c r="IM41" s="237">
        <v>0</v>
      </c>
      <c r="IN41" s="140"/>
      <c r="IO41" s="119">
        <v>0</v>
      </c>
      <c r="IP41" s="119">
        <v>0</v>
      </c>
      <c r="IQ41" s="119">
        <v>0</v>
      </c>
      <c r="IR41" s="119">
        <v>0</v>
      </c>
      <c r="IS41" s="119">
        <v>0</v>
      </c>
      <c r="IT41" s="141">
        <v>0</v>
      </c>
      <c r="IU41" s="321">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015569</v>
      </c>
      <c r="JL41" s="119">
        <v>3138867</v>
      </c>
      <c r="JM41" s="119">
        <v>4140080</v>
      </c>
      <c r="JN41" s="119">
        <v>2173874</v>
      </c>
      <c r="JO41" s="119">
        <v>1993737</v>
      </c>
      <c r="JP41" s="120">
        <v>13462127</v>
      </c>
      <c r="JQ41" s="321">
        <v>13462127</v>
      </c>
      <c r="JR41" s="142">
        <v>0</v>
      </c>
      <c r="JS41" s="119">
        <v>0</v>
      </c>
      <c r="JT41" s="141">
        <v>0</v>
      </c>
      <c r="JU41" s="118">
        <v>0</v>
      </c>
      <c r="JV41" s="119">
        <v>0</v>
      </c>
      <c r="JW41" s="119">
        <v>0</v>
      </c>
      <c r="JX41" s="119">
        <v>0</v>
      </c>
      <c r="JY41" s="119">
        <v>0</v>
      </c>
      <c r="JZ41" s="119">
        <v>0</v>
      </c>
      <c r="KA41" s="120">
        <v>0</v>
      </c>
      <c r="KB41" s="321">
        <v>0</v>
      </c>
      <c r="KC41" s="234">
        <v>0</v>
      </c>
      <c r="KD41" s="230">
        <v>84068</v>
      </c>
      <c r="KE41" s="120">
        <v>84068</v>
      </c>
      <c r="KF41" s="118">
        <v>0</v>
      </c>
      <c r="KG41" s="119">
        <v>1276075</v>
      </c>
      <c r="KH41" s="119">
        <v>1347988</v>
      </c>
      <c r="KI41" s="119">
        <v>1648008</v>
      </c>
      <c r="KJ41" s="119">
        <v>837513</v>
      </c>
      <c r="KK41" s="119">
        <v>0</v>
      </c>
      <c r="KL41" s="120">
        <v>5109584</v>
      </c>
      <c r="KM41" s="143">
        <v>5193652</v>
      </c>
      <c r="KN41" s="232">
        <v>0</v>
      </c>
      <c r="KO41" s="236">
        <v>0</v>
      </c>
      <c r="KP41" s="237">
        <v>0</v>
      </c>
      <c r="KQ41" s="140"/>
      <c r="KR41" s="119">
        <v>1012352</v>
      </c>
      <c r="KS41" s="119">
        <v>1292080</v>
      </c>
      <c r="KT41" s="119">
        <v>4236434</v>
      </c>
      <c r="KU41" s="119">
        <v>2278539</v>
      </c>
      <c r="KV41" s="119">
        <v>282516</v>
      </c>
      <c r="KW41" s="120">
        <v>9101921</v>
      </c>
      <c r="KX41" s="321">
        <v>9101921</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1">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5395969</v>
      </c>
      <c r="MK41" s="119">
        <v>7704221</v>
      </c>
      <c r="ML41" s="119">
        <v>23851163</v>
      </c>
      <c r="MM41" s="119">
        <v>34235911</v>
      </c>
      <c r="MN41" s="119">
        <v>26533356</v>
      </c>
      <c r="MO41" s="120">
        <v>97720620</v>
      </c>
      <c r="MP41" s="143">
        <v>97720620</v>
      </c>
      <c r="MQ41" s="142">
        <v>0</v>
      </c>
      <c r="MR41" s="119">
        <v>0</v>
      </c>
      <c r="MS41" s="120">
        <v>0</v>
      </c>
      <c r="MT41" s="145"/>
      <c r="MU41" s="119">
        <v>0</v>
      </c>
      <c r="MV41" s="119">
        <v>690913</v>
      </c>
      <c r="MW41" s="119">
        <v>12115254</v>
      </c>
      <c r="MX41" s="119">
        <v>22464529</v>
      </c>
      <c r="MY41" s="119">
        <v>21108094</v>
      </c>
      <c r="MZ41" s="120">
        <v>56378790</v>
      </c>
      <c r="NA41" s="143">
        <v>56378790</v>
      </c>
      <c r="NB41" s="142">
        <v>0</v>
      </c>
      <c r="NC41" s="119">
        <v>0</v>
      </c>
      <c r="ND41" s="120">
        <v>0</v>
      </c>
      <c r="NE41" s="145"/>
      <c r="NF41" s="119">
        <v>5395969</v>
      </c>
      <c r="NG41" s="119">
        <v>7013308</v>
      </c>
      <c r="NH41" s="119">
        <v>11735909</v>
      </c>
      <c r="NI41" s="119">
        <v>9808399</v>
      </c>
      <c r="NJ41" s="119">
        <v>5072607</v>
      </c>
      <c r="NK41" s="120">
        <v>39026192</v>
      </c>
      <c r="NL41" s="321">
        <v>39026192</v>
      </c>
      <c r="NM41" s="142">
        <v>0</v>
      </c>
      <c r="NN41" s="119">
        <v>0</v>
      </c>
      <c r="NO41" s="120">
        <v>0</v>
      </c>
      <c r="NP41" s="145"/>
      <c r="NQ41" s="119">
        <v>0</v>
      </c>
      <c r="NR41" s="119">
        <v>0</v>
      </c>
      <c r="NS41" s="119">
        <v>0</v>
      </c>
      <c r="NT41" s="119">
        <v>315708</v>
      </c>
      <c r="NU41" s="119">
        <v>352655</v>
      </c>
      <c r="NV41" s="120">
        <v>668363</v>
      </c>
      <c r="NW41" s="121">
        <v>668363</v>
      </c>
      <c r="NX41" s="142">
        <v>0</v>
      </c>
      <c r="NY41" s="119">
        <v>0</v>
      </c>
      <c r="NZ41" s="120">
        <v>0</v>
      </c>
      <c r="OA41" s="145"/>
      <c r="OB41" s="119">
        <v>0</v>
      </c>
      <c r="OC41" s="119">
        <v>0</v>
      </c>
      <c r="OD41" s="119">
        <v>0</v>
      </c>
      <c r="OE41" s="119">
        <v>1647275</v>
      </c>
      <c r="OF41" s="119">
        <v>0</v>
      </c>
      <c r="OG41" s="120">
        <v>1647275</v>
      </c>
      <c r="OH41" s="121">
        <v>1647275</v>
      </c>
      <c r="OI41" s="142">
        <v>1284754</v>
      </c>
      <c r="OJ41" s="119">
        <v>3004417</v>
      </c>
      <c r="OK41" s="141">
        <v>4289171</v>
      </c>
      <c r="OL41" s="118">
        <v>0</v>
      </c>
      <c r="OM41" s="119">
        <v>31738977</v>
      </c>
      <c r="ON41" s="119">
        <v>39661220</v>
      </c>
      <c r="OO41" s="119">
        <v>59816097</v>
      </c>
      <c r="OP41" s="119">
        <v>56583923</v>
      </c>
      <c r="OQ41" s="119">
        <v>43407654</v>
      </c>
      <c r="OR41" s="120">
        <v>231207871</v>
      </c>
      <c r="OS41" s="143">
        <v>235497042</v>
      </c>
    </row>
    <row r="42" spans="2:409" ht="19.8" customHeight="1" thickBot="1" x14ac:dyDescent="0.25">
      <c r="B42" s="63" t="s">
        <v>37</v>
      </c>
      <c r="C42" s="117">
        <v>265823</v>
      </c>
      <c r="D42" s="178">
        <v>81119</v>
      </c>
      <c r="E42" s="179">
        <v>346942</v>
      </c>
      <c r="F42" s="180">
        <v>0</v>
      </c>
      <c r="G42" s="178">
        <v>1844770</v>
      </c>
      <c r="H42" s="178">
        <v>1644165</v>
      </c>
      <c r="I42" s="178">
        <v>2087255</v>
      </c>
      <c r="J42" s="178">
        <v>1208725</v>
      </c>
      <c r="K42" s="178">
        <v>1121162</v>
      </c>
      <c r="L42" s="180">
        <v>7906077</v>
      </c>
      <c r="M42" s="181">
        <v>8253019</v>
      </c>
      <c r="N42" s="117">
        <v>50444</v>
      </c>
      <c r="O42" s="178">
        <v>39872</v>
      </c>
      <c r="P42" s="179">
        <v>90316</v>
      </c>
      <c r="Q42" s="117">
        <v>0</v>
      </c>
      <c r="R42" s="178">
        <v>202001</v>
      </c>
      <c r="S42" s="178">
        <v>490813</v>
      </c>
      <c r="T42" s="178">
        <v>549669</v>
      </c>
      <c r="U42" s="178">
        <v>360062</v>
      </c>
      <c r="V42" s="178">
        <v>509262</v>
      </c>
      <c r="W42" s="179">
        <v>2111807</v>
      </c>
      <c r="X42" s="181">
        <v>2202123</v>
      </c>
      <c r="Y42" s="117">
        <v>0</v>
      </c>
      <c r="Z42" s="178">
        <v>0</v>
      </c>
      <c r="AA42" s="179">
        <v>0</v>
      </c>
      <c r="AB42" s="117">
        <v>0</v>
      </c>
      <c r="AC42" s="178">
        <v>53021</v>
      </c>
      <c r="AD42" s="178">
        <v>216929</v>
      </c>
      <c r="AE42" s="178">
        <v>130228</v>
      </c>
      <c r="AF42" s="178">
        <v>100270</v>
      </c>
      <c r="AG42" s="178">
        <v>395221</v>
      </c>
      <c r="AH42" s="179">
        <v>895669</v>
      </c>
      <c r="AI42" s="181">
        <v>895669</v>
      </c>
      <c r="AJ42" s="117">
        <v>0</v>
      </c>
      <c r="AK42" s="178">
        <v>0</v>
      </c>
      <c r="AL42" s="179">
        <v>0</v>
      </c>
      <c r="AM42" s="117">
        <v>0</v>
      </c>
      <c r="AN42" s="178">
        <v>0</v>
      </c>
      <c r="AO42" s="178">
        <v>0</v>
      </c>
      <c r="AP42" s="178">
        <v>105520</v>
      </c>
      <c r="AQ42" s="178">
        <v>0</v>
      </c>
      <c r="AR42" s="178">
        <v>37037</v>
      </c>
      <c r="AS42" s="179">
        <v>142557</v>
      </c>
      <c r="AT42" s="181">
        <v>142557</v>
      </c>
      <c r="AU42" s="117">
        <v>40652</v>
      </c>
      <c r="AV42" s="178">
        <v>39872</v>
      </c>
      <c r="AW42" s="179">
        <v>80524</v>
      </c>
      <c r="AX42" s="117">
        <v>0</v>
      </c>
      <c r="AY42" s="178">
        <v>69274</v>
      </c>
      <c r="AZ42" s="178">
        <v>176327</v>
      </c>
      <c r="BA42" s="178">
        <v>133406</v>
      </c>
      <c r="BB42" s="178">
        <v>173291</v>
      </c>
      <c r="BC42" s="178">
        <v>29274</v>
      </c>
      <c r="BD42" s="179">
        <v>581572</v>
      </c>
      <c r="BE42" s="181">
        <v>662096</v>
      </c>
      <c r="BF42" s="117">
        <v>0</v>
      </c>
      <c r="BG42" s="178">
        <v>0</v>
      </c>
      <c r="BH42" s="183">
        <v>0</v>
      </c>
      <c r="BI42" s="182">
        <v>0</v>
      </c>
      <c r="BJ42" s="178">
        <v>54749</v>
      </c>
      <c r="BK42" s="178">
        <v>48588</v>
      </c>
      <c r="BL42" s="178">
        <v>88166</v>
      </c>
      <c r="BM42" s="178">
        <v>41426</v>
      </c>
      <c r="BN42" s="178">
        <v>0</v>
      </c>
      <c r="BO42" s="179">
        <v>232929</v>
      </c>
      <c r="BP42" s="181">
        <v>232929</v>
      </c>
      <c r="BQ42" s="117">
        <v>9792</v>
      </c>
      <c r="BR42" s="178">
        <v>0</v>
      </c>
      <c r="BS42" s="179">
        <v>9792</v>
      </c>
      <c r="BT42" s="117">
        <v>0</v>
      </c>
      <c r="BU42" s="178">
        <v>24957</v>
      </c>
      <c r="BV42" s="178">
        <v>48969</v>
      </c>
      <c r="BW42" s="178">
        <v>92349</v>
      </c>
      <c r="BX42" s="178">
        <v>45075</v>
      </c>
      <c r="BY42" s="178">
        <v>47730</v>
      </c>
      <c r="BZ42" s="179">
        <v>259080</v>
      </c>
      <c r="CA42" s="181">
        <v>268872</v>
      </c>
      <c r="CB42" s="117">
        <v>47238</v>
      </c>
      <c r="CC42" s="178">
        <v>0</v>
      </c>
      <c r="CD42" s="179">
        <v>47238</v>
      </c>
      <c r="CE42" s="117">
        <v>0</v>
      </c>
      <c r="CF42" s="178">
        <v>838238</v>
      </c>
      <c r="CG42" s="178">
        <v>350661</v>
      </c>
      <c r="CH42" s="178">
        <v>603871</v>
      </c>
      <c r="CI42" s="178">
        <v>185655</v>
      </c>
      <c r="CJ42" s="178">
        <v>62483</v>
      </c>
      <c r="CK42" s="179">
        <v>2040908</v>
      </c>
      <c r="CL42" s="181">
        <v>2088146</v>
      </c>
      <c r="CM42" s="117">
        <v>0</v>
      </c>
      <c r="CN42" s="178">
        <v>0</v>
      </c>
      <c r="CO42" s="179">
        <v>0</v>
      </c>
      <c r="CP42" s="182">
        <v>0</v>
      </c>
      <c r="CQ42" s="178">
        <v>405910</v>
      </c>
      <c r="CR42" s="178">
        <v>241444</v>
      </c>
      <c r="CS42" s="178">
        <v>204217</v>
      </c>
      <c r="CT42" s="178">
        <v>125223</v>
      </c>
      <c r="CU42" s="178">
        <v>62483</v>
      </c>
      <c r="CV42" s="179">
        <v>1039277</v>
      </c>
      <c r="CW42" s="181">
        <v>1039277</v>
      </c>
      <c r="CX42" s="117">
        <v>47238</v>
      </c>
      <c r="CY42" s="178">
        <v>0</v>
      </c>
      <c r="CZ42" s="179">
        <v>47238</v>
      </c>
      <c r="DA42" s="117">
        <v>0</v>
      </c>
      <c r="DB42" s="178">
        <v>432328</v>
      </c>
      <c r="DC42" s="178">
        <v>109217</v>
      </c>
      <c r="DD42" s="178">
        <v>399654</v>
      </c>
      <c r="DE42" s="178">
        <v>60432</v>
      </c>
      <c r="DF42" s="178">
        <v>0</v>
      </c>
      <c r="DG42" s="179">
        <v>1001631</v>
      </c>
      <c r="DH42" s="181">
        <v>1048869</v>
      </c>
      <c r="DI42" s="117">
        <v>0</v>
      </c>
      <c r="DJ42" s="178">
        <v>0</v>
      </c>
      <c r="DK42" s="183">
        <v>0</v>
      </c>
      <c r="DL42" s="182">
        <v>0</v>
      </c>
      <c r="DM42" s="178">
        <v>66575</v>
      </c>
      <c r="DN42" s="178">
        <v>188966</v>
      </c>
      <c r="DO42" s="178">
        <v>253977</v>
      </c>
      <c r="DP42" s="178">
        <v>188559</v>
      </c>
      <c r="DQ42" s="178">
        <v>56959</v>
      </c>
      <c r="DR42" s="179">
        <v>755036</v>
      </c>
      <c r="DS42" s="181">
        <v>755036</v>
      </c>
      <c r="DT42" s="117">
        <v>0</v>
      </c>
      <c r="DU42" s="178">
        <v>0</v>
      </c>
      <c r="DV42" s="179">
        <v>0</v>
      </c>
      <c r="DW42" s="117">
        <v>0</v>
      </c>
      <c r="DX42" s="178">
        <v>53409</v>
      </c>
      <c r="DY42" s="178">
        <v>25836</v>
      </c>
      <c r="DZ42" s="178">
        <v>188031</v>
      </c>
      <c r="EA42" s="178">
        <v>61315</v>
      </c>
      <c r="EB42" s="178">
        <v>56959</v>
      </c>
      <c r="EC42" s="179">
        <v>385550</v>
      </c>
      <c r="ED42" s="181">
        <v>385550</v>
      </c>
      <c r="EE42" s="117">
        <v>0</v>
      </c>
      <c r="EF42" s="183">
        <v>0</v>
      </c>
      <c r="EG42" s="179">
        <v>0</v>
      </c>
      <c r="EH42" s="117">
        <v>0</v>
      </c>
      <c r="EI42" s="178">
        <v>13166</v>
      </c>
      <c r="EJ42" s="178">
        <v>163130</v>
      </c>
      <c r="EK42" s="178">
        <v>65946</v>
      </c>
      <c r="EL42" s="178">
        <v>127244</v>
      </c>
      <c r="EM42" s="178">
        <v>0</v>
      </c>
      <c r="EN42" s="183">
        <v>369486</v>
      </c>
      <c r="EO42" s="181">
        <v>369486</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9"/>
      <c r="FE42" s="178">
        <v>0</v>
      </c>
      <c r="FF42" s="178">
        <v>0</v>
      </c>
      <c r="FG42" s="178">
        <v>0</v>
      </c>
      <c r="FH42" s="178">
        <v>0</v>
      </c>
      <c r="FI42" s="178">
        <v>0</v>
      </c>
      <c r="FJ42" s="179">
        <v>0</v>
      </c>
      <c r="FK42" s="181">
        <v>0</v>
      </c>
      <c r="FL42" s="117">
        <v>105696</v>
      </c>
      <c r="FM42" s="178">
        <v>18432</v>
      </c>
      <c r="FN42" s="179">
        <v>124128</v>
      </c>
      <c r="FO42" s="117">
        <v>0</v>
      </c>
      <c r="FP42" s="178">
        <v>255261</v>
      </c>
      <c r="FQ42" s="178">
        <v>327429</v>
      </c>
      <c r="FR42" s="178">
        <v>331038</v>
      </c>
      <c r="FS42" s="178">
        <v>154332</v>
      </c>
      <c r="FT42" s="178">
        <v>174076</v>
      </c>
      <c r="FU42" s="179">
        <v>1242136</v>
      </c>
      <c r="FV42" s="181">
        <v>1366264</v>
      </c>
      <c r="FW42" s="184">
        <v>75204</v>
      </c>
      <c r="FX42" s="178">
        <v>18432</v>
      </c>
      <c r="FY42" s="183">
        <v>93636</v>
      </c>
      <c r="FZ42" s="182">
        <v>0</v>
      </c>
      <c r="GA42" s="178">
        <v>255261</v>
      </c>
      <c r="GB42" s="178">
        <v>327429</v>
      </c>
      <c r="GC42" s="178">
        <v>331038</v>
      </c>
      <c r="GD42" s="178">
        <v>154332</v>
      </c>
      <c r="GE42" s="178">
        <v>92176</v>
      </c>
      <c r="GF42" s="179">
        <v>1160236</v>
      </c>
      <c r="GG42" s="320">
        <v>1253872</v>
      </c>
      <c r="GH42" s="184">
        <v>30492</v>
      </c>
      <c r="GI42" s="178">
        <v>0</v>
      </c>
      <c r="GJ42" s="183">
        <v>30492</v>
      </c>
      <c r="GK42" s="182">
        <v>0</v>
      </c>
      <c r="GL42" s="178">
        <v>0</v>
      </c>
      <c r="GM42" s="178">
        <v>0</v>
      </c>
      <c r="GN42" s="178">
        <v>0</v>
      </c>
      <c r="GO42" s="178">
        <v>0</v>
      </c>
      <c r="GP42" s="178">
        <v>0</v>
      </c>
      <c r="GQ42" s="179">
        <v>0</v>
      </c>
      <c r="GR42" s="181">
        <v>30492</v>
      </c>
      <c r="GS42" s="117">
        <v>0</v>
      </c>
      <c r="GT42" s="178">
        <v>0</v>
      </c>
      <c r="GU42" s="179">
        <v>0</v>
      </c>
      <c r="GV42" s="117">
        <v>0</v>
      </c>
      <c r="GW42" s="178">
        <v>0</v>
      </c>
      <c r="GX42" s="178">
        <v>0</v>
      </c>
      <c r="GY42" s="178">
        <v>0</v>
      </c>
      <c r="GZ42" s="178">
        <v>0</v>
      </c>
      <c r="HA42" s="178">
        <v>81900</v>
      </c>
      <c r="HB42" s="183">
        <v>81900</v>
      </c>
      <c r="HC42" s="181">
        <v>81900</v>
      </c>
      <c r="HD42" s="117">
        <v>0</v>
      </c>
      <c r="HE42" s="178">
        <v>0</v>
      </c>
      <c r="HF42" s="183">
        <v>0</v>
      </c>
      <c r="HG42" s="182">
        <v>0</v>
      </c>
      <c r="HH42" s="178">
        <v>0</v>
      </c>
      <c r="HI42" s="178">
        <v>0</v>
      </c>
      <c r="HJ42" s="178">
        <v>0</v>
      </c>
      <c r="HK42" s="178">
        <v>177661</v>
      </c>
      <c r="HL42" s="178">
        <v>231078</v>
      </c>
      <c r="HM42" s="179">
        <v>408739</v>
      </c>
      <c r="HN42" s="180">
        <v>408739</v>
      </c>
      <c r="HO42" s="184">
        <v>62445</v>
      </c>
      <c r="HP42" s="178">
        <v>22815</v>
      </c>
      <c r="HQ42" s="179">
        <v>85260</v>
      </c>
      <c r="HR42" s="117">
        <v>0</v>
      </c>
      <c r="HS42" s="178">
        <v>482695</v>
      </c>
      <c r="HT42" s="178">
        <v>286296</v>
      </c>
      <c r="HU42" s="178">
        <v>348700</v>
      </c>
      <c r="HV42" s="178">
        <v>142456</v>
      </c>
      <c r="HW42" s="178">
        <v>87304</v>
      </c>
      <c r="HX42" s="183">
        <v>1347451</v>
      </c>
      <c r="HY42" s="181">
        <v>1432711</v>
      </c>
      <c r="HZ42" s="151">
        <v>0</v>
      </c>
      <c r="IA42" s="152">
        <v>0</v>
      </c>
      <c r="IB42" s="153">
        <v>0</v>
      </c>
      <c r="IC42" s="154">
        <v>0</v>
      </c>
      <c r="ID42" s="155">
        <v>1609246</v>
      </c>
      <c r="IE42" s="156">
        <v>1153814</v>
      </c>
      <c r="IF42" s="157">
        <v>1670424</v>
      </c>
      <c r="IG42" s="155">
        <v>0</v>
      </c>
      <c r="IH42" s="157">
        <v>551388</v>
      </c>
      <c r="II42" s="158">
        <v>4984872</v>
      </c>
      <c r="IJ42" s="159">
        <v>4984872</v>
      </c>
      <c r="IK42" s="233">
        <v>0</v>
      </c>
      <c r="IL42" s="238">
        <v>0</v>
      </c>
      <c r="IM42" s="239">
        <v>0</v>
      </c>
      <c r="IN42" s="160"/>
      <c r="IO42" s="161">
        <v>0</v>
      </c>
      <c r="IP42" s="161">
        <v>0</v>
      </c>
      <c r="IQ42" s="161">
        <v>360382</v>
      </c>
      <c r="IR42" s="161">
        <v>0</v>
      </c>
      <c r="IS42" s="161">
        <v>0</v>
      </c>
      <c r="IT42" s="162">
        <v>360382</v>
      </c>
      <c r="IU42" s="322">
        <v>360382</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1341562</v>
      </c>
      <c r="JL42" s="161">
        <v>936632</v>
      </c>
      <c r="JM42" s="161">
        <v>692401</v>
      </c>
      <c r="JN42" s="161">
        <v>0</v>
      </c>
      <c r="JO42" s="161">
        <v>317305</v>
      </c>
      <c r="JP42" s="165">
        <v>3287900</v>
      </c>
      <c r="JQ42" s="322">
        <v>3287900</v>
      </c>
      <c r="JR42" s="163">
        <v>0</v>
      </c>
      <c r="JS42" s="161">
        <v>0</v>
      </c>
      <c r="JT42" s="162">
        <v>0</v>
      </c>
      <c r="JU42" s="164">
        <v>0</v>
      </c>
      <c r="JV42" s="161">
        <v>46038</v>
      </c>
      <c r="JW42" s="161">
        <v>0</v>
      </c>
      <c r="JX42" s="161">
        <v>230343</v>
      </c>
      <c r="JY42" s="161">
        <v>0</v>
      </c>
      <c r="JZ42" s="161">
        <v>234083</v>
      </c>
      <c r="KA42" s="165">
        <v>510464</v>
      </c>
      <c r="KB42" s="322">
        <v>510464</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21646</v>
      </c>
      <c r="KS42" s="161">
        <v>217182</v>
      </c>
      <c r="KT42" s="161">
        <v>387298</v>
      </c>
      <c r="KU42" s="161">
        <v>0</v>
      </c>
      <c r="KV42" s="161">
        <v>0</v>
      </c>
      <c r="KW42" s="165">
        <v>826126</v>
      </c>
      <c r="KX42" s="322">
        <v>826126</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2">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497271</v>
      </c>
      <c r="MK42" s="161">
        <v>287228</v>
      </c>
      <c r="ML42" s="161">
        <v>3194332</v>
      </c>
      <c r="MM42" s="161">
        <v>2361580</v>
      </c>
      <c r="MN42" s="161">
        <v>2767510</v>
      </c>
      <c r="MO42" s="165">
        <v>9107921</v>
      </c>
      <c r="MP42" s="167">
        <v>9107921</v>
      </c>
      <c r="MQ42" s="163">
        <v>0</v>
      </c>
      <c r="MR42" s="161">
        <v>0</v>
      </c>
      <c r="MS42" s="165">
        <v>0</v>
      </c>
      <c r="MT42" s="169"/>
      <c r="MU42" s="161">
        <v>0</v>
      </c>
      <c r="MV42" s="161">
        <v>0</v>
      </c>
      <c r="MW42" s="161">
        <v>2053854</v>
      </c>
      <c r="MX42" s="161">
        <v>1629666</v>
      </c>
      <c r="MY42" s="161">
        <v>2102307</v>
      </c>
      <c r="MZ42" s="165">
        <v>5785827</v>
      </c>
      <c r="NA42" s="167">
        <v>5785827</v>
      </c>
      <c r="NB42" s="163">
        <v>0</v>
      </c>
      <c r="NC42" s="161">
        <v>0</v>
      </c>
      <c r="ND42" s="165">
        <v>0</v>
      </c>
      <c r="NE42" s="169"/>
      <c r="NF42" s="161">
        <v>497271</v>
      </c>
      <c r="NG42" s="161">
        <v>287228</v>
      </c>
      <c r="NH42" s="161">
        <v>1140478</v>
      </c>
      <c r="NI42" s="161">
        <v>367743</v>
      </c>
      <c r="NJ42" s="161">
        <v>325454</v>
      </c>
      <c r="NK42" s="165">
        <v>2618174</v>
      </c>
      <c r="NL42" s="322">
        <v>2618174</v>
      </c>
      <c r="NM42" s="163">
        <v>0</v>
      </c>
      <c r="NN42" s="161">
        <v>0</v>
      </c>
      <c r="NO42" s="165">
        <v>0</v>
      </c>
      <c r="NP42" s="169"/>
      <c r="NQ42" s="161">
        <v>0</v>
      </c>
      <c r="NR42" s="161">
        <v>0</v>
      </c>
      <c r="NS42" s="161">
        <v>0</v>
      </c>
      <c r="NT42" s="161">
        <v>364171</v>
      </c>
      <c r="NU42" s="161">
        <v>0</v>
      </c>
      <c r="NV42" s="165">
        <v>364171</v>
      </c>
      <c r="NW42" s="166">
        <v>364171</v>
      </c>
      <c r="NX42" s="163">
        <v>0</v>
      </c>
      <c r="NY42" s="161">
        <v>0</v>
      </c>
      <c r="NZ42" s="165">
        <v>0</v>
      </c>
      <c r="OA42" s="169"/>
      <c r="OB42" s="161">
        <v>0</v>
      </c>
      <c r="OC42" s="161">
        <v>0</v>
      </c>
      <c r="OD42" s="161">
        <v>0</v>
      </c>
      <c r="OE42" s="161">
        <v>0</v>
      </c>
      <c r="OF42" s="161">
        <v>339749</v>
      </c>
      <c r="OG42" s="165">
        <v>339749</v>
      </c>
      <c r="OH42" s="166">
        <v>339749</v>
      </c>
      <c r="OI42" s="163">
        <v>265823</v>
      </c>
      <c r="OJ42" s="161">
        <v>81119</v>
      </c>
      <c r="OK42" s="162">
        <v>346942</v>
      </c>
      <c r="OL42" s="164">
        <v>0</v>
      </c>
      <c r="OM42" s="161">
        <v>3951287</v>
      </c>
      <c r="ON42" s="161">
        <v>3085207</v>
      </c>
      <c r="OO42" s="161">
        <v>6952011</v>
      </c>
      <c r="OP42" s="161">
        <v>3570305</v>
      </c>
      <c r="OQ42" s="161">
        <v>4440060</v>
      </c>
      <c r="OR42" s="165">
        <v>21998870</v>
      </c>
      <c r="OS42" s="167">
        <v>22345812</v>
      </c>
    </row>
    <row r="43" spans="2:409" x14ac:dyDescent="0.2">
      <c r="B43" s="1" t="s">
        <v>84</v>
      </c>
    </row>
  </sheetData>
  <mergeCells count="159">
    <mergeCell ref="FK7:FK8"/>
    <mergeCell ref="DI5:FK5"/>
    <mergeCell ref="I1:J1"/>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G2:H2"/>
    <mergeCell ref="ES7:EY7"/>
    <mergeCell ref="EZ7:EZ8"/>
    <mergeCell ref="DS7:DS8"/>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5" customWidth="1"/>
    <col min="83" max="83" width="7.6640625" style="325" customWidth="1"/>
    <col min="84" max="84" width="9.88671875" style="325" customWidth="1"/>
    <col min="85" max="85" width="10" style="325" customWidth="1"/>
    <col min="86" max="86" width="9.77734375" style="325" customWidth="1"/>
    <col min="87" max="87" width="9.21875" style="325" customWidth="1"/>
    <col min="88" max="88" width="8.77734375" style="325" customWidth="1"/>
    <col min="89" max="89" width="9.88671875" style="325" customWidth="1"/>
    <col min="90" max="90" width="9.77734375" style="325"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5" customWidth="1"/>
    <col min="116" max="116" width="7.21875" style="325" customWidth="1"/>
    <col min="117" max="121" width="8.21875" style="325" customWidth="1"/>
    <col min="122" max="122" width="10.109375" style="325" customWidth="1"/>
    <col min="123" max="123" width="9.77734375" style="325"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5" customWidth="1"/>
    <col min="171" max="171" width="6.6640625" style="325" customWidth="1"/>
    <col min="172" max="176" width="8.21875" style="325" customWidth="1"/>
    <col min="177" max="177" width="10.109375" style="325" customWidth="1"/>
    <col min="178" max="178" width="9.88671875" style="325"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368">
        <f>第１表!F2</f>
        <v>4</v>
      </c>
      <c r="F1" s="251">
        <f>第１表!G2</f>
        <v>8</v>
      </c>
      <c r="G1" s="650">
        <f>IF(F1&lt;3,F1-2+12,F1-2)</f>
        <v>6</v>
      </c>
      <c r="H1" s="650"/>
      <c r="IB1" s="368"/>
      <c r="IC1" s="253"/>
      <c r="ID1" s="641"/>
      <c r="IE1" s="641"/>
    </row>
    <row r="2" spans="1:409" ht="24" customHeight="1" x14ac:dyDescent="0.2">
      <c r="B2" s="20" t="s">
        <v>147</v>
      </c>
      <c r="E2" s="250"/>
      <c r="F2" s="251"/>
      <c r="G2" s="342"/>
      <c r="H2" s="342"/>
      <c r="IB2" s="252"/>
      <c r="IC2" s="253"/>
      <c r="ID2" s="371"/>
      <c r="IE2" s="371"/>
    </row>
    <row r="3" spans="1:409" ht="24" customHeight="1" thickBot="1" x14ac:dyDescent="0.25">
      <c r="B3" s="20" t="s">
        <v>137</v>
      </c>
    </row>
    <row r="4" spans="1:409" ht="19.5" customHeight="1" thickBot="1" x14ac:dyDescent="0.25">
      <c r="B4" s="677" t="s">
        <v>42</v>
      </c>
      <c r="C4" s="680" t="s">
        <v>63</v>
      </c>
      <c r="D4" s="680"/>
      <c r="E4" s="680"/>
      <c r="F4" s="680"/>
      <c r="G4" s="680"/>
      <c r="H4" s="680"/>
      <c r="I4" s="680"/>
      <c r="J4" s="680"/>
      <c r="K4" s="680"/>
      <c r="L4" s="680"/>
      <c r="M4" s="680"/>
      <c r="N4" s="683"/>
      <c r="O4" s="683"/>
      <c r="P4" s="683"/>
      <c r="Q4" s="683"/>
      <c r="R4" s="683"/>
      <c r="S4" s="683"/>
      <c r="T4" s="683"/>
      <c r="U4" s="683"/>
      <c r="V4" s="683"/>
      <c r="W4" s="683"/>
      <c r="X4" s="683"/>
      <c r="Y4" s="683"/>
      <c r="Z4" s="683"/>
      <c r="AA4" s="683"/>
      <c r="AB4" s="683"/>
      <c r="AC4" s="683"/>
      <c r="AD4" s="683"/>
      <c r="AE4" s="683"/>
      <c r="AF4" s="683"/>
      <c r="AG4" s="683"/>
      <c r="AH4" s="683"/>
      <c r="AI4" s="683"/>
      <c r="AJ4" s="683"/>
      <c r="AK4" s="683"/>
      <c r="AL4" s="683"/>
      <c r="AM4" s="683"/>
      <c r="AN4" s="683"/>
      <c r="AO4" s="683"/>
      <c r="AP4" s="683"/>
      <c r="AQ4" s="683"/>
      <c r="AR4" s="683"/>
      <c r="AS4" s="683"/>
      <c r="AT4" s="683"/>
      <c r="AU4" s="683"/>
      <c r="AV4" s="683"/>
      <c r="AW4" s="683"/>
      <c r="AX4" s="683"/>
      <c r="AY4" s="683"/>
      <c r="AZ4" s="683"/>
      <c r="BA4" s="683"/>
      <c r="BB4" s="683"/>
      <c r="BC4" s="683"/>
      <c r="BD4" s="683"/>
      <c r="BE4" s="683"/>
      <c r="BF4" s="683"/>
      <c r="BG4" s="683"/>
      <c r="BH4" s="683"/>
      <c r="BI4" s="683"/>
      <c r="BJ4" s="683"/>
      <c r="BK4" s="683"/>
      <c r="BL4" s="683"/>
      <c r="BM4" s="683"/>
      <c r="BN4" s="683"/>
      <c r="BO4" s="683"/>
      <c r="BP4" s="683"/>
      <c r="BQ4" s="683"/>
      <c r="BR4" s="683"/>
      <c r="BS4" s="683"/>
      <c r="BT4" s="683"/>
      <c r="BU4" s="683"/>
      <c r="BV4" s="683"/>
      <c r="BW4" s="683"/>
      <c r="BX4" s="683"/>
      <c r="BY4" s="683"/>
      <c r="BZ4" s="683"/>
      <c r="CA4" s="683"/>
      <c r="CB4" s="683"/>
      <c r="CC4" s="683"/>
      <c r="CD4" s="683"/>
      <c r="CE4" s="683"/>
      <c r="CF4" s="683"/>
      <c r="CG4" s="683"/>
      <c r="CH4" s="683"/>
      <c r="CI4" s="683"/>
      <c r="CJ4" s="683"/>
      <c r="CK4" s="683"/>
      <c r="CL4" s="683"/>
      <c r="CM4" s="683"/>
      <c r="CN4" s="683"/>
      <c r="CO4" s="683"/>
      <c r="CP4" s="683"/>
      <c r="CQ4" s="683"/>
      <c r="CR4" s="683"/>
      <c r="CS4" s="683"/>
      <c r="CT4" s="683"/>
      <c r="CU4" s="683"/>
      <c r="CV4" s="683"/>
      <c r="CW4" s="683"/>
      <c r="CX4" s="683"/>
      <c r="CY4" s="683"/>
      <c r="CZ4" s="683"/>
      <c r="DA4" s="683"/>
      <c r="DB4" s="683"/>
      <c r="DC4" s="683"/>
      <c r="DD4" s="683"/>
      <c r="DE4" s="683"/>
      <c r="DF4" s="683"/>
      <c r="DG4" s="683"/>
      <c r="DH4" s="683"/>
      <c r="DI4" s="683"/>
      <c r="DJ4" s="683"/>
      <c r="DK4" s="683"/>
      <c r="DL4" s="683"/>
      <c r="DM4" s="683"/>
      <c r="DN4" s="683"/>
      <c r="DO4" s="683"/>
      <c r="DP4" s="683"/>
      <c r="DQ4" s="683"/>
      <c r="DR4" s="683"/>
      <c r="DS4" s="683"/>
      <c r="DT4" s="683"/>
      <c r="DU4" s="683"/>
      <c r="DV4" s="683"/>
      <c r="DW4" s="683"/>
      <c r="DX4" s="683"/>
      <c r="DY4" s="683"/>
      <c r="DZ4" s="683"/>
      <c r="EA4" s="683"/>
      <c r="EB4" s="683"/>
      <c r="EC4" s="683"/>
      <c r="ED4" s="683"/>
      <c r="EE4" s="683"/>
      <c r="EF4" s="683"/>
      <c r="EG4" s="683"/>
      <c r="EH4" s="683"/>
      <c r="EI4" s="683"/>
      <c r="EJ4" s="683"/>
      <c r="EK4" s="683"/>
      <c r="EL4" s="683"/>
      <c r="EM4" s="683"/>
      <c r="EN4" s="683"/>
      <c r="EO4" s="683"/>
      <c r="EP4" s="683"/>
      <c r="EQ4" s="683"/>
      <c r="ER4" s="683"/>
      <c r="ES4" s="683"/>
      <c r="ET4" s="683"/>
      <c r="EU4" s="683"/>
      <c r="EV4" s="683"/>
      <c r="EW4" s="683"/>
      <c r="EX4" s="683"/>
      <c r="EY4" s="683"/>
      <c r="EZ4" s="683"/>
      <c r="FA4" s="683"/>
      <c r="FB4" s="683"/>
      <c r="FC4" s="683"/>
      <c r="FD4" s="683"/>
      <c r="FE4" s="683"/>
      <c r="FF4" s="683"/>
      <c r="FG4" s="683"/>
      <c r="FH4" s="683"/>
      <c r="FI4" s="683"/>
      <c r="FJ4" s="683"/>
      <c r="FK4" s="683"/>
      <c r="FL4" s="683"/>
      <c r="FM4" s="683"/>
      <c r="FN4" s="683"/>
      <c r="FO4" s="683"/>
      <c r="FP4" s="683"/>
      <c r="FQ4" s="683"/>
      <c r="FR4" s="683"/>
      <c r="FS4" s="683"/>
      <c r="FT4" s="683"/>
      <c r="FU4" s="683"/>
      <c r="FV4" s="683"/>
      <c r="FW4" s="683"/>
      <c r="FX4" s="683"/>
      <c r="FY4" s="683"/>
      <c r="FZ4" s="683"/>
      <c r="GA4" s="683"/>
      <c r="GB4" s="683"/>
      <c r="GC4" s="683"/>
      <c r="GD4" s="683"/>
      <c r="GE4" s="683"/>
      <c r="GF4" s="683"/>
      <c r="GG4" s="683"/>
      <c r="GH4" s="683"/>
      <c r="GI4" s="683"/>
      <c r="GJ4" s="683"/>
      <c r="GK4" s="683"/>
      <c r="GL4" s="683"/>
      <c r="GM4" s="683"/>
      <c r="GN4" s="683"/>
      <c r="GO4" s="683"/>
      <c r="GP4" s="683"/>
      <c r="GQ4" s="683"/>
      <c r="GR4" s="683"/>
      <c r="GS4" s="683"/>
      <c r="GT4" s="683"/>
      <c r="GU4" s="683"/>
      <c r="GV4" s="683"/>
      <c r="GW4" s="683"/>
      <c r="GX4" s="683"/>
      <c r="GY4" s="683"/>
      <c r="GZ4" s="683"/>
      <c r="HA4" s="683"/>
      <c r="HB4" s="683"/>
      <c r="HC4" s="683"/>
      <c r="HD4" s="683"/>
      <c r="HE4" s="683"/>
      <c r="HF4" s="683"/>
      <c r="HG4" s="683"/>
      <c r="HH4" s="683"/>
      <c r="HI4" s="683"/>
      <c r="HJ4" s="683"/>
      <c r="HK4" s="683"/>
      <c r="HL4" s="683"/>
      <c r="HM4" s="683"/>
      <c r="HN4" s="683"/>
      <c r="HO4" s="683"/>
      <c r="HP4" s="683"/>
      <c r="HQ4" s="683"/>
      <c r="HR4" s="683"/>
      <c r="HS4" s="683"/>
      <c r="HT4" s="683"/>
      <c r="HU4" s="683"/>
      <c r="HV4" s="683"/>
      <c r="HW4" s="683"/>
      <c r="HX4" s="683"/>
      <c r="HY4" s="684"/>
      <c r="HZ4" s="638" t="s">
        <v>85</v>
      </c>
      <c r="IA4" s="639"/>
      <c r="IB4" s="639"/>
      <c r="IC4" s="639"/>
      <c r="ID4" s="639"/>
      <c r="IE4" s="639"/>
      <c r="IF4" s="639"/>
      <c r="IG4" s="639"/>
      <c r="IH4" s="639"/>
      <c r="II4" s="639"/>
      <c r="IJ4" s="639"/>
      <c r="IK4" s="639"/>
      <c r="IL4" s="639"/>
      <c r="IM4" s="639"/>
      <c r="IN4" s="639"/>
      <c r="IO4" s="639"/>
      <c r="IP4" s="639"/>
      <c r="IQ4" s="639"/>
      <c r="IR4" s="639"/>
      <c r="IS4" s="639"/>
      <c r="IT4" s="639"/>
      <c r="IU4" s="639"/>
      <c r="IV4" s="639"/>
      <c r="IW4" s="639"/>
      <c r="IX4" s="639"/>
      <c r="IY4" s="639"/>
      <c r="IZ4" s="639"/>
      <c r="JA4" s="639"/>
      <c r="JB4" s="639"/>
      <c r="JC4" s="639"/>
      <c r="JD4" s="639"/>
      <c r="JE4" s="639"/>
      <c r="JF4" s="639"/>
      <c r="JG4" s="639"/>
      <c r="JH4" s="639"/>
      <c r="JI4" s="639"/>
      <c r="JJ4" s="639"/>
      <c r="JK4" s="639"/>
      <c r="JL4" s="639"/>
      <c r="JM4" s="639"/>
      <c r="JN4" s="639"/>
      <c r="JO4" s="639"/>
      <c r="JP4" s="639"/>
      <c r="JQ4" s="639"/>
      <c r="JR4" s="639"/>
      <c r="JS4" s="639"/>
      <c r="JT4" s="639"/>
      <c r="JU4" s="639"/>
      <c r="JV4" s="639"/>
      <c r="JW4" s="639"/>
      <c r="JX4" s="639"/>
      <c r="JY4" s="639"/>
      <c r="JZ4" s="639"/>
      <c r="KA4" s="639"/>
      <c r="KB4" s="639"/>
      <c r="KC4" s="639"/>
      <c r="KD4" s="639"/>
      <c r="KE4" s="639"/>
      <c r="KF4" s="639"/>
      <c r="KG4" s="639"/>
      <c r="KH4" s="639"/>
      <c r="KI4" s="639"/>
      <c r="KJ4" s="639"/>
      <c r="KK4" s="639"/>
      <c r="KL4" s="639"/>
      <c r="KM4" s="639"/>
      <c r="KN4" s="639"/>
      <c r="KO4" s="639"/>
      <c r="KP4" s="639"/>
      <c r="KQ4" s="639"/>
      <c r="KR4" s="639"/>
      <c r="KS4" s="639"/>
      <c r="KT4" s="639"/>
      <c r="KU4" s="639"/>
      <c r="KV4" s="639"/>
      <c r="KW4" s="639"/>
      <c r="KX4" s="639"/>
      <c r="KY4" s="639"/>
      <c r="KZ4" s="639"/>
      <c r="LA4" s="639"/>
      <c r="LB4" s="639"/>
      <c r="LC4" s="639"/>
      <c r="LD4" s="639"/>
      <c r="LE4" s="639"/>
      <c r="LF4" s="639"/>
      <c r="LG4" s="639"/>
      <c r="LH4" s="639"/>
      <c r="LI4" s="639"/>
      <c r="LJ4" s="639"/>
      <c r="LK4" s="639"/>
      <c r="LL4" s="639"/>
      <c r="LM4" s="639"/>
      <c r="LN4" s="639"/>
      <c r="LO4" s="639"/>
      <c r="LP4" s="639"/>
      <c r="LQ4" s="639"/>
      <c r="LR4" s="639"/>
      <c r="LS4" s="639"/>
      <c r="LT4" s="639"/>
      <c r="LU4" s="639"/>
      <c r="LV4" s="639"/>
      <c r="LW4" s="639"/>
      <c r="LX4" s="639"/>
      <c r="LY4" s="639"/>
      <c r="LZ4" s="639"/>
      <c r="MA4" s="639"/>
      <c r="MB4" s="639"/>
      <c r="MC4" s="639"/>
      <c r="MD4" s="639"/>
      <c r="ME4" s="640"/>
      <c r="MF4" s="638" t="s">
        <v>86</v>
      </c>
      <c r="MG4" s="639"/>
      <c r="MH4" s="639"/>
      <c r="MI4" s="639"/>
      <c r="MJ4" s="639"/>
      <c r="MK4" s="639"/>
      <c r="ML4" s="639"/>
      <c r="MM4" s="639"/>
      <c r="MN4" s="639"/>
      <c r="MO4" s="639"/>
      <c r="MP4" s="639"/>
      <c r="MQ4" s="639"/>
      <c r="MR4" s="639"/>
      <c r="MS4" s="639"/>
      <c r="MT4" s="639"/>
      <c r="MU4" s="639"/>
      <c r="MV4" s="639"/>
      <c r="MW4" s="639"/>
      <c r="MX4" s="639"/>
      <c r="MY4" s="639"/>
      <c r="MZ4" s="639"/>
      <c r="NA4" s="639"/>
      <c r="NB4" s="639"/>
      <c r="NC4" s="639"/>
      <c r="ND4" s="639"/>
      <c r="NE4" s="639"/>
      <c r="NF4" s="639"/>
      <c r="NG4" s="639"/>
      <c r="NH4" s="639"/>
      <c r="NI4" s="639"/>
      <c r="NJ4" s="639"/>
      <c r="NK4" s="639"/>
      <c r="NL4" s="639"/>
      <c r="NM4" s="639"/>
      <c r="NN4" s="639"/>
      <c r="NO4" s="639"/>
      <c r="NP4" s="639"/>
      <c r="NQ4" s="639"/>
      <c r="NR4" s="639"/>
      <c r="NS4" s="639"/>
      <c r="NT4" s="639"/>
      <c r="NU4" s="639"/>
      <c r="NV4" s="639"/>
      <c r="NW4" s="639"/>
      <c r="NX4" s="639"/>
      <c r="NY4" s="639"/>
      <c r="NZ4" s="639"/>
      <c r="OA4" s="639"/>
      <c r="OB4" s="639"/>
      <c r="OC4" s="639"/>
      <c r="OD4" s="639"/>
      <c r="OE4" s="639"/>
      <c r="OF4" s="639"/>
      <c r="OG4" s="639"/>
      <c r="OH4" s="640"/>
      <c r="OI4" s="594" t="s">
        <v>60</v>
      </c>
      <c r="OJ4" s="503"/>
      <c r="OK4" s="503"/>
      <c r="OL4" s="503"/>
      <c r="OM4" s="503"/>
      <c r="ON4" s="503"/>
      <c r="OO4" s="503"/>
      <c r="OP4" s="503"/>
      <c r="OQ4" s="503"/>
      <c r="OR4" s="503"/>
      <c r="OS4" s="504"/>
    </row>
    <row r="5" spans="1:409" ht="19.5" customHeight="1" thickBot="1" x14ac:dyDescent="0.25">
      <c r="B5" s="678"/>
      <c r="C5" s="681"/>
      <c r="D5" s="681"/>
      <c r="E5" s="681"/>
      <c r="F5" s="681"/>
      <c r="G5" s="681"/>
      <c r="H5" s="681"/>
      <c r="I5" s="681"/>
      <c r="J5" s="681"/>
      <c r="K5" s="681"/>
      <c r="L5" s="681"/>
      <c r="M5" s="681"/>
      <c r="N5" s="685" t="s">
        <v>64</v>
      </c>
      <c r="O5" s="686"/>
      <c r="P5" s="686"/>
      <c r="Q5" s="686"/>
      <c r="R5" s="686"/>
      <c r="S5" s="686"/>
      <c r="T5" s="686"/>
      <c r="U5" s="686"/>
      <c r="V5" s="686"/>
      <c r="W5" s="686"/>
      <c r="X5" s="686"/>
      <c r="Y5" s="686"/>
      <c r="Z5" s="686"/>
      <c r="AA5" s="686"/>
      <c r="AB5" s="686"/>
      <c r="AC5" s="686"/>
      <c r="AD5" s="686"/>
      <c r="AE5" s="686"/>
      <c r="AF5" s="686"/>
      <c r="AG5" s="686"/>
      <c r="AH5" s="686"/>
      <c r="AI5" s="686"/>
      <c r="AJ5" s="686"/>
      <c r="AK5" s="686"/>
      <c r="AL5" s="686"/>
      <c r="AM5" s="686"/>
      <c r="AN5" s="686"/>
      <c r="AO5" s="686"/>
      <c r="AP5" s="686"/>
      <c r="AQ5" s="686"/>
      <c r="AR5" s="686"/>
      <c r="AS5" s="686"/>
      <c r="AT5" s="686"/>
      <c r="AU5" s="686"/>
      <c r="AV5" s="686"/>
      <c r="AW5" s="686"/>
      <c r="AX5" s="686"/>
      <c r="AY5" s="686"/>
      <c r="AZ5" s="686"/>
      <c r="BA5" s="686"/>
      <c r="BB5" s="686"/>
      <c r="BC5" s="686"/>
      <c r="BD5" s="686"/>
      <c r="BE5" s="686"/>
      <c r="BF5" s="686"/>
      <c r="BG5" s="686"/>
      <c r="BH5" s="686"/>
      <c r="BI5" s="686"/>
      <c r="BJ5" s="686"/>
      <c r="BK5" s="686"/>
      <c r="BL5" s="686"/>
      <c r="BM5" s="686"/>
      <c r="BN5" s="686"/>
      <c r="BO5" s="686"/>
      <c r="BP5" s="686"/>
      <c r="BQ5" s="686"/>
      <c r="BR5" s="686"/>
      <c r="BS5" s="686"/>
      <c r="BT5" s="686"/>
      <c r="BU5" s="686"/>
      <c r="BV5" s="686"/>
      <c r="BW5" s="686"/>
      <c r="BX5" s="686"/>
      <c r="BY5" s="686"/>
      <c r="BZ5" s="686"/>
      <c r="CA5" s="687"/>
      <c r="CB5" s="685" t="s">
        <v>65</v>
      </c>
      <c r="CC5" s="686"/>
      <c r="CD5" s="686"/>
      <c r="CE5" s="686"/>
      <c r="CF5" s="686"/>
      <c r="CG5" s="686"/>
      <c r="CH5" s="686"/>
      <c r="CI5" s="686"/>
      <c r="CJ5" s="686"/>
      <c r="CK5" s="686"/>
      <c r="CL5" s="686"/>
      <c r="CM5" s="686"/>
      <c r="CN5" s="686"/>
      <c r="CO5" s="686"/>
      <c r="CP5" s="686"/>
      <c r="CQ5" s="686"/>
      <c r="CR5" s="686"/>
      <c r="CS5" s="686"/>
      <c r="CT5" s="686"/>
      <c r="CU5" s="686"/>
      <c r="CV5" s="686"/>
      <c r="CW5" s="686"/>
      <c r="CX5" s="686"/>
      <c r="CY5" s="686"/>
      <c r="CZ5" s="686"/>
      <c r="DA5" s="686"/>
      <c r="DB5" s="686"/>
      <c r="DC5" s="686"/>
      <c r="DD5" s="686"/>
      <c r="DE5" s="686"/>
      <c r="DF5" s="686"/>
      <c r="DG5" s="686"/>
      <c r="DH5" s="687"/>
      <c r="DI5" s="507" t="s">
        <v>66</v>
      </c>
      <c r="DJ5" s="508"/>
      <c r="DK5" s="508"/>
      <c r="DL5" s="508"/>
      <c r="DM5" s="508"/>
      <c r="DN5" s="508"/>
      <c r="DO5" s="508"/>
      <c r="DP5" s="508"/>
      <c r="DQ5" s="508"/>
      <c r="DR5" s="508"/>
      <c r="DS5" s="508"/>
      <c r="DT5" s="508"/>
      <c r="DU5" s="508"/>
      <c r="DV5" s="508"/>
      <c r="DW5" s="508"/>
      <c r="DX5" s="508"/>
      <c r="DY5" s="508"/>
      <c r="DZ5" s="508"/>
      <c r="EA5" s="508"/>
      <c r="EB5" s="508"/>
      <c r="EC5" s="508"/>
      <c r="ED5" s="508"/>
      <c r="EE5" s="508"/>
      <c r="EF5" s="508"/>
      <c r="EG5" s="508"/>
      <c r="EH5" s="508"/>
      <c r="EI5" s="508"/>
      <c r="EJ5" s="508"/>
      <c r="EK5" s="508"/>
      <c r="EL5" s="508"/>
      <c r="EM5" s="508"/>
      <c r="EN5" s="508"/>
      <c r="EO5" s="508"/>
      <c r="EP5" s="508"/>
      <c r="EQ5" s="508"/>
      <c r="ER5" s="508"/>
      <c r="ES5" s="508"/>
      <c r="ET5" s="508"/>
      <c r="EU5" s="508"/>
      <c r="EV5" s="508"/>
      <c r="EW5" s="508"/>
      <c r="EX5" s="508"/>
      <c r="EY5" s="508"/>
      <c r="EZ5" s="508"/>
      <c r="FA5" s="508"/>
      <c r="FB5" s="508"/>
      <c r="FC5" s="508"/>
      <c r="FD5" s="508"/>
      <c r="FE5" s="508"/>
      <c r="FF5" s="508"/>
      <c r="FG5" s="508"/>
      <c r="FH5" s="508"/>
      <c r="FI5" s="508"/>
      <c r="FJ5" s="508"/>
      <c r="FK5" s="509"/>
      <c r="FL5" s="685" t="s">
        <v>67</v>
      </c>
      <c r="FM5" s="686"/>
      <c r="FN5" s="686"/>
      <c r="FO5" s="686"/>
      <c r="FP5" s="686"/>
      <c r="FQ5" s="686"/>
      <c r="FR5" s="686"/>
      <c r="FS5" s="686"/>
      <c r="FT5" s="686"/>
      <c r="FU5" s="686"/>
      <c r="FV5" s="686"/>
      <c r="FW5" s="686"/>
      <c r="FX5" s="686"/>
      <c r="FY5" s="686"/>
      <c r="FZ5" s="686"/>
      <c r="GA5" s="686"/>
      <c r="GB5" s="686"/>
      <c r="GC5" s="686"/>
      <c r="GD5" s="686"/>
      <c r="GE5" s="686"/>
      <c r="GF5" s="686"/>
      <c r="GG5" s="686"/>
      <c r="GH5" s="686"/>
      <c r="GI5" s="686"/>
      <c r="GJ5" s="686"/>
      <c r="GK5" s="686"/>
      <c r="GL5" s="686"/>
      <c r="GM5" s="686"/>
      <c r="GN5" s="686"/>
      <c r="GO5" s="686"/>
      <c r="GP5" s="686"/>
      <c r="GQ5" s="686"/>
      <c r="GR5" s="686"/>
      <c r="GS5" s="686"/>
      <c r="GT5" s="686"/>
      <c r="GU5" s="686"/>
      <c r="GV5" s="686"/>
      <c r="GW5" s="686"/>
      <c r="GX5" s="686"/>
      <c r="GY5" s="686"/>
      <c r="GZ5" s="686"/>
      <c r="HA5" s="686"/>
      <c r="HB5" s="686"/>
      <c r="HC5" s="687"/>
      <c r="HD5" s="688" t="s">
        <v>68</v>
      </c>
      <c r="HE5" s="689"/>
      <c r="HF5" s="689"/>
      <c r="HG5" s="689"/>
      <c r="HH5" s="689"/>
      <c r="HI5" s="689"/>
      <c r="HJ5" s="689"/>
      <c r="HK5" s="689"/>
      <c r="HL5" s="689"/>
      <c r="HM5" s="689"/>
      <c r="HN5" s="690"/>
      <c r="HO5" s="688" t="s">
        <v>69</v>
      </c>
      <c r="HP5" s="689"/>
      <c r="HQ5" s="689"/>
      <c r="HR5" s="689"/>
      <c r="HS5" s="689"/>
      <c r="HT5" s="689"/>
      <c r="HU5" s="689"/>
      <c r="HV5" s="689"/>
      <c r="HW5" s="689"/>
      <c r="HX5" s="689"/>
      <c r="HY5" s="690"/>
      <c r="HZ5" s="617"/>
      <c r="IA5" s="618"/>
      <c r="IB5" s="618"/>
      <c r="IC5" s="618"/>
      <c r="ID5" s="618"/>
      <c r="IE5" s="618"/>
      <c r="IF5" s="618"/>
      <c r="IG5" s="618"/>
      <c r="IH5" s="618"/>
      <c r="II5" s="618"/>
      <c r="IJ5" s="619"/>
      <c r="IK5" s="594" t="s">
        <v>94</v>
      </c>
      <c r="IL5" s="503"/>
      <c r="IM5" s="503"/>
      <c r="IN5" s="503"/>
      <c r="IO5" s="503"/>
      <c r="IP5" s="503"/>
      <c r="IQ5" s="503"/>
      <c r="IR5" s="503"/>
      <c r="IS5" s="503"/>
      <c r="IT5" s="503"/>
      <c r="IU5" s="504"/>
      <c r="IV5" s="594" t="s">
        <v>88</v>
      </c>
      <c r="IW5" s="503"/>
      <c r="IX5" s="503"/>
      <c r="IY5" s="503"/>
      <c r="IZ5" s="503"/>
      <c r="JA5" s="503"/>
      <c r="JB5" s="503"/>
      <c r="JC5" s="503"/>
      <c r="JD5" s="503"/>
      <c r="JE5" s="503"/>
      <c r="JF5" s="504"/>
      <c r="JG5" s="623" t="s">
        <v>144</v>
      </c>
      <c r="JH5" s="624"/>
      <c r="JI5" s="624"/>
      <c r="JJ5" s="624"/>
      <c r="JK5" s="624"/>
      <c r="JL5" s="624"/>
      <c r="JM5" s="624"/>
      <c r="JN5" s="624"/>
      <c r="JO5" s="624"/>
      <c r="JP5" s="624"/>
      <c r="JQ5" s="625"/>
      <c r="JR5" s="594" t="s">
        <v>90</v>
      </c>
      <c r="JS5" s="503"/>
      <c r="JT5" s="503"/>
      <c r="JU5" s="503"/>
      <c r="JV5" s="503"/>
      <c r="JW5" s="503"/>
      <c r="JX5" s="503"/>
      <c r="JY5" s="503"/>
      <c r="JZ5" s="503"/>
      <c r="KA5" s="503"/>
      <c r="KB5" s="504"/>
      <c r="KC5" s="594" t="s">
        <v>89</v>
      </c>
      <c r="KD5" s="503"/>
      <c r="KE5" s="503"/>
      <c r="KF5" s="503"/>
      <c r="KG5" s="503"/>
      <c r="KH5" s="503"/>
      <c r="KI5" s="503"/>
      <c r="KJ5" s="503"/>
      <c r="KK5" s="503"/>
      <c r="KL5" s="503"/>
      <c r="KM5" s="504"/>
      <c r="KN5" s="594" t="s">
        <v>91</v>
      </c>
      <c r="KO5" s="503"/>
      <c r="KP5" s="503"/>
      <c r="KQ5" s="503"/>
      <c r="KR5" s="503"/>
      <c r="KS5" s="503"/>
      <c r="KT5" s="503"/>
      <c r="KU5" s="503"/>
      <c r="KV5" s="503"/>
      <c r="KW5" s="503"/>
      <c r="KX5" s="504"/>
      <c r="KY5" s="594" t="s">
        <v>92</v>
      </c>
      <c r="KZ5" s="503"/>
      <c r="LA5" s="503"/>
      <c r="LB5" s="503"/>
      <c r="LC5" s="503"/>
      <c r="LD5" s="503"/>
      <c r="LE5" s="503"/>
      <c r="LF5" s="503"/>
      <c r="LG5" s="503"/>
      <c r="LH5" s="503"/>
      <c r="LI5" s="504"/>
      <c r="LJ5" s="629" t="s">
        <v>93</v>
      </c>
      <c r="LK5" s="630"/>
      <c r="LL5" s="630"/>
      <c r="LM5" s="630"/>
      <c r="LN5" s="630"/>
      <c r="LO5" s="630"/>
      <c r="LP5" s="630"/>
      <c r="LQ5" s="630"/>
      <c r="LR5" s="630"/>
      <c r="LS5" s="630"/>
      <c r="LT5" s="631"/>
      <c r="LU5" s="632" t="s">
        <v>145</v>
      </c>
      <c r="LV5" s="633"/>
      <c r="LW5" s="633"/>
      <c r="LX5" s="633"/>
      <c r="LY5" s="633"/>
      <c r="LZ5" s="633"/>
      <c r="MA5" s="633"/>
      <c r="MB5" s="633"/>
      <c r="MC5" s="633"/>
      <c r="MD5" s="633"/>
      <c r="ME5" s="634"/>
      <c r="MF5" s="617"/>
      <c r="MG5" s="618"/>
      <c r="MH5" s="618"/>
      <c r="MI5" s="618"/>
      <c r="MJ5" s="618"/>
      <c r="MK5" s="618"/>
      <c r="ML5" s="618"/>
      <c r="MM5" s="618"/>
      <c r="MN5" s="618"/>
      <c r="MO5" s="618"/>
      <c r="MP5" s="619"/>
      <c r="MQ5" s="594" t="s">
        <v>57</v>
      </c>
      <c r="MR5" s="503"/>
      <c r="MS5" s="503"/>
      <c r="MT5" s="503"/>
      <c r="MU5" s="503"/>
      <c r="MV5" s="503"/>
      <c r="MW5" s="503"/>
      <c r="MX5" s="503"/>
      <c r="MY5" s="503"/>
      <c r="MZ5" s="503"/>
      <c r="NA5" s="504"/>
      <c r="NB5" s="594" t="s">
        <v>58</v>
      </c>
      <c r="NC5" s="503"/>
      <c r="ND5" s="503"/>
      <c r="NE5" s="503"/>
      <c r="NF5" s="503"/>
      <c r="NG5" s="503"/>
      <c r="NH5" s="503"/>
      <c r="NI5" s="503"/>
      <c r="NJ5" s="503"/>
      <c r="NK5" s="503"/>
      <c r="NL5" s="504"/>
      <c r="NM5" s="594" t="s">
        <v>59</v>
      </c>
      <c r="NN5" s="503"/>
      <c r="NO5" s="503"/>
      <c r="NP5" s="503"/>
      <c r="NQ5" s="503"/>
      <c r="NR5" s="503"/>
      <c r="NS5" s="503"/>
      <c r="NT5" s="503"/>
      <c r="NU5" s="503"/>
      <c r="NV5" s="503"/>
      <c r="NW5" s="504"/>
      <c r="NX5" s="642" t="s">
        <v>151</v>
      </c>
      <c r="NY5" s="643"/>
      <c r="NZ5" s="643"/>
      <c r="OA5" s="643"/>
      <c r="OB5" s="643"/>
      <c r="OC5" s="643"/>
      <c r="OD5" s="643"/>
      <c r="OE5" s="643"/>
      <c r="OF5" s="643"/>
      <c r="OG5" s="643"/>
      <c r="OH5" s="644"/>
      <c r="OI5" s="614"/>
      <c r="OJ5" s="615"/>
      <c r="OK5" s="615"/>
      <c r="OL5" s="615"/>
      <c r="OM5" s="615"/>
      <c r="ON5" s="615"/>
      <c r="OO5" s="615"/>
      <c r="OP5" s="615"/>
      <c r="OQ5" s="615"/>
      <c r="OR5" s="615"/>
      <c r="OS5" s="616"/>
    </row>
    <row r="6" spans="1:409" ht="19.5" customHeight="1" thickBot="1" x14ac:dyDescent="0.25">
      <c r="B6" s="678"/>
      <c r="C6" s="682"/>
      <c r="D6" s="682"/>
      <c r="E6" s="682"/>
      <c r="F6" s="682"/>
      <c r="G6" s="682"/>
      <c r="H6" s="682"/>
      <c r="I6" s="682"/>
      <c r="J6" s="682"/>
      <c r="K6" s="682"/>
      <c r="L6" s="682"/>
      <c r="M6" s="682"/>
      <c r="N6" s="516"/>
      <c r="O6" s="517"/>
      <c r="P6" s="517"/>
      <c r="Q6" s="517"/>
      <c r="R6" s="517"/>
      <c r="S6" s="517"/>
      <c r="T6" s="517"/>
      <c r="U6" s="517"/>
      <c r="V6" s="517"/>
      <c r="W6" s="517"/>
      <c r="X6" s="518"/>
      <c r="Y6" s="697" t="s">
        <v>70</v>
      </c>
      <c r="Z6" s="520"/>
      <c r="AA6" s="520"/>
      <c r="AB6" s="520"/>
      <c r="AC6" s="520"/>
      <c r="AD6" s="520"/>
      <c r="AE6" s="520"/>
      <c r="AF6" s="520"/>
      <c r="AG6" s="520"/>
      <c r="AH6" s="520"/>
      <c r="AI6" s="521"/>
      <c r="AJ6" s="694" t="s">
        <v>71</v>
      </c>
      <c r="AK6" s="695"/>
      <c r="AL6" s="695"/>
      <c r="AM6" s="695"/>
      <c r="AN6" s="695"/>
      <c r="AO6" s="695"/>
      <c r="AP6" s="695"/>
      <c r="AQ6" s="695"/>
      <c r="AR6" s="695"/>
      <c r="AS6" s="695"/>
      <c r="AT6" s="696"/>
      <c r="AU6" s="694" t="s">
        <v>72</v>
      </c>
      <c r="AV6" s="695"/>
      <c r="AW6" s="695"/>
      <c r="AX6" s="695"/>
      <c r="AY6" s="695"/>
      <c r="AZ6" s="695"/>
      <c r="BA6" s="695"/>
      <c r="BB6" s="695"/>
      <c r="BC6" s="695"/>
      <c r="BD6" s="695"/>
      <c r="BE6" s="696"/>
      <c r="BF6" s="694" t="s">
        <v>73</v>
      </c>
      <c r="BG6" s="695"/>
      <c r="BH6" s="695"/>
      <c r="BI6" s="695"/>
      <c r="BJ6" s="695"/>
      <c r="BK6" s="695"/>
      <c r="BL6" s="695"/>
      <c r="BM6" s="695"/>
      <c r="BN6" s="695"/>
      <c r="BO6" s="695"/>
      <c r="BP6" s="696"/>
      <c r="BQ6" s="694" t="s">
        <v>74</v>
      </c>
      <c r="BR6" s="695"/>
      <c r="BS6" s="695"/>
      <c r="BT6" s="695"/>
      <c r="BU6" s="695"/>
      <c r="BV6" s="695"/>
      <c r="BW6" s="695"/>
      <c r="BX6" s="695"/>
      <c r="BY6" s="695"/>
      <c r="BZ6" s="695"/>
      <c r="CA6" s="696"/>
      <c r="CB6" s="698"/>
      <c r="CC6" s="699"/>
      <c r="CD6" s="699"/>
      <c r="CE6" s="699"/>
      <c r="CF6" s="699"/>
      <c r="CG6" s="699"/>
      <c r="CH6" s="699"/>
      <c r="CI6" s="699"/>
      <c r="CJ6" s="699"/>
      <c r="CK6" s="699"/>
      <c r="CL6" s="700"/>
      <c r="CM6" s="694" t="s">
        <v>75</v>
      </c>
      <c r="CN6" s="695"/>
      <c r="CO6" s="695"/>
      <c r="CP6" s="695"/>
      <c r="CQ6" s="695"/>
      <c r="CR6" s="695"/>
      <c r="CS6" s="695"/>
      <c r="CT6" s="695"/>
      <c r="CU6" s="695"/>
      <c r="CV6" s="695"/>
      <c r="CW6" s="696"/>
      <c r="CX6" s="694" t="s">
        <v>76</v>
      </c>
      <c r="CY6" s="695"/>
      <c r="CZ6" s="695"/>
      <c r="DA6" s="695"/>
      <c r="DB6" s="695"/>
      <c r="DC6" s="695"/>
      <c r="DD6" s="695"/>
      <c r="DE6" s="695"/>
      <c r="DF6" s="695"/>
      <c r="DG6" s="695"/>
      <c r="DH6" s="696"/>
      <c r="DI6" s="698"/>
      <c r="DJ6" s="699"/>
      <c r="DK6" s="699"/>
      <c r="DL6" s="699"/>
      <c r="DM6" s="699"/>
      <c r="DN6" s="699"/>
      <c r="DO6" s="699"/>
      <c r="DP6" s="699"/>
      <c r="DQ6" s="699"/>
      <c r="DR6" s="699"/>
      <c r="DS6" s="699"/>
      <c r="DT6" s="694" t="s">
        <v>77</v>
      </c>
      <c r="DU6" s="695"/>
      <c r="DV6" s="695"/>
      <c r="DW6" s="695"/>
      <c r="DX6" s="695"/>
      <c r="DY6" s="695"/>
      <c r="DZ6" s="695"/>
      <c r="EA6" s="695"/>
      <c r="EB6" s="695"/>
      <c r="EC6" s="695"/>
      <c r="ED6" s="696"/>
      <c r="EE6" s="694" t="s">
        <v>78</v>
      </c>
      <c r="EF6" s="695"/>
      <c r="EG6" s="695"/>
      <c r="EH6" s="695"/>
      <c r="EI6" s="695"/>
      <c r="EJ6" s="695"/>
      <c r="EK6" s="695"/>
      <c r="EL6" s="695"/>
      <c r="EM6" s="695"/>
      <c r="EN6" s="695"/>
      <c r="EO6" s="696"/>
      <c r="EP6" s="694" t="s">
        <v>79</v>
      </c>
      <c r="EQ6" s="695"/>
      <c r="ER6" s="695"/>
      <c r="ES6" s="695"/>
      <c r="ET6" s="695"/>
      <c r="EU6" s="695"/>
      <c r="EV6" s="695"/>
      <c r="EW6" s="695"/>
      <c r="EX6" s="695"/>
      <c r="EY6" s="695"/>
      <c r="EZ6" s="696"/>
      <c r="FA6" s="676" t="s">
        <v>152</v>
      </c>
      <c r="FB6" s="695"/>
      <c r="FC6" s="695"/>
      <c r="FD6" s="695"/>
      <c r="FE6" s="695"/>
      <c r="FF6" s="695"/>
      <c r="FG6" s="695"/>
      <c r="FH6" s="695"/>
      <c r="FI6" s="695"/>
      <c r="FJ6" s="695"/>
      <c r="FK6" s="696"/>
      <c r="FL6" s="698"/>
      <c r="FM6" s="699"/>
      <c r="FN6" s="699"/>
      <c r="FO6" s="699"/>
      <c r="FP6" s="699"/>
      <c r="FQ6" s="699"/>
      <c r="FR6" s="699"/>
      <c r="FS6" s="699"/>
      <c r="FT6" s="699"/>
      <c r="FU6" s="699"/>
      <c r="FV6" s="699"/>
      <c r="FW6" s="694" t="s">
        <v>80</v>
      </c>
      <c r="FX6" s="695"/>
      <c r="FY6" s="695"/>
      <c r="FZ6" s="695"/>
      <c r="GA6" s="695"/>
      <c r="GB6" s="695"/>
      <c r="GC6" s="695"/>
      <c r="GD6" s="695"/>
      <c r="GE6" s="695"/>
      <c r="GF6" s="695"/>
      <c r="GG6" s="696"/>
      <c r="GH6" s="697" t="s">
        <v>81</v>
      </c>
      <c r="GI6" s="520"/>
      <c r="GJ6" s="520"/>
      <c r="GK6" s="520"/>
      <c r="GL6" s="520"/>
      <c r="GM6" s="520"/>
      <c r="GN6" s="520"/>
      <c r="GO6" s="520"/>
      <c r="GP6" s="520"/>
      <c r="GQ6" s="520"/>
      <c r="GR6" s="521"/>
      <c r="GS6" s="697" t="s">
        <v>82</v>
      </c>
      <c r="GT6" s="520"/>
      <c r="GU6" s="520"/>
      <c r="GV6" s="520"/>
      <c r="GW6" s="520"/>
      <c r="GX6" s="520"/>
      <c r="GY6" s="520"/>
      <c r="GZ6" s="520"/>
      <c r="HA6" s="520"/>
      <c r="HB6" s="520"/>
      <c r="HC6" s="521"/>
      <c r="HD6" s="691"/>
      <c r="HE6" s="692"/>
      <c r="HF6" s="692"/>
      <c r="HG6" s="692"/>
      <c r="HH6" s="692"/>
      <c r="HI6" s="692"/>
      <c r="HJ6" s="692"/>
      <c r="HK6" s="692"/>
      <c r="HL6" s="692"/>
      <c r="HM6" s="692"/>
      <c r="HN6" s="693"/>
      <c r="HO6" s="691"/>
      <c r="HP6" s="692"/>
      <c r="HQ6" s="692"/>
      <c r="HR6" s="692"/>
      <c r="HS6" s="692"/>
      <c r="HT6" s="692"/>
      <c r="HU6" s="692"/>
      <c r="HV6" s="692"/>
      <c r="HW6" s="692"/>
      <c r="HX6" s="692"/>
      <c r="HY6" s="693"/>
      <c r="HZ6" s="620"/>
      <c r="IA6" s="621"/>
      <c r="IB6" s="621"/>
      <c r="IC6" s="621"/>
      <c r="ID6" s="621"/>
      <c r="IE6" s="621"/>
      <c r="IF6" s="621"/>
      <c r="IG6" s="621"/>
      <c r="IH6" s="621"/>
      <c r="II6" s="621"/>
      <c r="IJ6" s="622"/>
      <c r="IK6" s="595"/>
      <c r="IL6" s="586"/>
      <c r="IM6" s="586"/>
      <c r="IN6" s="586"/>
      <c r="IO6" s="586"/>
      <c r="IP6" s="586"/>
      <c r="IQ6" s="586"/>
      <c r="IR6" s="586"/>
      <c r="IS6" s="586"/>
      <c r="IT6" s="586"/>
      <c r="IU6" s="596"/>
      <c r="IV6" s="595"/>
      <c r="IW6" s="586"/>
      <c r="IX6" s="586"/>
      <c r="IY6" s="586"/>
      <c r="IZ6" s="586"/>
      <c r="JA6" s="586"/>
      <c r="JB6" s="586"/>
      <c r="JC6" s="586"/>
      <c r="JD6" s="586"/>
      <c r="JE6" s="586"/>
      <c r="JF6" s="596"/>
      <c r="JG6" s="626"/>
      <c r="JH6" s="627"/>
      <c r="JI6" s="627"/>
      <c r="JJ6" s="627"/>
      <c r="JK6" s="627"/>
      <c r="JL6" s="627"/>
      <c r="JM6" s="627"/>
      <c r="JN6" s="627"/>
      <c r="JO6" s="627"/>
      <c r="JP6" s="627"/>
      <c r="JQ6" s="628"/>
      <c r="JR6" s="595"/>
      <c r="JS6" s="586"/>
      <c r="JT6" s="586"/>
      <c r="JU6" s="586"/>
      <c r="JV6" s="586"/>
      <c r="JW6" s="586"/>
      <c r="JX6" s="586"/>
      <c r="JY6" s="586"/>
      <c r="JZ6" s="586"/>
      <c r="KA6" s="586"/>
      <c r="KB6" s="596"/>
      <c r="KC6" s="595"/>
      <c r="KD6" s="586"/>
      <c r="KE6" s="586"/>
      <c r="KF6" s="586"/>
      <c r="KG6" s="586"/>
      <c r="KH6" s="586"/>
      <c r="KI6" s="586"/>
      <c r="KJ6" s="586"/>
      <c r="KK6" s="586"/>
      <c r="KL6" s="586"/>
      <c r="KM6" s="596"/>
      <c r="KN6" s="595"/>
      <c r="KO6" s="586"/>
      <c r="KP6" s="586"/>
      <c r="KQ6" s="586"/>
      <c r="KR6" s="586"/>
      <c r="KS6" s="586"/>
      <c r="KT6" s="586"/>
      <c r="KU6" s="586"/>
      <c r="KV6" s="586"/>
      <c r="KW6" s="586"/>
      <c r="KX6" s="596"/>
      <c r="KY6" s="595"/>
      <c r="KZ6" s="586"/>
      <c r="LA6" s="586"/>
      <c r="LB6" s="586"/>
      <c r="LC6" s="586"/>
      <c r="LD6" s="586"/>
      <c r="LE6" s="586"/>
      <c r="LF6" s="586"/>
      <c r="LG6" s="586"/>
      <c r="LH6" s="586"/>
      <c r="LI6" s="596"/>
      <c r="LJ6" s="620"/>
      <c r="LK6" s="621"/>
      <c r="LL6" s="621"/>
      <c r="LM6" s="621"/>
      <c r="LN6" s="621"/>
      <c r="LO6" s="621"/>
      <c r="LP6" s="621"/>
      <c r="LQ6" s="621"/>
      <c r="LR6" s="621"/>
      <c r="LS6" s="621"/>
      <c r="LT6" s="622"/>
      <c r="LU6" s="635"/>
      <c r="LV6" s="636"/>
      <c r="LW6" s="636"/>
      <c r="LX6" s="636"/>
      <c r="LY6" s="636"/>
      <c r="LZ6" s="636"/>
      <c r="MA6" s="636"/>
      <c r="MB6" s="636"/>
      <c r="MC6" s="636"/>
      <c r="MD6" s="636"/>
      <c r="ME6" s="637"/>
      <c r="MF6" s="620"/>
      <c r="MG6" s="621"/>
      <c r="MH6" s="621"/>
      <c r="MI6" s="621"/>
      <c r="MJ6" s="621"/>
      <c r="MK6" s="621"/>
      <c r="ML6" s="621"/>
      <c r="MM6" s="621"/>
      <c r="MN6" s="621"/>
      <c r="MO6" s="621"/>
      <c r="MP6" s="622"/>
      <c r="MQ6" s="595"/>
      <c r="MR6" s="586"/>
      <c r="MS6" s="586"/>
      <c r="MT6" s="586"/>
      <c r="MU6" s="586"/>
      <c r="MV6" s="586"/>
      <c r="MW6" s="586"/>
      <c r="MX6" s="586"/>
      <c r="MY6" s="586"/>
      <c r="MZ6" s="586"/>
      <c r="NA6" s="596"/>
      <c r="NB6" s="595"/>
      <c r="NC6" s="586"/>
      <c r="ND6" s="586"/>
      <c r="NE6" s="586"/>
      <c r="NF6" s="586"/>
      <c r="NG6" s="586"/>
      <c r="NH6" s="586"/>
      <c r="NI6" s="586"/>
      <c r="NJ6" s="586"/>
      <c r="NK6" s="586"/>
      <c r="NL6" s="596"/>
      <c r="NM6" s="595"/>
      <c r="NN6" s="586"/>
      <c r="NO6" s="586"/>
      <c r="NP6" s="586"/>
      <c r="NQ6" s="586"/>
      <c r="NR6" s="586"/>
      <c r="NS6" s="586"/>
      <c r="NT6" s="586"/>
      <c r="NU6" s="586"/>
      <c r="NV6" s="586"/>
      <c r="NW6" s="596"/>
      <c r="NX6" s="645"/>
      <c r="NY6" s="646"/>
      <c r="NZ6" s="646"/>
      <c r="OA6" s="646"/>
      <c r="OB6" s="646"/>
      <c r="OC6" s="646"/>
      <c r="OD6" s="646"/>
      <c r="OE6" s="646"/>
      <c r="OF6" s="646"/>
      <c r="OG6" s="646"/>
      <c r="OH6" s="647"/>
      <c r="OI6" s="595"/>
      <c r="OJ6" s="586"/>
      <c r="OK6" s="586"/>
      <c r="OL6" s="586"/>
      <c r="OM6" s="586"/>
      <c r="ON6" s="586"/>
      <c r="OO6" s="586"/>
      <c r="OP6" s="586"/>
      <c r="OQ6" s="586"/>
      <c r="OR6" s="586"/>
      <c r="OS6" s="596"/>
    </row>
    <row r="7" spans="1:409" ht="23.25" customHeight="1" x14ac:dyDescent="0.2">
      <c r="B7" s="678"/>
      <c r="C7" s="701" t="s">
        <v>61</v>
      </c>
      <c r="D7" s="701"/>
      <c r="E7" s="701"/>
      <c r="F7" s="702" t="s">
        <v>62</v>
      </c>
      <c r="G7" s="701"/>
      <c r="H7" s="701"/>
      <c r="I7" s="701"/>
      <c r="J7" s="701"/>
      <c r="K7" s="701"/>
      <c r="L7" s="701"/>
      <c r="M7" s="702" t="s">
        <v>52</v>
      </c>
      <c r="N7" s="704" t="s">
        <v>61</v>
      </c>
      <c r="O7" s="701"/>
      <c r="P7" s="701"/>
      <c r="Q7" s="702" t="s">
        <v>62</v>
      </c>
      <c r="R7" s="701"/>
      <c r="S7" s="701"/>
      <c r="T7" s="701"/>
      <c r="U7" s="701"/>
      <c r="V7" s="701"/>
      <c r="W7" s="705"/>
      <c r="X7" s="709" t="s">
        <v>52</v>
      </c>
      <c r="Y7" s="516" t="s">
        <v>61</v>
      </c>
      <c r="Z7" s="517"/>
      <c r="AA7" s="711"/>
      <c r="AB7" s="712" t="s">
        <v>62</v>
      </c>
      <c r="AC7" s="517"/>
      <c r="AD7" s="517"/>
      <c r="AE7" s="517"/>
      <c r="AF7" s="517"/>
      <c r="AG7" s="517"/>
      <c r="AH7" s="711"/>
      <c r="AI7" s="518" t="s">
        <v>52</v>
      </c>
      <c r="AJ7" s="714" t="s">
        <v>61</v>
      </c>
      <c r="AK7" s="707"/>
      <c r="AL7" s="715"/>
      <c r="AM7" s="706" t="s">
        <v>62</v>
      </c>
      <c r="AN7" s="707"/>
      <c r="AO7" s="707"/>
      <c r="AP7" s="707"/>
      <c r="AQ7" s="707"/>
      <c r="AR7" s="707"/>
      <c r="AS7" s="708"/>
      <c r="AT7" s="518" t="s">
        <v>52</v>
      </c>
      <c r="AU7" s="714" t="s">
        <v>61</v>
      </c>
      <c r="AV7" s="707"/>
      <c r="AW7" s="715"/>
      <c r="AX7" s="706" t="s">
        <v>62</v>
      </c>
      <c r="AY7" s="707"/>
      <c r="AZ7" s="707"/>
      <c r="BA7" s="707"/>
      <c r="BB7" s="707"/>
      <c r="BC7" s="707"/>
      <c r="BD7" s="708"/>
      <c r="BE7" s="518" t="s">
        <v>52</v>
      </c>
      <c r="BF7" s="714" t="s">
        <v>61</v>
      </c>
      <c r="BG7" s="707"/>
      <c r="BH7" s="715"/>
      <c r="BI7" s="706" t="s">
        <v>62</v>
      </c>
      <c r="BJ7" s="707"/>
      <c r="BK7" s="707"/>
      <c r="BL7" s="707"/>
      <c r="BM7" s="707"/>
      <c r="BN7" s="707"/>
      <c r="BO7" s="708"/>
      <c r="BP7" s="518" t="s">
        <v>52</v>
      </c>
      <c r="BQ7" s="714" t="s">
        <v>61</v>
      </c>
      <c r="BR7" s="707"/>
      <c r="BS7" s="715"/>
      <c r="BT7" s="706" t="s">
        <v>62</v>
      </c>
      <c r="BU7" s="707"/>
      <c r="BV7" s="707"/>
      <c r="BW7" s="707"/>
      <c r="BX7" s="707"/>
      <c r="BY7" s="707"/>
      <c r="BZ7" s="708"/>
      <c r="CA7" s="518" t="s">
        <v>52</v>
      </c>
      <c r="CB7" s="716" t="s">
        <v>61</v>
      </c>
      <c r="CC7" s="717"/>
      <c r="CD7" s="718"/>
      <c r="CE7" s="719" t="s">
        <v>62</v>
      </c>
      <c r="CF7" s="717"/>
      <c r="CG7" s="717"/>
      <c r="CH7" s="717"/>
      <c r="CI7" s="717"/>
      <c r="CJ7" s="717"/>
      <c r="CK7" s="720"/>
      <c r="CL7" s="709" t="s">
        <v>52</v>
      </c>
      <c r="CM7" s="714" t="s">
        <v>61</v>
      </c>
      <c r="CN7" s="707"/>
      <c r="CO7" s="708"/>
      <c r="CP7" s="706" t="s">
        <v>62</v>
      </c>
      <c r="CQ7" s="707"/>
      <c r="CR7" s="707"/>
      <c r="CS7" s="707"/>
      <c r="CT7" s="707"/>
      <c r="CU7" s="707"/>
      <c r="CV7" s="708"/>
      <c r="CW7" s="721" t="s">
        <v>52</v>
      </c>
      <c r="CX7" s="714" t="s">
        <v>61</v>
      </c>
      <c r="CY7" s="707"/>
      <c r="CZ7" s="708"/>
      <c r="DA7" s="706" t="s">
        <v>62</v>
      </c>
      <c r="DB7" s="707"/>
      <c r="DC7" s="707"/>
      <c r="DD7" s="707"/>
      <c r="DE7" s="707"/>
      <c r="DF7" s="707"/>
      <c r="DG7" s="708"/>
      <c r="DH7" s="721" t="s">
        <v>52</v>
      </c>
      <c r="DI7" s="716" t="s">
        <v>61</v>
      </c>
      <c r="DJ7" s="717"/>
      <c r="DK7" s="720"/>
      <c r="DL7" s="719" t="s">
        <v>62</v>
      </c>
      <c r="DM7" s="717"/>
      <c r="DN7" s="717"/>
      <c r="DO7" s="717"/>
      <c r="DP7" s="717"/>
      <c r="DQ7" s="717"/>
      <c r="DR7" s="720"/>
      <c r="DS7" s="709" t="s">
        <v>52</v>
      </c>
      <c r="DT7" s="714" t="s">
        <v>61</v>
      </c>
      <c r="DU7" s="707"/>
      <c r="DV7" s="715"/>
      <c r="DW7" s="706" t="s">
        <v>62</v>
      </c>
      <c r="DX7" s="707"/>
      <c r="DY7" s="707"/>
      <c r="DZ7" s="707"/>
      <c r="EA7" s="707"/>
      <c r="EB7" s="707"/>
      <c r="EC7" s="708"/>
      <c r="ED7" s="518" t="s">
        <v>52</v>
      </c>
      <c r="EE7" s="714" t="s">
        <v>61</v>
      </c>
      <c r="EF7" s="707"/>
      <c r="EG7" s="715"/>
      <c r="EH7" s="706" t="s">
        <v>62</v>
      </c>
      <c r="EI7" s="707"/>
      <c r="EJ7" s="707"/>
      <c r="EK7" s="707"/>
      <c r="EL7" s="707"/>
      <c r="EM7" s="707"/>
      <c r="EN7" s="708"/>
      <c r="EO7" s="518" t="s">
        <v>52</v>
      </c>
      <c r="EP7" s="714" t="s">
        <v>61</v>
      </c>
      <c r="EQ7" s="707"/>
      <c r="ER7" s="715"/>
      <c r="ES7" s="706" t="s">
        <v>62</v>
      </c>
      <c r="ET7" s="707"/>
      <c r="EU7" s="707"/>
      <c r="EV7" s="707"/>
      <c r="EW7" s="707"/>
      <c r="EX7" s="707"/>
      <c r="EY7" s="708"/>
      <c r="EZ7" s="518" t="s">
        <v>52</v>
      </c>
      <c r="FA7" s="714" t="s">
        <v>61</v>
      </c>
      <c r="FB7" s="707"/>
      <c r="FC7" s="715"/>
      <c r="FD7" s="706" t="s">
        <v>62</v>
      </c>
      <c r="FE7" s="707"/>
      <c r="FF7" s="707"/>
      <c r="FG7" s="707"/>
      <c r="FH7" s="707"/>
      <c r="FI7" s="707"/>
      <c r="FJ7" s="708"/>
      <c r="FK7" s="518" t="s">
        <v>52</v>
      </c>
      <c r="FL7" s="716" t="s">
        <v>61</v>
      </c>
      <c r="FM7" s="717"/>
      <c r="FN7" s="718"/>
      <c r="FO7" s="719" t="s">
        <v>62</v>
      </c>
      <c r="FP7" s="717"/>
      <c r="FQ7" s="717"/>
      <c r="FR7" s="717"/>
      <c r="FS7" s="717"/>
      <c r="FT7" s="717"/>
      <c r="FU7" s="720"/>
      <c r="FV7" s="701" t="s">
        <v>52</v>
      </c>
      <c r="FW7" s="714" t="s">
        <v>61</v>
      </c>
      <c r="FX7" s="707"/>
      <c r="FY7" s="715"/>
      <c r="FZ7" s="706" t="s">
        <v>62</v>
      </c>
      <c r="GA7" s="707"/>
      <c r="GB7" s="707"/>
      <c r="GC7" s="707"/>
      <c r="GD7" s="707"/>
      <c r="GE7" s="707"/>
      <c r="GF7" s="708"/>
      <c r="GG7" s="518" t="s">
        <v>52</v>
      </c>
      <c r="GH7" s="516" t="s">
        <v>61</v>
      </c>
      <c r="GI7" s="517"/>
      <c r="GJ7" s="517"/>
      <c r="GK7" s="712" t="s">
        <v>62</v>
      </c>
      <c r="GL7" s="517"/>
      <c r="GM7" s="517"/>
      <c r="GN7" s="517"/>
      <c r="GO7" s="517"/>
      <c r="GP7" s="517"/>
      <c r="GQ7" s="711"/>
      <c r="GR7" s="722" t="s">
        <v>52</v>
      </c>
      <c r="GS7" s="516" t="s">
        <v>61</v>
      </c>
      <c r="GT7" s="517"/>
      <c r="GU7" s="711"/>
      <c r="GV7" s="712" t="s">
        <v>62</v>
      </c>
      <c r="GW7" s="517"/>
      <c r="GX7" s="517"/>
      <c r="GY7" s="517"/>
      <c r="GZ7" s="517"/>
      <c r="HA7" s="517"/>
      <c r="HB7" s="711"/>
      <c r="HC7" s="722" t="s">
        <v>52</v>
      </c>
      <c r="HD7" s="714" t="s">
        <v>61</v>
      </c>
      <c r="HE7" s="707"/>
      <c r="HF7" s="715"/>
      <c r="HG7" s="706" t="s">
        <v>62</v>
      </c>
      <c r="HH7" s="707"/>
      <c r="HI7" s="707"/>
      <c r="HJ7" s="707"/>
      <c r="HK7" s="707"/>
      <c r="HL7" s="707"/>
      <c r="HM7" s="708"/>
      <c r="HN7" s="518" t="s">
        <v>52</v>
      </c>
      <c r="HO7" s="714" t="s">
        <v>61</v>
      </c>
      <c r="HP7" s="707"/>
      <c r="HQ7" s="715"/>
      <c r="HR7" s="706" t="s">
        <v>62</v>
      </c>
      <c r="HS7" s="707"/>
      <c r="HT7" s="707"/>
      <c r="HU7" s="707"/>
      <c r="HV7" s="707"/>
      <c r="HW7" s="707"/>
      <c r="HX7" s="708"/>
      <c r="HY7" s="518" t="s">
        <v>52</v>
      </c>
      <c r="HZ7" s="573" t="s">
        <v>61</v>
      </c>
      <c r="IA7" s="574"/>
      <c r="IB7" s="575"/>
      <c r="IC7" s="609" t="s">
        <v>62</v>
      </c>
      <c r="ID7" s="574"/>
      <c r="IE7" s="574"/>
      <c r="IF7" s="574"/>
      <c r="IG7" s="574"/>
      <c r="IH7" s="574"/>
      <c r="II7" s="610"/>
      <c r="IJ7" s="577" t="s">
        <v>52</v>
      </c>
      <c r="IK7" s="590" t="s">
        <v>61</v>
      </c>
      <c r="IL7" s="583"/>
      <c r="IM7" s="584"/>
      <c r="IN7" s="612" t="s">
        <v>62</v>
      </c>
      <c r="IO7" s="583"/>
      <c r="IP7" s="583"/>
      <c r="IQ7" s="583"/>
      <c r="IR7" s="583"/>
      <c r="IS7" s="583"/>
      <c r="IT7" s="613"/>
      <c r="IU7" s="596" t="s">
        <v>52</v>
      </c>
      <c r="IV7" s="590" t="s">
        <v>61</v>
      </c>
      <c r="IW7" s="583"/>
      <c r="IX7" s="613"/>
      <c r="IY7" s="612" t="s">
        <v>62</v>
      </c>
      <c r="IZ7" s="583"/>
      <c r="JA7" s="583"/>
      <c r="JB7" s="583"/>
      <c r="JC7" s="583"/>
      <c r="JD7" s="583"/>
      <c r="JE7" s="613"/>
      <c r="JF7" s="596" t="s">
        <v>52</v>
      </c>
      <c r="JG7" s="590" t="s">
        <v>61</v>
      </c>
      <c r="JH7" s="583"/>
      <c r="JI7" s="584"/>
      <c r="JJ7" s="612" t="s">
        <v>62</v>
      </c>
      <c r="JK7" s="583"/>
      <c r="JL7" s="583"/>
      <c r="JM7" s="583"/>
      <c r="JN7" s="583"/>
      <c r="JO7" s="583"/>
      <c r="JP7" s="613"/>
      <c r="JQ7" s="607" t="s">
        <v>52</v>
      </c>
      <c r="JR7" s="590" t="s">
        <v>61</v>
      </c>
      <c r="JS7" s="583"/>
      <c r="JT7" s="584"/>
      <c r="JU7" s="612" t="s">
        <v>62</v>
      </c>
      <c r="JV7" s="583"/>
      <c r="JW7" s="583"/>
      <c r="JX7" s="583"/>
      <c r="JY7" s="583"/>
      <c r="JZ7" s="583"/>
      <c r="KA7" s="613"/>
      <c r="KB7" s="607" t="s">
        <v>52</v>
      </c>
      <c r="KC7" s="590" t="s">
        <v>61</v>
      </c>
      <c r="KD7" s="583"/>
      <c r="KE7" s="584"/>
      <c r="KF7" s="612" t="s">
        <v>62</v>
      </c>
      <c r="KG7" s="583"/>
      <c r="KH7" s="583"/>
      <c r="KI7" s="583"/>
      <c r="KJ7" s="583"/>
      <c r="KK7" s="583"/>
      <c r="KL7" s="613"/>
      <c r="KM7" s="607" t="s">
        <v>52</v>
      </c>
      <c r="KN7" s="590" t="s">
        <v>61</v>
      </c>
      <c r="KO7" s="583"/>
      <c r="KP7" s="584"/>
      <c r="KQ7" s="612" t="s">
        <v>62</v>
      </c>
      <c r="KR7" s="583"/>
      <c r="KS7" s="583"/>
      <c r="KT7" s="583"/>
      <c r="KU7" s="583"/>
      <c r="KV7" s="583"/>
      <c r="KW7" s="613"/>
      <c r="KX7" s="607" t="s">
        <v>52</v>
      </c>
      <c r="KY7" s="590" t="s">
        <v>61</v>
      </c>
      <c r="KZ7" s="583"/>
      <c r="LA7" s="584"/>
      <c r="LB7" s="612" t="s">
        <v>62</v>
      </c>
      <c r="LC7" s="583"/>
      <c r="LD7" s="583"/>
      <c r="LE7" s="583"/>
      <c r="LF7" s="583"/>
      <c r="LG7" s="583"/>
      <c r="LH7" s="613"/>
      <c r="LI7" s="607" t="s">
        <v>52</v>
      </c>
      <c r="LJ7" s="590" t="s">
        <v>61</v>
      </c>
      <c r="LK7" s="583"/>
      <c r="LL7" s="584"/>
      <c r="LM7" s="612" t="s">
        <v>62</v>
      </c>
      <c r="LN7" s="583"/>
      <c r="LO7" s="583"/>
      <c r="LP7" s="583"/>
      <c r="LQ7" s="583"/>
      <c r="LR7" s="583"/>
      <c r="LS7" s="613"/>
      <c r="LT7" s="607" t="s">
        <v>52</v>
      </c>
      <c r="LU7" s="590" t="s">
        <v>61</v>
      </c>
      <c r="LV7" s="583"/>
      <c r="LW7" s="584"/>
      <c r="LX7" s="612" t="s">
        <v>62</v>
      </c>
      <c r="LY7" s="583"/>
      <c r="LZ7" s="583"/>
      <c r="MA7" s="583"/>
      <c r="MB7" s="583"/>
      <c r="MC7" s="583"/>
      <c r="MD7" s="613"/>
      <c r="ME7" s="607" t="s">
        <v>52</v>
      </c>
      <c r="MF7" s="573" t="s">
        <v>61</v>
      </c>
      <c r="MG7" s="574"/>
      <c r="MH7" s="575"/>
      <c r="MI7" s="609" t="s">
        <v>62</v>
      </c>
      <c r="MJ7" s="574"/>
      <c r="MK7" s="574"/>
      <c r="ML7" s="574"/>
      <c r="MM7" s="574"/>
      <c r="MN7" s="574"/>
      <c r="MO7" s="610"/>
      <c r="MP7" s="611" t="s">
        <v>52</v>
      </c>
      <c r="MQ7" s="590" t="s">
        <v>61</v>
      </c>
      <c r="MR7" s="583"/>
      <c r="MS7" s="584"/>
      <c r="MT7" s="612" t="s">
        <v>62</v>
      </c>
      <c r="MU7" s="583"/>
      <c r="MV7" s="583"/>
      <c r="MW7" s="583"/>
      <c r="MX7" s="583"/>
      <c r="MY7" s="583"/>
      <c r="MZ7" s="613"/>
      <c r="NA7" s="607" t="s">
        <v>52</v>
      </c>
      <c r="NB7" s="590" t="s">
        <v>61</v>
      </c>
      <c r="NC7" s="583"/>
      <c r="ND7" s="584"/>
      <c r="NE7" s="612" t="s">
        <v>62</v>
      </c>
      <c r="NF7" s="583"/>
      <c r="NG7" s="583"/>
      <c r="NH7" s="583"/>
      <c r="NI7" s="583"/>
      <c r="NJ7" s="583"/>
      <c r="NK7" s="613"/>
      <c r="NL7" s="607" t="s">
        <v>52</v>
      </c>
      <c r="NM7" s="590" t="s">
        <v>61</v>
      </c>
      <c r="NN7" s="583"/>
      <c r="NO7" s="584"/>
      <c r="NP7" s="612" t="s">
        <v>62</v>
      </c>
      <c r="NQ7" s="583"/>
      <c r="NR7" s="583"/>
      <c r="NS7" s="583"/>
      <c r="NT7" s="583"/>
      <c r="NU7" s="583"/>
      <c r="NV7" s="613"/>
      <c r="NW7" s="607" t="s">
        <v>52</v>
      </c>
      <c r="NX7" s="590" t="s">
        <v>61</v>
      </c>
      <c r="NY7" s="583"/>
      <c r="NZ7" s="584"/>
      <c r="OA7" s="612" t="s">
        <v>62</v>
      </c>
      <c r="OB7" s="583"/>
      <c r="OC7" s="583"/>
      <c r="OD7" s="583"/>
      <c r="OE7" s="583"/>
      <c r="OF7" s="583"/>
      <c r="OG7" s="613"/>
      <c r="OH7" s="607" t="s">
        <v>52</v>
      </c>
      <c r="OI7" s="573" t="s">
        <v>61</v>
      </c>
      <c r="OJ7" s="574"/>
      <c r="OK7" s="575"/>
      <c r="OL7" s="609" t="s">
        <v>62</v>
      </c>
      <c r="OM7" s="574"/>
      <c r="ON7" s="574"/>
      <c r="OO7" s="574"/>
      <c r="OP7" s="574"/>
      <c r="OQ7" s="574"/>
      <c r="OR7" s="610"/>
      <c r="OS7" s="611" t="s">
        <v>52</v>
      </c>
    </row>
    <row r="8" spans="1:409" ht="28.5" customHeight="1" thickBot="1" x14ac:dyDescent="0.25">
      <c r="B8" s="679"/>
      <c r="C8" s="326" t="s">
        <v>43</v>
      </c>
      <c r="D8" s="47" t="s">
        <v>44</v>
      </c>
      <c r="E8" s="327" t="s">
        <v>45</v>
      </c>
      <c r="F8" s="52" t="s">
        <v>83</v>
      </c>
      <c r="G8" s="47" t="s">
        <v>47</v>
      </c>
      <c r="H8" s="47" t="s">
        <v>48</v>
      </c>
      <c r="I8" s="47" t="s">
        <v>49</v>
      </c>
      <c r="J8" s="47" t="s">
        <v>50</v>
      </c>
      <c r="K8" s="47" t="s">
        <v>51</v>
      </c>
      <c r="L8" s="48" t="s">
        <v>45</v>
      </c>
      <c r="M8" s="703"/>
      <c r="N8" s="51" t="s">
        <v>43</v>
      </c>
      <c r="O8" s="47" t="s">
        <v>44</v>
      </c>
      <c r="P8" s="48" t="s">
        <v>45</v>
      </c>
      <c r="Q8" s="52" t="s">
        <v>83</v>
      </c>
      <c r="R8" s="47" t="s">
        <v>47</v>
      </c>
      <c r="S8" s="47" t="s">
        <v>48</v>
      </c>
      <c r="T8" s="47" t="s">
        <v>49</v>
      </c>
      <c r="U8" s="47" t="s">
        <v>50</v>
      </c>
      <c r="V8" s="47" t="s">
        <v>51</v>
      </c>
      <c r="W8" s="48" t="s">
        <v>45</v>
      </c>
      <c r="X8" s="710"/>
      <c r="Y8" s="51" t="s">
        <v>43</v>
      </c>
      <c r="Z8" s="47" t="s">
        <v>44</v>
      </c>
      <c r="AA8" s="48" t="s">
        <v>45</v>
      </c>
      <c r="AB8" s="52" t="s">
        <v>83</v>
      </c>
      <c r="AC8" s="47" t="s">
        <v>47</v>
      </c>
      <c r="AD8" s="47" t="s">
        <v>48</v>
      </c>
      <c r="AE8" s="47" t="s">
        <v>49</v>
      </c>
      <c r="AF8" s="47" t="s">
        <v>50</v>
      </c>
      <c r="AG8" s="47" t="s">
        <v>51</v>
      </c>
      <c r="AH8" s="48" t="s">
        <v>45</v>
      </c>
      <c r="AI8" s="713"/>
      <c r="AJ8" s="51" t="s">
        <v>43</v>
      </c>
      <c r="AK8" s="47" t="s">
        <v>44</v>
      </c>
      <c r="AL8" s="327" t="s">
        <v>45</v>
      </c>
      <c r="AM8" s="52" t="s">
        <v>83</v>
      </c>
      <c r="AN8" s="47" t="s">
        <v>47</v>
      </c>
      <c r="AO8" s="47" t="s">
        <v>48</v>
      </c>
      <c r="AP8" s="47" t="s">
        <v>49</v>
      </c>
      <c r="AQ8" s="47" t="s">
        <v>50</v>
      </c>
      <c r="AR8" s="47" t="s">
        <v>51</v>
      </c>
      <c r="AS8" s="48" t="s">
        <v>45</v>
      </c>
      <c r="AT8" s="713"/>
      <c r="AU8" s="51" t="s">
        <v>43</v>
      </c>
      <c r="AV8" s="47" t="s">
        <v>44</v>
      </c>
      <c r="AW8" s="327" t="s">
        <v>45</v>
      </c>
      <c r="AX8" s="52" t="s">
        <v>83</v>
      </c>
      <c r="AY8" s="47" t="s">
        <v>47</v>
      </c>
      <c r="AZ8" s="47" t="s">
        <v>48</v>
      </c>
      <c r="BA8" s="47" t="s">
        <v>49</v>
      </c>
      <c r="BB8" s="47" t="s">
        <v>50</v>
      </c>
      <c r="BC8" s="47" t="s">
        <v>51</v>
      </c>
      <c r="BD8" s="48" t="s">
        <v>45</v>
      </c>
      <c r="BE8" s="713"/>
      <c r="BF8" s="328" t="s">
        <v>43</v>
      </c>
      <c r="BG8" s="47" t="s">
        <v>44</v>
      </c>
      <c r="BH8" s="327" t="s">
        <v>45</v>
      </c>
      <c r="BI8" s="52" t="s">
        <v>83</v>
      </c>
      <c r="BJ8" s="47" t="s">
        <v>47</v>
      </c>
      <c r="BK8" s="47" t="s">
        <v>48</v>
      </c>
      <c r="BL8" s="47" t="s">
        <v>49</v>
      </c>
      <c r="BM8" s="47" t="s">
        <v>50</v>
      </c>
      <c r="BN8" s="47" t="s">
        <v>51</v>
      </c>
      <c r="BO8" s="48" t="s">
        <v>45</v>
      </c>
      <c r="BP8" s="713"/>
      <c r="BQ8" s="51" t="s">
        <v>43</v>
      </c>
      <c r="BR8" s="47" t="s">
        <v>44</v>
      </c>
      <c r="BS8" s="327" t="s">
        <v>45</v>
      </c>
      <c r="BT8" s="52" t="s">
        <v>83</v>
      </c>
      <c r="BU8" s="47" t="s">
        <v>47</v>
      </c>
      <c r="BV8" s="47" t="s">
        <v>48</v>
      </c>
      <c r="BW8" s="47" t="s">
        <v>49</v>
      </c>
      <c r="BX8" s="47" t="s">
        <v>50</v>
      </c>
      <c r="BY8" s="47" t="s">
        <v>51</v>
      </c>
      <c r="BZ8" s="48" t="s">
        <v>45</v>
      </c>
      <c r="CA8" s="713"/>
      <c r="CB8" s="51" t="s">
        <v>43</v>
      </c>
      <c r="CC8" s="47" t="s">
        <v>44</v>
      </c>
      <c r="CD8" s="327" t="s">
        <v>45</v>
      </c>
      <c r="CE8" s="52" t="s">
        <v>83</v>
      </c>
      <c r="CF8" s="47" t="s">
        <v>47</v>
      </c>
      <c r="CG8" s="47" t="s">
        <v>48</v>
      </c>
      <c r="CH8" s="47" t="s">
        <v>49</v>
      </c>
      <c r="CI8" s="47" t="s">
        <v>50</v>
      </c>
      <c r="CJ8" s="47" t="s">
        <v>51</v>
      </c>
      <c r="CK8" s="48" t="s">
        <v>45</v>
      </c>
      <c r="CL8" s="710"/>
      <c r="CM8" s="51" t="s">
        <v>43</v>
      </c>
      <c r="CN8" s="47" t="s">
        <v>44</v>
      </c>
      <c r="CO8" s="48" t="s">
        <v>45</v>
      </c>
      <c r="CP8" s="52" t="s">
        <v>83</v>
      </c>
      <c r="CQ8" s="47" t="s">
        <v>47</v>
      </c>
      <c r="CR8" s="47" t="s">
        <v>48</v>
      </c>
      <c r="CS8" s="47" t="s">
        <v>49</v>
      </c>
      <c r="CT8" s="47" t="s">
        <v>50</v>
      </c>
      <c r="CU8" s="47" t="s">
        <v>51</v>
      </c>
      <c r="CV8" s="48" t="s">
        <v>45</v>
      </c>
      <c r="CW8" s="710"/>
      <c r="CX8" s="51" t="s">
        <v>43</v>
      </c>
      <c r="CY8" s="47" t="s">
        <v>44</v>
      </c>
      <c r="CZ8" s="48" t="s">
        <v>45</v>
      </c>
      <c r="DA8" s="52" t="s">
        <v>83</v>
      </c>
      <c r="DB8" s="47" t="s">
        <v>47</v>
      </c>
      <c r="DC8" s="47" t="s">
        <v>48</v>
      </c>
      <c r="DD8" s="47" t="s">
        <v>49</v>
      </c>
      <c r="DE8" s="47" t="s">
        <v>50</v>
      </c>
      <c r="DF8" s="47" t="s">
        <v>51</v>
      </c>
      <c r="DG8" s="48" t="s">
        <v>45</v>
      </c>
      <c r="DH8" s="710"/>
      <c r="DI8" s="51" t="s">
        <v>43</v>
      </c>
      <c r="DJ8" s="47" t="s">
        <v>44</v>
      </c>
      <c r="DK8" s="48" t="s">
        <v>45</v>
      </c>
      <c r="DL8" s="52" t="s">
        <v>83</v>
      </c>
      <c r="DM8" s="47" t="s">
        <v>47</v>
      </c>
      <c r="DN8" s="47" t="s">
        <v>48</v>
      </c>
      <c r="DO8" s="47" t="s">
        <v>49</v>
      </c>
      <c r="DP8" s="47" t="s">
        <v>50</v>
      </c>
      <c r="DQ8" s="47" t="s">
        <v>51</v>
      </c>
      <c r="DR8" s="48" t="s">
        <v>45</v>
      </c>
      <c r="DS8" s="710"/>
      <c r="DT8" s="51" t="s">
        <v>43</v>
      </c>
      <c r="DU8" s="47" t="s">
        <v>44</v>
      </c>
      <c r="DV8" s="327" t="s">
        <v>45</v>
      </c>
      <c r="DW8" s="52" t="s">
        <v>83</v>
      </c>
      <c r="DX8" s="47" t="s">
        <v>47</v>
      </c>
      <c r="DY8" s="47" t="s">
        <v>48</v>
      </c>
      <c r="DZ8" s="47" t="s">
        <v>49</v>
      </c>
      <c r="EA8" s="47" t="s">
        <v>50</v>
      </c>
      <c r="EB8" s="47" t="s">
        <v>51</v>
      </c>
      <c r="EC8" s="48" t="s">
        <v>45</v>
      </c>
      <c r="ED8" s="713"/>
      <c r="EE8" s="51" t="s">
        <v>43</v>
      </c>
      <c r="EF8" s="47" t="s">
        <v>44</v>
      </c>
      <c r="EG8" s="327" t="s">
        <v>45</v>
      </c>
      <c r="EH8" s="52" t="s">
        <v>83</v>
      </c>
      <c r="EI8" s="47" t="s">
        <v>47</v>
      </c>
      <c r="EJ8" s="47" t="s">
        <v>48</v>
      </c>
      <c r="EK8" s="47" t="s">
        <v>49</v>
      </c>
      <c r="EL8" s="47" t="s">
        <v>50</v>
      </c>
      <c r="EM8" s="47" t="s">
        <v>51</v>
      </c>
      <c r="EN8" s="48" t="s">
        <v>45</v>
      </c>
      <c r="EO8" s="713"/>
      <c r="EP8" s="51" t="s">
        <v>43</v>
      </c>
      <c r="EQ8" s="47" t="s">
        <v>44</v>
      </c>
      <c r="ER8" s="327" t="s">
        <v>45</v>
      </c>
      <c r="ES8" s="52" t="s">
        <v>83</v>
      </c>
      <c r="ET8" s="47" t="s">
        <v>47</v>
      </c>
      <c r="EU8" s="47" t="s">
        <v>48</v>
      </c>
      <c r="EV8" s="47" t="s">
        <v>49</v>
      </c>
      <c r="EW8" s="47" t="s">
        <v>50</v>
      </c>
      <c r="EX8" s="47" t="s">
        <v>51</v>
      </c>
      <c r="EY8" s="48" t="s">
        <v>45</v>
      </c>
      <c r="EZ8" s="713"/>
      <c r="FA8" s="51" t="s">
        <v>43</v>
      </c>
      <c r="FB8" s="47" t="s">
        <v>44</v>
      </c>
      <c r="FC8" s="327" t="s">
        <v>45</v>
      </c>
      <c r="FD8" s="52" t="s">
        <v>83</v>
      </c>
      <c r="FE8" s="47" t="s">
        <v>47</v>
      </c>
      <c r="FF8" s="47" t="s">
        <v>48</v>
      </c>
      <c r="FG8" s="47" t="s">
        <v>49</v>
      </c>
      <c r="FH8" s="47" t="s">
        <v>50</v>
      </c>
      <c r="FI8" s="47" t="s">
        <v>51</v>
      </c>
      <c r="FJ8" s="48" t="s">
        <v>45</v>
      </c>
      <c r="FK8" s="713"/>
      <c r="FL8" s="51" t="s">
        <v>43</v>
      </c>
      <c r="FM8" s="47" t="s">
        <v>44</v>
      </c>
      <c r="FN8" s="327" t="s">
        <v>45</v>
      </c>
      <c r="FO8" s="52" t="s">
        <v>83</v>
      </c>
      <c r="FP8" s="47" t="s">
        <v>47</v>
      </c>
      <c r="FQ8" s="47" t="s">
        <v>48</v>
      </c>
      <c r="FR8" s="47" t="s">
        <v>49</v>
      </c>
      <c r="FS8" s="47" t="s">
        <v>50</v>
      </c>
      <c r="FT8" s="47" t="s">
        <v>51</v>
      </c>
      <c r="FU8" s="48" t="s">
        <v>45</v>
      </c>
      <c r="FV8" s="724"/>
      <c r="FW8" s="51" t="s">
        <v>43</v>
      </c>
      <c r="FX8" s="47" t="s">
        <v>44</v>
      </c>
      <c r="FY8" s="327" t="s">
        <v>45</v>
      </c>
      <c r="FZ8" s="52" t="s">
        <v>83</v>
      </c>
      <c r="GA8" s="47" t="s">
        <v>47</v>
      </c>
      <c r="GB8" s="47" t="s">
        <v>48</v>
      </c>
      <c r="GC8" s="47" t="s">
        <v>49</v>
      </c>
      <c r="GD8" s="47" t="s">
        <v>50</v>
      </c>
      <c r="GE8" s="47" t="s">
        <v>51</v>
      </c>
      <c r="GF8" s="48" t="s">
        <v>45</v>
      </c>
      <c r="GG8" s="713"/>
      <c r="GH8" s="51" t="s">
        <v>43</v>
      </c>
      <c r="GI8" s="47" t="s">
        <v>44</v>
      </c>
      <c r="GJ8" s="327" t="s">
        <v>45</v>
      </c>
      <c r="GK8" s="52" t="s">
        <v>83</v>
      </c>
      <c r="GL8" s="47" t="s">
        <v>47</v>
      </c>
      <c r="GM8" s="47" t="s">
        <v>48</v>
      </c>
      <c r="GN8" s="47" t="s">
        <v>49</v>
      </c>
      <c r="GO8" s="47" t="s">
        <v>50</v>
      </c>
      <c r="GP8" s="47" t="s">
        <v>51</v>
      </c>
      <c r="GQ8" s="48" t="s">
        <v>45</v>
      </c>
      <c r="GR8" s="723"/>
      <c r="GS8" s="51" t="s">
        <v>43</v>
      </c>
      <c r="GT8" s="47" t="s">
        <v>44</v>
      </c>
      <c r="GU8" s="327" t="s">
        <v>45</v>
      </c>
      <c r="GV8" s="52" t="s">
        <v>83</v>
      </c>
      <c r="GW8" s="47" t="s">
        <v>47</v>
      </c>
      <c r="GX8" s="47" t="s">
        <v>48</v>
      </c>
      <c r="GY8" s="47" t="s">
        <v>49</v>
      </c>
      <c r="GZ8" s="47" t="s">
        <v>50</v>
      </c>
      <c r="HA8" s="47" t="s">
        <v>51</v>
      </c>
      <c r="HB8" s="48" t="s">
        <v>45</v>
      </c>
      <c r="HC8" s="723"/>
      <c r="HD8" s="51" t="s">
        <v>43</v>
      </c>
      <c r="HE8" s="47" t="s">
        <v>44</v>
      </c>
      <c r="HF8" s="327" t="s">
        <v>45</v>
      </c>
      <c r="HG8" s="52" t="s">
        <v>83</v>
      </c>
      <c r="HH8" s="47" t="s">
        <v>47</v>
      </c>
      <c r="HI8" s="47" t="s">
        <v>48</v>
      </c>
      <c r="HJ8" s="47" t="s">
        <v>49</v>
      </c>
      <c r="HK8" s="47" t="s">
        <v>50</v>
      </c>
      <c r="HL8" s="47" t="s">
        <v>51</v>
      </c>
      <c r="HM8" s="48" t="s">
        <v>45</v>
      </c>
      <c r="HN8" s="713"/>
      <c r="HO8" s="51" t="s">
        <v>43</v>
      </c>
      <c r="HP8" s="47" t="s">
        <v>44</v>
      </c>
      <c r="HQ8" s="327" t="s">
        <v>45</v>
      </c>
      <c r="HR8" s="52" t="s">
        <v>83</v>
      </c>
      <c r="HS8" s="47" t="s">
        <v>47</v>
      </c>
      <c r="HT8" s="47" t="s">
        <v>48</v>
      </c>
      <c r="HU8" s="47" t="s">
        <v>49</v>
      </c>
      <c r="HV8" s="47" t="s">
        <v>50</v>
      </c>
      <c r="HW8" s="47" t="s">
        <v>51</v>
      </c>
      <c r="HX8" s="48" t="s">
        <v>45</v>
      </c>
      <c r="HY8" s="713"/>
      <c r="HZ8" s="369" t="s">
        <v>43</v>
      </c>
      <c r="IA8" s="370" t="s">
        <v>44</v>
      </c>
      <c r="IB8" s="41" t="s">
        <v>45</v>
      </c>
      <c r="IC8" s="42" t="s">
        <v>83</v>
      </c>
      <c r="ID8" s="370" t="s">
        <v>47</v>
      </c>
      <c r="IE8" s="370" t="s">
        <v>48</v>
      </c>
      <c r="IF8" s="370" t="s">
        <v>49</v>
      </c>
      <c r="IG8" s="370" t="s">
        <v>50</v>
      </c>
      <c r="IH8" s="370" t="s">
        <v>51</v>
      </c>
      <c r="II8" s="17" t="s">
        <v>45</v>
      </c>
      <c r="IJ8" s="649"/>
      <c r="IK8" s="369" t="s">
        <v>43</v>
      </c>
      <c r="IL8" s="370" t="s">
        <v>44</v>
      </c>
      <c r="IM8" s="41" t="s">
        <v>45</v>
      </c>
      <c r="IN8" s="42" t="s">
        <v>83</v>
      </c>
      <c r="IO8" s="59" t="s">
        <v>47</v>
      </c>
      <c r="IP8" s="59" t="s">
        <v>48</v>
      </c>
      <c r="IQ8" s="59" t="s">
        <v>49</v>
      </c>
      <c r="IR8" s="59" t="s">
        <v>50</v>
      </c>
      <c r="IS8" s="59" t="s">
        <v>51</v>
      </c>
      <c r="IT8" s="64" t="s">
        <v>45</v>
      </c>
      <c r="IU8" s="648"/>
      <c r="IV8" s="61" t="s">
        <v>43</v>
      </c>
      <c r="IW8" s="59" t="s">
        <v>44</v>
      </c>
      <c r="IX8" s="64" t="s">
        <v>45</v>
      </c>
      <c r="IY8" s="33" t="s">
        <v>83</v>
      </c>
      <c r="IZ8" s="59" t="s">
        <v>47</v>
      </c>
      <c r="JA8" s="59" t="s">
        <v>48</v>
      </c>
      <c r="JB8" s="59" t="s">
        <v>49</v>
      </c>
      <c r="JC8" s="59" t="s">
        <v>50</v>
      </c>
      <c r="JD8" s="59" t="s">
        <v>51</v>
      </c>
      <c r="JE8" s="64" t="s">
        <v>45</v>
      </c>
      <c r="JF8" s="648"/>
      <c r="JG8" s="61" t="s">
        <v>43</v>
      </c>
      <c r="JH8" s="59" t="s">
        <v>44</v>
      </c>
      <c r="JI8" s="60" t="s">
        <v>45</v>
      </c>
      <c r="JJ8" s="33" t="s">
        <v>83</v>
      </c>
      <c r="JK8" s="59" t="s">
        <v>47</v>
      </c>
      <c r="JL8" s="59" t="s">
        <v>48</v>
      </c>
      <c r="JM8" s="59" t="s">
        <v>49</v>
      </c>
      <c r="JN8" s="59" t="s">
        <v>50</v>
      </c>
      <c r="JO8" s="59" t="s">
        <v>51</v>
      </c>
      <c r="JP8" s="64" t="s">
        <v>45</v>
      </c>
      <c r="JQ8" s="608"/>
      <c r="JR8" s="61" t="s">
        <v>43</v>
      </c>
      <c r="JS8" s="59" t="s">
        <v>44</v>
      </c>
      <c r="JT8" s="60" t="s">
        <v>45</v>
      </c>
      <c r="JU8" s="33" t="s">
        <v>83</v>
      </c>
      <c r="JV8" s="59" t="s">
        <v>47</v>
      </c>
      <c r="JW8" s="59" t="s">
        <v>48</v>
      </c>
      <c r="JX8" s="59" t="s">
        <v>49</v>
      </c>
      <c r="JY8" s="59" t="s">
        <v>50</v>
      </c>
      <c r="JZ8" s="59" t="s">
        <v>51</v>
      </c>
      <c r="KA8" s="64" t="s">
        <v>45</v>
      </c>
      <c r="KB8" s="608"/>
      <c r="KC8" s="61" t="s">
        <v>43</v>
      </c>
      <c r="KD8" s="59" t="s">
        <v>44</v>
      </c>
      <c r="KE8" s="60" t="s">
        <v>45</v>
      </c>
      <c r="KF8" s="33" t="s">
        <v>83</v>
      </c>
      <c r="KG8" s="59" t="s">
        <v>47</v>
      </c>
      <c r="KH8" s="59" t="s">
        <v>48</v>
      </c>
      <c r="KI8" s="59" t="s">
        <v>49</v>
      </c>
      <c r="KJ8" s="59" t="s">
        <v>50</v>
      </c>
      <c r="KK8" s="59" t="s">
        <v>51</v>
      </c>
      <c r="KL8" s="64" t="s">
        <v>45</v>
      </c>
      <c r="KM8" s="608"/>
      <c r="KN8" s="61" t="s">
        <v>43</v>
      </c>
      <c r="KO8" s="59" t="s">
        <v>44</v>
      </c>
      <c r="KP8" s="60" t="s">
        <v>45</v>
      </c>
      <c r="KQ8" s="42" t="s">
        <v>83</v>
      </c>
      <c r="KR8" s="59" t="s">
        <v>47</v>
      </c>
      <c r="KS8" s="59" t="s">
        <v>48</v>
      </c>
      <c r="KT8" s="59" t="s">
        <v>49</v>
      </c>
      <c r="KU8" s="59" t="s">
        <v>50</v>
      </c>
      <c r="KV8" s="59" t="s">
        <v>51</v>
      </c>
      <c r="KW8" s="64" t="s">
        <v>45</v>
      </c>
      <c r="KX8" s="608"/>
      <c r="KY8" s="61" t="s">
        <v>43</v>
      </c>
      <c r="KZ8" s="59" t="s">
        <v>44</v>
      </c>
      <c r="LA8" s="60" t="s">
        <v>45</v>
      </c>
      <c r="LB8" s="42" t="s">
        <v>83</v>
      </c>
      <c r="LC8" s="59" t="s">
        <v>47</v>
      </c>
      <c r="LD8" s="59" t="s">
        <v>48</v>
      </c>
      <c r="LE8" s="59" t="s">
        <v>49</v>
      </c>
      <c r="LF8" s="59" t="s">
        <v>50</v>
      </c>
      <c r="LG8" s="59" t="s">
        <v>51</v>
      </c>
      <c r="LH8" s="64" t="s">
        <v>45</v>
      </c>
      <c r="LI8" s="608"/>
      <c r="LJ8" s="61" t="s">
        <v>43</v>
      </c>
      <c r="LK8" s="59" t="s">
        <v>44</v>
      </c>
      <c r="LL8" s="60" t="s">
        <v>45</v>
      </c>
      <c r="LM8" s="42" t="s">
        <v>83</v>
      </c>
      <c r="LN8" s="59" t="s">
        <v>47</v>
      </c>
      <c r="LO8" s="59" t="s">
        <v>48</v>
      </c>
      <c r="LP8" s="59" t="s">
        <v>49</v>
      </c>
      <c r="LQ8" s="59" t="s">
        <v>50</v>
      </c>
      <c r="LR8" s="59" t="s">
        <v>51</v>
      </c>
      <c r="LS8" s="64" t="s">
        <v>45</v>
      </c>
      <c r="LT8" s="608"/>
      <c r="LU8" s="61" t="s">
        <v>43</v>
      </c>
      <c r="LV8" s="59" t="s">
        <v>44</v>
      </c>
      <c r="LW8" s="60" t="s">
        <v>45</v>
      </c>
      <c r="LX8" s="42" t="s">
        <v>83</v>
      </c>
      <c r="LY8" s="59" t="s">
        <v>47</v>
      </c>
      <c r="LZ8" s="59" t="s">
        <v>48</v>
      </c>
      <c r="MA8" s="59" t="s">
        <v>49</v>
      </c>
      <c r="MB8" s="59" t="s">
        <v>50</v>
      </c>
      <c r="MC8" s="59" t="s">
        <v>51</v>
      </c>
      <c r="MD8" s="64" t="s">
        <v>45</v>
      </c>
      <c r="ME8" s="608"/>
      <c r="MF8" s="61" t="s">
        <v>43</v>
      </c>
      <c r="MG8" s="59" t="s">
        <v>44</v>
      </c>
      <c r="MH8" s="60" t="s">
        <v>45</v>
      </c>
      <c r="MI8" s="42" t="s">
        <v>83</v>
      </c>
      <c r="MJ8" s="59" t="s">
        <v>47</v>
      </c>
      <c r="MK8" s="59" t="s">
        <v>48</v>
      </c>
      <c r="ML8" s="59" t="s">
        <v>49</v>
      </c>
      <c r="MM8" s="59" t="s">
        <v>50</v>
      </c>
      <c r="MN8" s="59" t="s">
        <v>51</v>
      </c>
      <c r="MO8" s="64" t="s">
        <v>45</v>
      </c>
      <c r="MP8" s="608"/>
      <c r="MQ8" s="61" t="s">
        <v>43</v>
      </c>
      <c r="MR8" s="59" t="s">
        <v>44</v>
      </c>
      <c r="MS8" s="60" t="s">
        <v>45</v>
      </c>
      <c r="MT8" s="42" t="s">
        <v>83</v>
      </c>
      <c r="MU8" s="59" t="s">
        <v>47</v>
      </c>
      <c r="MV8" s="59" t="s">
        <v>48</v>
      </c>
      <c r="MW8" s="59" t="s">
        <v>49</v>
      </c>
      <c r="MX8" s="59" t="s">
        <v>50</v>
      </c>
      <c r="MY8" s="59" t="s">
        <v>51</v>
      </c>
      <c r="MZ8" s="64" t="s">
        <v>45</v>
      </c>
      <c r="NA8" s="608"/>
      <c r="NB8" s="61" t="s">
        <v>43</v>
      </c>
      <c r="NC8" s="59" t="s">
        <v>44</v>
      </c>
      <c r="ND8" s="60" t="s">
        <v>45</v>
      </c>
      <c r="NE8" s="42" t="s">
        <v>83</v>
      </c>
      <c r="NF8" s="59" t="s">
        <v>47</v>
      </c>
      <c r="NG8" s="59" t="s">
        <v>48</v>
      </c>
      <c r="NH8" s="59" t="s">
        <v>49</v>
      </c>
      <c r="NI8" s="59" t="s">
        <v>50</v>
      </c>
      <c r="NJ8" s="59" t="s">
        <v>51</v>
      </c>
      <c r="NK8" s="64" t="s">
        <v>45</v>
      </c>
      <c r="NL8" s="608"/>
      <c r="NM8" s="61" t="s">
        <v>43</v>
      </c>
      <c r="NN8" s="59" t="s">
        <v>44</v>
      </c>
      <c r="NO8" s="60" t="s">
        <v>45</v>
      </c>
      <c r="NP8" s="42" t="s">
        <v>83</v>
      </c>
      <c r="NQ8" s="59" t="s">
        <v>47</v>
      </c>
      <c r="NR8" s="59" t="s">
        <v>48</v>
      </c>
      <c r="NS8" s="59" t="s">
        <v>49</v>
      </c>
      <c r="NT8" s="59" t="s">
        <v>50</v>
      </c>
      <c r="NU8" s="59" t="s">
        <v>51</v>
      </c>
      <c r="NV8" s="64" t="s">
        <v>45</v>
      </c>
      <c r="NW8" s="608"/>
      <c r="NX8" s="61" t="s">
        <v>43</v>
      </c>
      <c r="NY8" s="59" t="s">
        <v>44</v>
      </c>
      <c r="NZ8" s="60" t="s">
        <v>45</v>
      </c>
      <c r="OA8" s="42" t="s">
        <v>83</v>
      </c>
      <c r="OB8" s="59" t="s">
        <v>47</v>
      </c>
      <c r="OC8" s="59" t="s">
        <v>48</v>
      </c>
      <c r="OD8" s="59" t="s">
        <v>49</v>
      </c>
      <c r="OE8" s="59" t="s">
        <v>50</v>
      </c>
      <c r="OF8" s="59" t="s">
        <v>51</v>
      </c>
      <c r="OG8" s="64" t="s">
        <v>45</v>
      </c>
      <c r="OH8" s="608"/>
      <c r="OI8" s="61" t="s">
        <v>43</v>
      </c>
      <c r="OJ8" s="59" t="s">
        <v>44</v>
      </c>
      <c r="OK8" s="60" t="s">
        <v>45</v>
      </c>
      <c r="OL8" s="33" t="s">
        <v>83</v>
      </c>
      <c r="OM8" s="59" t="s">
        <v>47</v>
      </c>
      <c r="ON8" s="59" t="s">
        <v>48</v>
      </c>
      <c r="OO8" s="59" t="s">
        <v>49</v>
      </c>
      <c r="OP8" s="59" t="s">
        <v>50</v>
      </c>
      <c r="OQ8" s="59" t="s">
        <v>51</v>
      </c>
      <c r="OR8" s="64" t="s">
        <v>45</v>
      </c>
      <c r="OS8" s="608"/>
    </row>
    <row r="9" spans="1:409" s="474" customFormat="1" ht="20.25" customHeight="1" x14ac:dyDescent="0.2">
      <c r="A9" s="44"/>
      <c r="B9" s="468" t="s">
        <v>4</v>
      </c>
      <c r="C9" s="388">
        <v>27465368</v>
      </c>
      <c r="D9" s="389">
        <v>45325206</v>
      </c>
      <c r="E9" s="390">
        <v>72790574</v>
      </c>
      <c r="F9" s="391">
        <v>0</v>
      </c>
      <c r="G9" s="389">
        <v>301050988</v>
      </c>
      <c r="H9" s="389">
        <v>392015211</v>
      </c>
      <c r="I9" s="389">
        <v>362801367</v>
      </c>
      <c r="J9" s="389">
        <v>313049656</v>
      </c>
      <c r="K9" s="389">
        <v>204071139</v>
      </c>
      <c r="L9" s="392">
        <v>1572988361</v>
      </c>
      <c r="M9" s="393">
        <v>1645778935</v>
      </c>
      <c r="N9" s="388">
        <v>8103331</v>
      </c>
      <c r="O9" s="389">
        <v>14625945</v>
      </c>
      <c r="P9" s="394">
        <v>22729276</v>
      </c>
      <c r="Q9" s="388">
        <v>0</v>
      </c>
      <c r="R9" s="389">
        <v>94238607</v>
      </c>
      <c r="S9" s="389">
        <v>130749634</v>
      </c>
      <c r="T9" s="389">
        <v>115266312</v>
      </c>
      <c r="U9" s="389">
        <v>117918546</v>
      </c>
      <c r="V9" s="389">
        <v>102582247</v>
      </c>
      <c r="W9" s="394">
        <v>560755346</v>
      </c>
      <c r="X9" s="393">
        <v>583484622</v>
      </c>
      <c r="Y9" s="388">
        <v>0</v>
      </c>
      <c r="Z9" s="389">
        <v>0</v>
      </c>
      <c r="AA9" s="394">
        <v>0</v>
      </c>
      <c r="AB9" s="395">
        <v>0</v>
      </c>
      <c r="AC9" s="396">
        <v>40102519</v>
      </c>
      <c r="AD9" s="396">
        <v>55220618</v>
      </c>
      <c r="AE9" s="396">
        <v>56453447</v>
      </c>
      <c r="AF9" s="396">
        <v>58127085</v>
      </c>
      <c r="AG9" s="396">
        <v>54202806</v>
      </c>
      <c r="AH9" s="394">
        <v>264106475</v>
      </c>
      <c r="AI9" s="393">
        <v>264106475</v>
      </c>
      <c r="AJ9" s="397">
        <v>0</v>
      </c>
      <c r="AK9" s="396">
        <v>32772</v>
      </c>
      <c r="AL9" s="394">
        <v>32772</v>
      </c>
      <c r="AM9" s="395">
        <v>0</v>
      </c>
      <c r="AN9" s="396">
        <v>227829</v>
      </c>
      <c r="AO9" s="392">
        <v>1575638</v>
      </c>
      <c r="AP9" s="396">
        <v>3574685</v>
      </c>
      <c r="AQ9" s="396">
        <v>7964214</v>
      </c>
      <c r="AR9" s="396">
        <v>13191452</v>
      </c>
      <c r="AS9" s="394">
        <v>26533818</v>
      </c>
      <c r="AT9" s="393">
        <v>26566590</v>
      </c>
      <c r="AU9" s="397">
        <v>4310108</v>
      </c>
      <c r="AV9" s="396">
        <v>9769158</v>
      </c>
      <c r="AW9" s="394">
        <v>14079266</v>
      </c>
      <c r="AX9" s="395">
        <v>0</v>
      </c>
      <c r="AY9" s="396">
        <v>34452071</v>
      </c>
      <c r="AZ9" s="396">
        <v>50257764</v>
      </c>
      <c r="BA9" s="396">
        <v>34146625</v>
      </c>
      <c r="BB9" s="396">
        <v>31564259</v>
      </c>
      <c r="BC9" s="396">
        <v>23392278</v>
      </c>
      <c r="BD9" s="394">
        <v>173812997</v>
      </c>
      <c r="BE9" s="398">
        <v>187892263</v>
      </c>
      <c r="BF9" s="397">
        <v>431791</v>
      </c>
      <c r="BG9" s="392">
        <v>1570543</v>
      </c>
      <c r="BH9" s="399">
        <v>2002334</v>
      </c>
      <c r="BI9" s="395">
        <v>0</v>
      </c>
      <c r="BJ9" s="396">
        <v>2399741</v>
      </c>
      <c r="BK9" s="396">
        <v>4398118</v>
      </c>
      <c r="BL9" s="396">
        <v>2271931</v>
      </c>
      <c r="BM9" s="396">
        <v>3087587</v>
      </c>
      <c r="BN9" s="396">
        <v>965955</v>
      </c>
      <c r="BO9" s="394">
        <v>13123332</v>
      </c>
      <c r="BP9" s="393">
        <v>15125666</v>
      </c>
      <c r="BQ9" s="397">
        <v>3361432</v>
      </c>
      <c r="BR9" s="396">
        <v>3253472</v>
      </c>
      <c r="BS9" s="394">
        <v>6614904</v>
      </c>
      <c r="BT9" s="395">
        <v>0</v>
      </c>
      <c r="BU9" s="396">
        <v>17056447</v>
      </c>
      <c r="BV9" s="396">
        <v>19297496</v>
      </c>
      <c r="BW9" s="396">
        <v>18819624</v>
      </c>
      <c r="BX9" s="396">
        <v>17175401</v>
      </c>
      <c r="BY9" s="396">
        <v>10829756</v>
      </c>
      <c r="BZ9" s="394">
        <v>83178724</v>
      </c>
      <c r="CA9" s="393">
        <v>89793628</v>
      </c>
      <c r="CB9" s="397">
        <v>3027206</v>
      </c>
      <c r="CC9" s="396">
        <v>6526632</v>
      </c>
      <c r="CD9" s="394">
        <v>9553838</v>
      </c>
      <c r="CE9" s="395">
        <v>0</v>
      </c>
      <c r="CF9" s="396">
        <v>94343554</v>
      </c>
      <c r="CG9" s="396">
        <v>118316803</v>
      </c>
      <c r="CH9" s="400">
        <v>92613197</v>
      </c>
      <c r="CI9" s="396">
        <v>49369406</v>
      </c>
      <c r="CJ9" s="396">
        <v>19222485</v>
      </c>
      <c r="CK9" s="394">
        <v>373865445</v>
      </c>
      <c r="CL9" s="393">
        <v>383419283</v>
      </c>
      <c r="CM9" s="388">
        <v>0</v>
      </c>
      <c r="CN9" s="389">
        <v>0</v>
      </c>
      <c r="CO9" s="394">
        <v>0</v>
      </c>
      <c r="CP9" s="395">
        <v>0</v>
      </c>
      <c r="CQ9" s="396">
        <v>75301874</v>
      </c>
      <c r="CR9" s="396">
        <v>86295691</v>
      </c>
      <c r="CS9" s="396">
        <v>68280507</v>
      </c>
      <c r="CT9" s="396">
        <v>33833454</v>
      </c>
      <c r="CU9" s="396">
        <v>14872615</v>
      </c>
      <c r="CV9" s="401">
        <v>278584141</v>
      </c>
      <c r="CW9" s="393">
        <v>278584141</v>
      </c>
      <c r="CX9" s="397">
        <v>3027206</v>
      </c>
      <c r="CY9" s="396">
        <v>6526632</v>
      </c>
      <c r="CZ9" s="394">
        <v>9553838</v>
      </c>
      <c r="DA9" s="395">
        <v>0</v>
      </c>
      <c r="DB9" s="396">
        <v>19041680</v>
      </c>
      <c r="DC9" s="396">
        <v>32021112</v>
      </c>
      <c r="DD9" s="396">
        <v>24332690</v>
      </c>
      <c r="DE9" s="396">
        <v>15535952</v>
      </c>
      <c r="DF9" s="396">
        <v>4349870</v>
      </c>
      <c r="DG9" s="394">
        <v>95281304</v>
      </c>
      <c r="DH9" s="393">
        <v>104835142</v>
      </c>
      <c r="DI9" s="397">
        <v>128839</v>
      </c>
      <c r="DJ9" s="396">
        <v>751186</v>
      </c>
      <c r="DK9" s="399">
        <v>880025</v>
      </c>
      <c r="DL9" s="395">
        <v>0</v>
      </c>
      <c r="DM9" s="396">
        <v>11136656</v>
      </c>
      <c r="DN9" s="396">
        <v>19120654</v>
      </c>
      <c r="DO9" s="396">
        <v>36286450</v>
      </c>
      <c r="DP9" s="396">
        <v>28917695</v>
      </c>
      <c r="DQ9" s="396">
        <v>10582300</v>
      </c>
      <c r="DR9" s="402">
        <v>106043755</v>
      </c>
      <c r="DS9" s="393">
        <v>106923780</v>
      </c>
      <c r="DT9" s="397">
        <v>128839</v>
      </c>
      <c r="DU9" s="396">
        <v>683017</v>
      </c>
      <c r="DV9" s="394">
        <v>811856</v>
      </c>
      <c r="DW9" s="395">
        <v>0</v>
      </c>
      <c r="DX9" s="396">
        <v>9973642</v>
      </c>
      <c r="DY9" s="396">
        <v>15166273</v>
      </c>
      <c r="DZ9" s="396">
        <v>31222211</v>
      </c>
      <c r="EA9" s="396">
        <v>24859210</v>
      </c>
      <c r="EB9" s="396">
        <v>9180253</v>
      </c>
      <c r="EC9" s="394">
        <v>90401589</v>
      </c>
      <c r="ED9" s="393">
        <v>91213445</v>
      </c>
      <c r="EE9" s="397">
        <v>0</v>
      </c>
      <c r="EF9" s="392">
        <v>68169</v>
      </c>
      <c r="EG9" s="394">
        <v>68169</v>
      </c>
      <c r="EH9" s="398">
        <v>0</v>
      </c>
      <c r="EI9" s="396">
        <v>1163014</v>
      </c>
      <c r="EJ9" s="396">
        <v>3954381</v>
      </c>
      <c r="EK9" s="396">
        <v>5064239</v>
      </c>
      <c r="EL9" s="396">
        <v>4058485</v>
      </c>
      <c r="EM9" s="400">
        <v>1402047</v>
      </c>
      <c r="EN9" s="392">
        <v>15642166</v>
      </c>
      <c r="EO9" s="393">
        <v>15710335</v>
      </c>
      <c r="EP9" s="397">
        <v>0</v>
      </c>
      <c r="EQ9" s="396">
        <v>0</v>
      </c>
      <c r="ER9" s="392">
        <v>0</v>
      </c>
      <c r="ES9" s="395">
        <v>0</v>
      </c>
      <c r="ET9" s="396">
        <v>0</v>
      </c>
      <c r="EU9" s="396">
        <v>0</v>
      </c>
      <c r="EV9" s="396">
        <v>0</v>
      </c>
      <c r="EW9" s="396">
        <v>0</v>
      </c>
      <c r="EX9" s="396">
        <v>0</v>
      </c>
      <c r="EY9" s="401">
        <v>0</v>
      </c>
      <c r="EZ9" s="393">
        <v>0</v>
      </c>
      <c r="FA9" s="397">
        <v>0</v>
      </c>
      <c r="FB9" s="396">
        <v>0</v>
      </c>
      <c r="FC9" s="392">
        <v>0</v>
      </c>
      <c r="FD9" s="403"/>
      <c r="FE9" s="396">
        <v>0</v>
      </c>
      <c r="FF9" s="396">
        <v>0</v>
      </c>
      <c r="FG9" s="396">
        <v>0</v>
      </c>
      <c r="FH9" s="396">
        <v>0</v>
      </c>
      <c r="FI9" s="396">
        <v>0</v>
      </c>
      <c r="FJ9" s="401">
        <v>0</v>
      </c>
      <c r="FK9" s="393">
        <v>0</v>
      </c>
      <c r="FL9" s="397">
        <v>6433704</v>
      </c>
      <c r="FM9" s="396">
        <v>10453262</v>
      </c>
      <c r="FN9" s="394">
        <v>16886966</v>
      </c>
      <c r="FO9" s="395">
        <v>0</v>
      </c>
      <c r="FP9" s="396">
        <v>15037565</v>
      </c>
      <c r="FQ9" s="396">
        <v>37550692</v>
      </c>
      <c r="FR9" s="396">
        <v>28257605</v>
      </c>
      <c r="FS9" s="396">
        <v>25998725</v>
      </c>
      <c r="FT9" s="396">
        <v>15179651</v>
      </c>
      <c r="FU9" s="394">
        <v>122024238</v>
      </c>
      <c r="FV9" s="393">
        <v>138911204</v>
      </c>
      <c r="FW9" s="397">
        <v>2586820</v>
      </c>
      <c r="FX9" s="396">
        <v>5813924</v>
      </c>
      <c r="FY9" s="392">
        <v>8400744</v>
      </c>
      <c r="FZ9" s="398">
        <v>0</v>
      </c>
      <c r="GA9" s="396">
        <v>11082432</v>
      </c>
      <c r="GB9" s="404">
        <v>33519786</v>
      </c>
      <c r="GC9" s="396">
        <v>26164944</v>
      </c>
      <c r="GD9" s="404">
        <v>23399324</v>
      </c>
      <c r="GE9" s="396">
        <v>14384200</v>
      </c>
      <c r="GF9" s="401">
        <v>108550686</v>
      </c>
      <c r="GG9" s="405">
        <v>116951430</v>
      </c>
      <c r="GH9" s="406">
        <v>368017</v>
      </c>
      <c r="GI9" s="396">
        <v>519244</v>
      </c>
      <c r="GJ9" s="404">
        <v>887261</v>
      </c>
      <c r="GK9" s="391">
        <v>0</v>
      </c>
      <c r="GL9" s="396">
        <v>820993</v>
      </c>
      <c r="GM9" s="392">
        <v>765936</v>
      </c>
      <c r="GN9" s="396">
        <v>516606</v>
      </c>
      <c r="GO9" s="392">
        <v>788047</v>
      </c>
      <c r="GP9" s="396">
        <v>360945</v>
      </c>
      <c r="GQ9" s="402">
        <v>3252527</v>
      </c>
      <c r="GR9" s="393">
        <v>4139788</v>
      </c>
      <c r="GS9" s="392">
        <v>3478867</v>
      </c>
      <c r="GT9" s="396">
        <v>4120094</v>
      </c>
      <c r="GU9" s="394">
        <v>7598961</v>
      </c>
      <c r="GV9" s="392">
        <v>0</v>
      </c>
      <c r="GW9" s="396">
        <v>3134140</v>
      </c>
      <c r="GX9" s="392">
        <v>3264970</v>
      </c>
      <c r="GY9" s="396">
        <v>1576055</v>
      </c>
      <c r="GZ9" s="392">
        <v>1811354</v>
      </c>
      <c r="HA9" s="396">
        <v>434506</v>
      </c>
      <c r="HB9" s="392">
        <v>10221025</v>
      </c>
      <c r="HC9" s="393">
        <v>17819986</v>
      </c>
      <c r="HD9" s="392">
        <v>9772288</v>
      </c>
      <c r="HE9" s="396">
        <v>12968181</v>
      </c>
      <c r="HF9" s="392">
        <v>22740469</v>
      </c>
      <c r="HG9" s="398">
        <v>0</v>
      </c>
      <c r="HH9" s="396">
        <v>86294606</v>
      </c>
      <c r="HI9" s="404">
        <v>86277428</v>
      </c>
      <c r="HJ9" s="396">
        <v>90377803</v>
      </c>
      <c r="HK9" s="404">
        <v>90845284</v>
      </c>
      <c r="HL9" s="396">
        <v>56504456</v>
      </c>
      <c r="HM9" s="401">
        <v>410299577</v>
      </c>
      <c r="HN9" s="392">
        <v>433040046</v>
      </c>
      <c r="HO9" s="469"/>
      <c r="HP9" s="470"/>
      <c r="HQ9" s="471"/>
      <c r="HR9" s="472"/>
      <c r="HS9" s="470"/>
      <c r="HT9" s="472"/>
      <c r="HU9" s="470"/>
      <c r="HV9" s="472"/>
      <c r="HW9" s="470"/>
      <c r="HX9" s="472"/>
      <c r="HY9" s="473"/>
      <c r="HZ9" s="407">
        <v>678939</v>
      </c>
      <c r="IA9" s="408">
        <v>672167</v>
      </c>
      <c r="IB9" s="409">
        <v>1351106</v>
      </c>
      <c r="IC9" s="410">
        <v>0</v>
      </c>
      <c r="ID9" s="408">
        <v>83620423</v>
      </c>
      <c r="IE9" s="411">
        <v>102745080</v>
      </c>
      <c r="IF9" s="412">
        <v>112884021</v>
      </c>
      <c r="IG9" s="408">
        <v>84211449</v>
      </c>
      <c r="IH9" s="412">
        <v>46296837</v>
      </c>
      <c r="II9" s="413">
        <v>429757810</v>
      </c>
      <c r="IJ9" s="414">
        <v>431108916</v>
      </c>
      <c r="IK9" s="415">
        <v>0</v>
      </c>
      <c r="IL9" s="416">
        <v>0</v>
      </c>
      <c r="IM9" s="417">
        <v>0</v>
      </c>
      <c r="IN9" s="418"/>
      <c r="IO9" s="419">
        <v>1303806</v>
      </c>
      <c r="IP9" s="419">
        <v>3621547</v>
      </c>
      <c r="IQ9" s="419">
        <v>4179587</v>
      </c>
      <c r="IR9" s="419">
        <v>5227376</v>
      </c>
      <c r="IS9" s="419">
        <v>3529372</v>
      </c>
      <c r="IT9" s="420">
        <v>17861688</v>
      </c>
      <c r="IU9" s="421">
        <v>17861688</v>
      </c>
      <c r="IV9" s="422">
        <v>0</v>
      </c>
      <c r="IW9" s="419">
        <v>0</v>
      </c>
      <c r="IX9" s="423">
        <v>0</v>
      </c>
      <c r="IY9" s="424"/>
      <c r="IZ9" s="419">
        <v>297798</v>
      </c>
      <c r="JA9" s="419">
        <v>530128</v>
      </c>
      <c r="JB9" s="419">
        <v>1010756</v>
      </c>
      <c r="JC9" s="419">
        <v>1060702</v>
      </c>
      <c r="JD9" s="419">
        <v>1032177</v>
      </c>
      <c r="JE9" s="423">
        <v>3931561</v>
      </c>
      <c r="JF9" s="425">
        <v>3931561</v>
      </c>
      <c r="JG9" s="422">
        <v>0</v>
      </c>
      <c r="JH9" s="419">
        <v>0</v>
      </c>
      <c r="JI9" s="420">
        <v>0</v>
      </c>
      <c r="JJ9" s="426">
        <v>0</v>
      </c>
      <c r="JK9" s="419">
        <v>37630974</v>
      </c>
      <c r="JL9" s="419">
        <v>36094915</v>
      </c>
      <c r="JM9" s="419">
        <v>30904496</v>
      </c>
      <c r="JN9" s="419">
        <v>17728580</v>
      </c>
      <c r="JO9" s="419">
        <v>7212724</v>
      </c>
      <c r="JP9" s="423">
        <v>129571689</v>
      </c>
      <c r="JQ9" s="421">
        <v>129571689</v>
      </c>
      <c r="JR9" s="422">
        <v>26400</v>
      </c>
      <c r="JS9" s="419">
        <v>100974</v>
      </c>
      <c r="JT9" s="420">
        <v>127374</v>
      </c>
      <c r="JU9" s="426">
        <v>0</v>
      </c>
      <c r="JV9" s="419">
        <v>5770781</v>
      </c>
      <c r="JW9" s="419">
        <v>7779610</v>
      </c>
      <c r="JX9" s="419">
        <v>8475722</v>
      </c>
      <c r="JY9" s="419">
        <v>4317912</v>
      </c>
      <c r="JZ9" s="419">
        <v>2649619</v>
      </c>
      <c r="KA9" s="423">
        <v>28993644</v>
      </c>
      <c r="KB9" s="421">
        <v>29121018</v>
      </c>
      <c r="KC9" s="427">
        <v>652539</v>
      </c>
      <c r="KD9" s="428">
        <v>571193</v>
      </c>
      <c r="KE9" s="423">
        <v>1223732</v>
      </c>
      <c r="KF9" s="426">
        <v>0</v>
      </c>
      <c r="KG9" s="419">
        <v>11169269</v>
      </c>
      <c r="KH9" s="419">
        <v>14149558</v>
      </c>
      <c r="KI9" s="419">
        <v>16832170</v>
      </c>
      <c r="KJ9" s="419">
        <v>13169784</v>
      </c>
      <c r="KK9" s="419">
        <v>5084634</v>
      </c>
      <c r="KL9" s="423">
        <v>60405415</v>
      </c>
      <c r="KM9" s="429">
        <v>61629147</v>
      </c>
      <c r="KN9" s="415">
        <v>0</v>
      </c>
      <c r="KO9" s="416">
        <v>0</v>
      </c>
      <c r="KP9" s="417">
        <v>0</v>
      </c>
      <c r="KQ9" s="418"/>
      <c r="KR9" s="419">
        <v>24476734</v>
      </c>
      <c r="KS9" s="419">
        <v>36896535</v>
      </c>
      <c r="KT9" s="419">
        <v>40998684</v>
      </c>
      <c r="KU9" s="419">
        <v>30185712</v>
      </c>
      <c r="KV9" s="419">
        <v>12670902</v>
      </c>
      <c r="KW9" s="423">
        <v>145228567</v>
      </c>
      <c r="KX9" s="421">
        <v>145228567</v>
      </c>
      <c r="KY9" s="422">
        <v>0</v>
      </c>
      <c r="KZ9" s="419">
        <v>0</v>
      </c>
      <c r="LA9" s="423">
        <v>0</v>
      </c>
      <c r="LB9" s="430"/>
      <c r="LC9" s="419">
        <v>309683</v>
      </c>
      <c r="LD9" s="419">
        <v>1070267</v>
      </c>
      <c r="LE9" s="419">
        <v>722202</v>
      </c>
      <c r="LF9" s="419">
        <v>2145184</v>
      </c>
      <c r="LG9" s="419">
        <v>683554</v>
      </c>
      <c r="LH9" s="423">
        <v>4930890</v>
      </c>
      <c r="LI9" s="425">
        <v>4930890</v>
      </c>
      <c r="LJ9" s="422">
        <v>0</v>
      </c>
      <c r="LK9" s="419">
        <v>0</v>
      </c>
      <c r="LL9" s="423">
        <v>0</v>
      </c>
      <c r="LM9" s="430"/>
      <c r="LN9" s="419">
        <v>0</v>
      </c>
      <c r="LO9" s="419">
        <v>238644</v>
      </c>
      <c r="LP9" s="419">
        <v>4571857</v>
      </c>
      <c r="LQ9" s="419">
        <v>3756060</v>
      </c>
      <c r="LR9" s="419">
        <v>2563019</v>
      </c>
      <c r="LS9" s="423">
        <v>11129580</v>
      </c>
      <c r="LT9" s="421">
        <v>11129580</v>
      </c>
      <c r="LU9" s="422">
        <v>0</v>
      </c>
      <c r="LV9" s="419">
        <v>0</v>
      </c>
      <c r="LW9" s="423">
        <v>0</v>
      </c>
      <c r="LX9" s="430">
        <v>0</v>
      </c>
      <c r="LY9" s="419">
        <v>2661378</v>
      </c>
      <c r="LZ9" s="419">
        <v>2363876</v>
      </c>
      <c r="MA9" s="419">
        <v>5188547</v>
      </c>
      <c r="MB9" s="419">
        <v>6620139</v>
      </c>
      <c r="MC9" s="419">
        <v>10870836</v>
      </c>
      <c r="MD9" s="423">
        <v>27704776</v>
      </c>
      <c r="ME9" s="425">
        <v>27704776</v>
      </c>
      <c r="MF9" s="422">
        <v>0</v>
      </c>
      <c r="MG9" s="419">
        <v>0</v>
      </c>
      <c r="MH9" s="423">
        <v>0</v>
      </c>
      <c r="MI9" s="430"/>
      <c r="MJ9" s="419">
        <v>23178579</v>
      </c>
      <c r="MK9" s="419">
        <v>61568610</v>
      </c>
      <c r="ML9" s="419">
        <v>178259998</v>
      </c>
      <c r="MM9" s="419">
        <v>263971817</v>
      </c>
      <c r="MN9" s="419">
        <v>159252726</v>
      </c>
      <c r="MO9" s="423">
        <v>686231730</v>
      </c>
      <c r="MP9" s="429">
        <v>686231730</v>
      </c>
      <c r="MQ9" s="422">
        <v>0</v>
      </c>
      <c r="MR9" s="419">
        <v>0</v>
      </c>
      <c r="MS9" s="423">
        <v>0</v>
      </c>
      <c r="MT9" s="430">
        <v>0</v>
      </c>
      <c r="MU9" s="419">
        <v>1998575</v>
      </c>
      <c r="MV9" s="419">
        <v>11456487</v>
      </c>
      <c r="MW9" s="419">
        <v>102210943</v>
      </c>
      <c r="MX9" s="419">
        <v>161840237</v>
      </c>
      <c r="MY9" s="419">
        <v>97848299</v>
      </c>
      <c r="MZ9" s="423">
        <v>375354541</v>
      </c>
      <c r="NA9" s="429">
        <v>375354541</v>
      </c>
      <c r="NB9" s="422">
        <v>0</v>
      </c>
      <c r="NC9" s="419">
        <v>0</v>
      </c>
      <c r="ND9" s="423">
        <v>0</v>
      </c>
      <c r="NE9" s="430"/>
      <c r="NF9" s="419">
        <v>21180004</v>
      </c>
      <c r="NG9" s="419">
        <v>49894179</v>
      </c>
      <c r="NH9" s="419">
        <v>74437652</v>
      </c>
      <c r="NI9" s="419">
        <v>92853527</v>
      </c>
      <c r="NJ9" s="419">
        <v>48406539</v>
      </c>
      <c r="NK9" s="423">
        <v>286771901</v>
      </c>
      <c r="NL9" s="421">
        <v>286771901</v>
      </c>
      <c r="NM9" s="422">
        <v>0</v>
      </c>
      <c r="NN9" s="419">
        <v>0</v>
      </c>
      <c r="NO9" s="423">
        <v>0</v>
      </c>
      <c r="NP9" s="430"/>
      <c r="NQ9" s="419">
        <v>0</v>
      </c>
      <c r="NR9" s="419">
        <v>0</v>
      </c>
      <c r="NS9" s="419">
        <v>614587</v>
      </c>
      <c r="NT9" s="419">
        <v>4355820</v>
      </c>
      <c r="NU9" s="419">
        <v>4279382</v>
      </c>
      <c r="NV9" s="423">
        <v>9249789</v>
      </c>
      <c r="NW9" s="425">
        <v>9249789</v>
      </c>
      <c r="NX9" s="422">
        <v>0</v>
      </c>
      <c r="NY9" s="419">
        <v>0</v>
      </c>
      <c r="NZ9" s="423">
        <v>0</v>
      </c>
      <c r="OA9" s="430"/>
      <c r="OB9" s="419">
        <v>0</v>
      </c>
      <c r="OC9" s="419">
        <v>217944</v>
      </c>
      <c r="OD9" s="419">
        <v>996816</v>
      </c>
      <c r="OE9" s="419">
        <v>4922233</v>
      </c>
      <c r="OF9" s="419">
        <v>8718506</v>
      </c>
      <c r="OG9" s="423">
        <v>14855499</v>
      </c>
      <c r="OH9" s="425">
        <v>14855499</v>
      </c>
      <c r="OI9" s="422">
        <v>28144307</v>
      </c>
      <c r="OJ9" s="419">
        <v>45997373</v>
      </c>
      <c r="OK9" s="420">
        <v>74141680</v>
      </c>
      <c r="OL9" s="426">
        <v>0</v>
      </c>
      <c r="OM9" s="419">
        <v>407849990</v>
      </c>
      <c r="ON9" s="419">
        <v>556328901</v>
      </c>
      <c r="OO9" s="419">
        <v>653945386</v>
      </c>
      <c r="OP9" s="419">
        <v>661232922</v>
      </c>
      <c r="OQ9" s="419">
        <v>409620702</v>
      </c>
      <c r="OR9" s="423">
        <v>2688977901</v>
      </c>
      <c r="OS9" s="429">
        <v>2763119581</v>
      </c>
    </row>
    <row r="10" spans="1:409" s="474" customFormat="1" ht="20.25" customHeight="1" x14ac:dyDescent="0.2">
      <c r="A10" s="44"/>
      <c r="B10" s="475" t="s">
        <v>5</v>
      </c>
      <c r="C10" s="433">
        <v>12532153</v>
      </c>
      <c r="D10" s="434">
        <v>23818893</v>
      </c>
      <c r="E10" s="435">
        <v>36351046</v>
      </c>
      <c r="F10" s="436">
        <v>0</v>
      </c>
      <c r="G10" s="434">
        <v>113488927</v>
      </c>
      <c r="H10" s="434">
        <v>182973293</v>
      </c>
      <c r="I10" s="434">
        <v>163107432</v>
      </c>
      <c r="J10" s="434">
        <v>137180295</v>
      </c>
      <c r="K10" s="434">
        <v>87895357</v>
      </c>
      <c r="L10" s="436">
        <v>684645304</v>
      </c>
      <c r="M10" s="437">
        <v>720996350</v>
      </c>
      <c r="N10" s="433">
        <v>3933982</v>
      </c>
      <c r="O10" s="434">
        <v>8324710</v>
      </c>
      <c r="P10" s="435">
        <v>12258692</v>
      </c>
      <c r="Q10" s="433">
        <v>0</v>
      </c>
      <c r="R10" s="434">
        <v>37619527</v>
      </c>
      <c r="S10" s="434">
        <v>64833674</v>
      </c>
      <c r="T10" s="434">
        <v>51668149</v>
      </c>
      <c r="U10" s="434">
        <v>52101198</v>
      </c>
      <c r="V10" s="434">
        <v>44954115</v>
      </c>
      <c r="W10" s="435">
        <v>251176663</v>
      </c>
      <c r="X10" s="437">
        <v>263435355</v>
      </c>
      <c r="Y10" s="433">
        <v>0</v>
      </c>
      <c r="Z10" s="434">
        <v>0</v>
      </c>
      <c r="AA10" s="435">
        <v>0</v>
      </c>
      <c r="AB10" s="433">
        <v>0</v>
      </c>
      <c r="AC10" s="434">
        <v>16571551</v>
      </c>
      <c r="AD10" s="434">
        <v>25364192</v>
      </c>
      <c r="AE10" s="434">
        <v>23303339</v>
      </c>
      <c r="AF10" s="434">
        <v>24946507</v>
      </c>
      <c r="AG10" s="434">
        <v>22428802</v>
      </c>
      <c r="AH10" s="435">
        <v>112614391</v>
      </c>
      <c r="AI10" s="437">
        <v>112614391</v>
      </c>
      <c r="AJ10" s="433">
        <v>0</v>
      </c>
      <c r="AK10" s="434">
        <v>32772</v>
      </c>
      <c r="AL10" s="435">
        <v>32772</v>
      </c>
      <c r="AM10" s="433">
        <v>0</v>
      </c>
      <c r="AN10" s="434">
        <v>60135</v>
      </c>
      <c r="AO10" s="434">
        <v>829439</v>
      </c>
      <c r="AP10" s="434">
        <v>1521724</v>
      </c>
      <c r="AQ10" s="434">
        <v>3147883</v>
      </c>
      <c r="AR10" s="434">
        <v>6201102</v>
      </c>
      <c r="AS10" s="435">
        <v>11760283</v>
      </c>
      <c r="AT10" s="437">
        <v>11793055</v>
      </c>
      <c r="AU10" s="433">
        <v>2291769</v>
      </c>
      <c r="AV10" s="434">
        <v>5713830</v>
      </c>
      <c r="AW10" s="435">
        <v>8005599</v>
      </c>
      <c r="AX10" s="433">
        <v>0</v>
      </c>
      <c r="AY10" s="434">
        <v>14213273</v>
      </c>
      <c r="AZ10" s="434">
        <v>27674352</v>
      </c>
      <c r="BA10" s="434">
        <v>17297098</v>
      </c>
      <c r="BB10" s="434">
        <v>15501462</v>
      </c>
      <c r="BC10" s="434">
        <v>11482755</v>
      </c>
      <c r="BD10" s="435">
        <v>86168940</v>
      </c>
      <c r="BE10" s="437">
        <v>94174539</v>
      </c>
      <c r="BF10" s="433">
        <v>199557</v>
      </c>
      <c r="BG10" s="434">
        <v>904708</v>
      </c>
      <c r="BH10" s="438">
        <v>1104265</v>
      </c>
      <c r="BI10" s="439">
        <v>0</v>
      </c>
      <c r="BJ10" s="434">
        <v>378457</v>
      </c>
      <c r="BK10" s="434">
        <v>2067611</v>
      </c>
      <c r="BL10" s="434">
        <v>1020628</v>
      </c>
      <c r="BM10" s="434">
        <v>1324574</v>
      </c>
      <c r="BN10" s="434">
        <v>448976</v>
      </c>
      <c r="BO10" s="435">
        <v>5240246</v>
      </c>
      <c r="BP10" s="437">
        <v>6344511</v>
      </c>
      <c r="BQ10" s="433">
        <v>1442656</v>
      </c>
      <c r="BR10" s="434">
        <v>1673400</v>
      </c>
      <c r="BS10" s="435">
        <v>3116056</v>
      </c>
      <c r="BT10" s="433">
        <v>0</v>
      </c>
      <c r="BU10" s="434">
        <v>6396111</v>
      </c>
      <c r="BV10" s="434">
        <v>8898080</v>
      </c>
      <c r="BW10" s="434">
        <v>8525360</v>
      </c>
      <c r="BX10" s="434">
        <v>7180772</v>
      </c>
      <c r="BY10" s="434">
        <v>4392480</v>
      </c>
      <c r="BZ10" s="435">
        <v>35392803</v>
      </c>
      <c r="CA10" s="437">
        <v>38508859</v>
      </c>
      <c r="CB10" s="433">
        <v>1453951</v>
      </c>
      <c r="CC10" s="434">
        <v>3618805</v>
      </c>
      <c r="CD10" s="435">
        <v>5072756</v>
      </c>
      <c r="CE10" s="433">
        <v>0</v>
      </c>
      <c r="CF10" s="434">
        <v>33734183</v>
      </c>
      <c r="CG10" s="434">
        <v>52312925</v>
      </c>
      <c r="CH10" s="434">
        <v>37854844</v>
      </c>
      <c r="CI10" s="434">
        <v>19431273</v>
      </c>
      <c r="CJ10" s="434">
        <v>7623813</v>
      </c>
      <c r="CK10" s="435">
        <v>150957038</v>
      </c>
      <c r="CL10" s="437">
        <v>156029794</v>
      </c>
      <c r="CM10" s="433">
        <v>0</v>
      </c>
      <c r="CN10" s="434">
        <v>0</v>
      </c>
      <c r="CO10" s="435">
        <v>0</v>
      </c>
      <c r="CP10" s="439">
        <v>0</v>
      </c>
      <c r="CQ10" s="434">
        <v>27235908</v>
      </c>
      <c r="CR10" s="434">
        <v>37510578</v>
      </c>
      <c r="CS10" s="434">
        <v>26366402</v>
      </c>
      <c r="CT10" s="434">
        <v>12453502</v>
      </c>
      <c r="CU10" s="434">
        <v>5573199</v>
      </c>
      <c r="CV10" s="435">
        <v>109139589</v>
      </c>
      <c r="CW10" s="437">
        <v>109139589</v>
      </c>
      <c r="CX10" s="433">
        <v>1453951</v>
      </c>
      <c r="CY10" s="434">
        <v>3618805</v>
      </c>
      <c r="CZ10" s="435">
        <v>5072756</v>
      </c>
      <c r="DA10" s="433">
        <v>0</v>
      </c>
      <c r="DB10" s="434">
        <v>6498275</v>
      </c>
      <c r="DC10" s="434">
        <v>14802347</v>
      </c>
      <c r="DD10" s="434">
        <v>11488442</v>
      </c>
      <c r="DE10" s="434">
        <v>6977771</v>
      </c>
      <c r="DF10" s="434">
        <v>2050614</v>
      </c>
      <c r="DG10" s="435">
        <v>41817449</v>
      </c>
      <c r="DH10" s="437">
        <v>46890205</v>
      </c>
      <c r="DI10" s="433">
        <v>41796</v>
      </c>
      <c r="DJ10" s="434">
        <v>405164</v>
      </c>
      <c r="DK10" s="438">
        <v>446960</v>
      </c>
      <c r="DL10" s="439">
        <v>0</v>
      </c>
      <c r="DM10" s="434">
        <v>3679301</v>
      </c>
      <c r="DN10" s="434">
        <v>7846324</v>
      </c>
      <c r="DO10" s="434">
        <v>16317690</v>
      </c>
      <c r="DP10" s="434">
        <v>13544707</v>
      </c>
      <c r="DQ10" s="434">
        <v>4813979</v>
      </c>
      <c r="DR10" s="435">
        <v>46202001</v>
      </c>
      <c r="DS10" s="437">
        <v>46648961</v>
      </c>
      <c r="DT10" s="433">
        <v>41796</v>
      </c>
      <c r="DU10" s="434">
        <v>336995</v>
      </c>
      <c r="DV10" s="435">
        <v>378791</v>
      </c>
      <c r="DW10" s="433">
        <v>0</v>
      </c>
      <c r="DX10" s="434">
        <v>3185605</v>
      </c>
      <c r="DY10" s="434">
        <v>5847298</v>
      </c>
      <c r="DZ10" s="434">
        <v>12800205</v>
      </c>
      <c r="EA10" s="434">
        <v>10979087</v>
      </c>
      <c r="EB10" s="434">
        <v>3894799</v>
      </c>
      <c r="EC10" s="435">
        <v>36706994</v>
      </c>
      <c r="ED10" s="437">
        <v>37085785</v>
      </c>
      <c r="EE10" s="433">
        <v>0</v>
      </c>
      <c r="EF10" s="438">
        <v>68169</v>
      </c>
      <c r="EG10" s="435">
        <v>68169</v>
      </c>
      <c r="EH10" s="433">
        <v>0</v>
      </c>
      <c r="EI10" s="434">
        <v>493696</v>
      </c>
      <c r="EJ10" s="434">
        <v>1999026</v>
      </c>
      <c r="EK10" s="434">
        <v>3517485</v>
      </c>
      <c r="EL10" s="434">
        <v>2565620</v>
      </c>
      <c r="EM10" s="434">
        <v>919180</v>
      </c>
      <c r="EN10" s="438">
        <v>9495007</v>
      </c>
      <c r="EO10" s="437">
        <v>9563176</v>
      </c>
      <c r="EP10" s="433">
        <v>0</v>
      </c>
      <c r="EQ10" s="434">
        <v>0</v>
      </c>
      <c r="ER10" s="438">
        <v>0</v>
      </c>
      <c r="ES10" s="439">
        <v>0</v>
      </c>
      <c r="ET10" s="434">
        <v>0</v>
      </c>
      <c r="EU10" s="434">
        <v>0</v>
      </c>
      <c r="EV10" s="434">
        <v>0</v>
      </c>
      <c r="EW10" s="434">
        <v>0</v>
      </c>
      <c r="EX10" s="434">
        <v>0</v>
      </c>
      <c r="EY10" s="435">
        <v>0</v>
      </c>
      <c r="EZ10" s="437">
        <v>0</v>
      </c>
      <c r="FA10" s="433">
        <v>0</v>
      </c>
      <c r="FB10" s="434">
        <v>0</v>
      </c>
      <c r="FC10" s="438">
        <v>0</v>
      </c>
      <c r="FD10" s="440"/>
      <c r="FE10" s="434">
        <v>0</v>
      </c>
      <c r="FF10" s="434">
        <v>0</v>
      </c>
      <c r="FG10" s="434">
        <v>0</v>
      </c>
      <c r="FH10" s="434">
        <v>0</v>
      </c>
      <c r="FI10" s="434">
        <v>0</v>
      </c>
      <c r="FJ10" s="435">
        <v>0</v>
      </c>
      <c r="FK10" s="437">
        <v>0</v>
      </c>
      <c r="FL10" s="433">
        <v>3196078</v>
      </c>
      <c r="FM10" s="434">
        <v>5325288</v>
      </c>
      <c r="FN10" s="435">
        <v>8521366</v>
      </c>
      <c r="FO10" s="433">
        <v>0</v>
      </c>
      <c r="FP10" s="434">
        <v>5132521</v>
      </c>
      <c r="FQ10" s="434">
        <v>16474056</v>
      </c>
      <c r="FR10" s="434">
        <v>11885572</v>
      </c>
      <c r="FS10" s="434">
        <v>10941450</v>
      </c>
      <c r="FT10" s="434">
        <v>6675351</v>
      </c>
      <c r="FU10" s="435">
        <v>51108950</v>
      </c>
      <c r="FV10" s="437">
        <v>59630316</v>
      </c>
      <c r="FW10" s="441">
        <v>977952</v>
      </c>
      <c r="FX10" s="434">
        <v>2762192</v>
      </c>
      <c r="FY10" s="438">
        <v>3740144</v>
      </c>
      <c r="FZ10" s="439">
        <v>0</v>
      </c>
      <c r="GA10" s="434">
        <v>3320760</v>
      </c>
      <c r="GB10" s="434">
        <v>14355854</v>
      </c>
      <c r="GC10" s="434">
        <v>10820904</v>
      </c>
      <c r="GD10" s="434">
        <v>9625508</v>
      </c>
      <c r="GE10" s="434">
        <v>6288680</v>
      </c>
      <c r="GF10" s="435">
        <v>44411706</v>
      </c>
      <c r="GG10" s="442">
        <v>48151850</v>
      </c>
      <c r="GH10" s="441">
        <v>150081</v>
      </c>
      <c r="GI10" s="434">
        <v>244632</v>
      </c>
      <c r="GJ10" s="438">
        <v>394713</v>
      </c>
      <c r="GK10" s="439">
        <v>0</v>
      </c>
      <c r="GL10" s="434">
        <v>226632</v>
      </c>
      <c r="GM10" s="434">
        <v>376000</v>
      </c>
      <c r="GN10" s="434">
        <v>253373</v>
      </c>
      <c r="GO10" s="434">
        <v>181380</v>
      </c>
      <c r="GP10" s="434">
        <v>182053</v>
      </c>
      <c r="GQ10" s="435">
        <v>1219438</v>
      </c>
      <c r="GR10" s="437">
        <v>1614151</v>
      </c>
      <c r="GS10" s="433">
        <v>2068045</v>
      </c>
      <c r="GT10" s="434">
        <v>2318464</v>
      </c>
      <c r="GU10" s="435">
        <v>4386509</v>
      </c>
      <c r="GV10" s="433">
        <v>0</v>
      </c>
      <c r="GW10" s="434">
        <v>1585129</v>
      </c>
      <c r="GX10" s="434">
        <v>1742202</v>
      </c>
      <c r="GY10" s="434">
        <v>811295</v>
      </c>
      <c r="GZ10" s="434">
        <v>1134562</v>
      </c>
      <c r="HA10" s="434">
        <v>204618</v>
      </c>
      <c r="HB10" s="438">
        <v>5477806</v>
      </c>
      <c r="HC10" s="437">
        <v>9864315</v>
      </c>
      <c r="HD10" s="433">
        <v>3906346</v>
      </c>
      <c r="HE10" s="434">
        <v>6144926</v>
      </c>
      <c r="HF10" s="438">
        <v>10051272</v>
      </c>
      <c r="HG10" s="439">
        <v>0</v>
      </c>
      <c r="HH10" s="434">
        <v>33323395</v>
      </c>
      <c r="HI10" s="434">
        <v>41506314</v>
      </c>
      <c r="HJ10" s="434">
        <v>45381177</v>
      </c>
      <c r="HK10" s="434">
        <v>41161667</v>
      </c>
      <c r="HL10" s="434">
        <v>23828099</v>
      </c>
      <c r="HM10" s="435">
        <v>185200652</v>
      </c>
      <c r="HN10" s="436">
        <v>195251924</v>
      </c>
      <c r="HO10" s="476"/>
      <c r="HP10" s="477"/>
      <c r="HQ10" s="478"/>
      <c r="HR10" s="479"/>
      <c r="HS10" s="477"/>
      <c r="HT10" s="477"/>
      <c r="HU10" s="477"/>
      <c r="HV10" s="477"/>
      <c r="HW10" s="477"/>
      <c r="HX10" s="480"/>
      <c r="HY10" s="481"/>
      <c r="HZ10" s="443">
        <v>217370</v>
      </c>
      <c r="IA10" s="444">
        <v>531653</v>
      </c>
      <c r="IB10" s="445">
        <v>749023</v>
      </c>
      <c r="IC10" s="446">
        <v>0</v>
      </c>
      <c r="ID10" s="447">
        <v>32072266</v>
      </c>
      <c r="IE10" s="448">
        <v>46381395</v>
      </c>
      <c r="IF10" s="449">
        <v>48156840</v>
      </c>
      <c r="IG10" s="447">
        <v>33739037</v>
      </c>
      <c r="IH10" s="449">
        <v>21865508</v>
      </c>
      <c r="II10" s="450">
        <v>182215046</v>
      </c>
      <c r="IJ10" s="451">
        <v>182964069</v>
      </c>
      <c r="IK10" s="452">
        <v>0</v>
      </c>
      <c r="IL10" s="453">
        <v>0</v>
      </c>
      <c r="IM10" s="454">
        <v>0</v>
      </c>
      <c r="IN10" s="455"/>
      <c r="IO10" s="456">
        <v>452765</v>
      </c>
      <c r="IP10" s="456">
        <v>1983972</v>
      </c>
      <c r="IQ10" s="456">
        <v>2290139</v>
      </c>
      <c r="IR10" s="456">
        <v>2105636</v>
      </c>
      <c r="IS10" s="456">
        <v>1567872</v>
      </c>
      <c r="IT10" s="457">
        <v>8400384</v>
      </c>
      <c r="IU10" s="458">
        <v>8400384</v>
      </c>
      <c r="IV10" s="459">
        <v>0</v>
      </c>
      <c r="IW10" s="456">
        <v>0</v>
      </c>
      <c r="IX10" s="460">
        <v>0</v>
      </c>
      <c r="IY10" s="461"/>
      <c r="IZ10" s="456">
        <v>190991</v>
      </c>
      <c r="JA10" s="456">
        <v>415539</v>
      </c>
      <c r="JB10" s="456">
        <v>559111</v>
      </c>
      <c r="JC10" s="456">
        <v>696038</v>
      </c>
      <c r="JD10" s="456">
        <v>925679</v>
      </c>
      <c r="JE10" s="460">
        <v>2787358</v>
      </c>
      <c r="JF10" s="462">
        <v>2787358</v>
      </c>
      <c r="JG10" s="459">
        <v>0</v>
      </c>
      <c r="JH10" s="456">
        <v>0</v>
      </c>
      <c r="JI10" s="457">
        <v>0</v>
      </c>
      <c r="JJ10" s="463">
        <v>0</v>
      </c>
      <c r="JK10" s="456">
        <v>15084122</v>
      </c>
      <c r="JL10" s="456">
        <v>17700448</v>
      </c>
      <c r="JM10" s="456">
        <v>16435207</v>
      </c>
      <c r="JN10" s="456">
        <v>9299718</v>
      </c>
      <c r="JO10" s="456">
        <v>3674576</v>
      </c>
      <c r="JP10" s="460">
        <v>62194071</v>
      </c>
      <c r="JQ10" s="458">
        <v>62194071</v>
      </c>
      <c r="JR10" s="459">
        <v>0</v>
      </c>
      <c r="JS10" s="456">
        <v>100974</v>
      </c>
      <c r="JT10" s="457">
        <v>100974</v>
      </c>
      <c r="JU10" s="463">
        <v>0</v>
      </c>
      <c r="JV10" s="456">
        <v>2598712</v>
      </c>
      <c r="JW10" s="456">
        <v>4485469</v>
      </c>
      <c r="JX10" s="456">
        <v>4769356</v>
      </c>
      <c r="JY10" s="456">
        <v>3007932</v>
      </c>
      <c r="JZ10" s="456">
        <v>1634103</v>
      </c>
      <c r="KA10" s="460">
        <v>16495572</v>
      </c>
      <c r="KB10" s="458">
        <v>16596546</v>
      </c>
      <c r="KC10" s="464">
        <v>217370</v>
      </c>
      <c r="KD10" s="465">
        <v>430679</v>
      </c>
      <c r="KE10" s="460">
        <v>648049</v>
      </c>
      <c r="KF10" s="463">
        <v>0</v>
      </c>
      <c r="KG10" s="456">
        <v>3877254</v>
      </c>
      <c r="KH10" s="456">
        <v>5019912</v>
      </c>
      <c r="KI10" s="456">
        <v>6836341</v>
      </c>
      <c r="KJ10" s="456">
        <v>5884321</v>
      </c>
      <c r="KK10" s="456">
        <v>2895360</v>
      </c>
      <c r="KL10" s="460">
        <v>24513188</v>
      </c>
      <c r="KM10" s="466">
        <v>25161237</v>
      </c>
      <c r="KN10" s="452">
        <v>0</v>
      </c>
      <c r="KO10" s="453">
        <v>0</v>
      </c>
      <c r="KP10" s="454">
        <v>0</v>
      </c>
      <c r="KQ10" s="455"/>
      <c r="KR10" s="456">
        <v>9033992</v>
      </c>
      <c r="KS10" s="456">
        <v>15881400</v>
      </c>
      <c r="KT10" s="456">
        <v>15578388</v>
      </c>
      <c r="KU10" s="456">
        <v>11000109</v>
      </c>
      <c r="KV10" s="456">
        <v>3893382</v>
      </c>
      <c r="KW10" s="460">
        <v>55387271</v>
      </c>
      <c r="KX10" s="458">
        <v>55387271</v>
      </c>
      <c r="KY10" s="459">
        <v>0</v>
      </c>
      <c r="KZ10" s="456">
        <v>0</v>
      </c>
      <c r="LA10" s="460">
        <v>0</v>
      </c>
      <c r="LB10" s="467"/>
      <c r="LC10" s="456">
        <v>0</v>
      </c>
      <c r="LD10" s="456">
        <v>0</v>
      </c>
      <c r="LE10" s="456">
        <v>0</v>
      </c>
      <c r="LF10" s="456">
        <v>0</v>
      </c>
      <c r="LG10" s="456">
        <v>0</v>
      </c>
      <c r="LH10" s="460">
        <v>0</v>
      </c>
      <c r="LI10" s="462">
        <v>0</v>
      </c>
      <c r="LJ10" s="459">
        <v>0</v>
      </c>
      <c r="LK10" s="456">
        <v>0</v>
      </c>
      <c r="LL10" s="460">
        <v>0</v>
      </c>
      <c r="LM10" s="467"/>
      <c r="LN10" s="456">
        <v>0</v>
      </c>
      <c r="LO10" s="456">
        <v>238644</v>
      </c>
      <c r="LP10" s="456">
        <v>928659</v>
      </c>
      <c r="LQ10" s="456">
        <v>512097</v>
      </c>
      <c r="LR10" s="456">
        <v>601932</v>
      </c>
      <c r="LS10" s="460">
        <v>2281332</v>
      </c>
      <c r="LT10" s="458">
        <v>2281332</v>
      </c>
      <c r="LU10" s="459">
        <v>0</v>
      </c>
      <c r="LV10" s="456">
        <v>0</v>
      </c>
      <c r="LW10" s="460">
        <v>0</v>
      </c>
      <c r="LX10" s="467">
        <v>0</v>
      </c>
      <c r="LY10" s="456">
        <v>834430</v>
      </c>
      <c r="LZ10" s="456">
        <v>656011</v>
      </c>
      <c r="MA10" s="456">
        <v>759639</v>
      </c>
      <c r="MB10" s="456">
        <v>1233186</v>
      </c>
      <c r="MC10" s="456">
        <v>6672604</v>
      </c>
      <c r="MD10" s="460">
        <v>10155870</v>
      </c>
      <c r="ME10" s="462">
        <v>10155870</v>
      </c>
      <c r="MF10" s="459">
        <v>0</v>
      </c>
      <c r="MG10" s="456">
        <v>0</v>
      </c>
      <c r="MH10" s="460">
        <v>0</v>
      </c>
      <c r="MI10" s="467"/>
      <c r="MJ10" s="456">
        <v>8892475</v>
      </c>
      <c r="MK10" s="456">
        <v>35735486</v>
      </c>
      <c r="ML10" s="456">
        <v>91492494</v>
      </c>
      <c r="MM10" s="456">
        <v>122167650</v>
      </c>
      <c r="MN10" s="456">
        <v>78387978</v>
      </c>
      <c r="MO10" s="460">
        <v>336676083</v>
      </c>
      <c r="MP10" s="466">
        <v>336676083</v>
      </c>
      <c r="MQ10" s="459">
        <v>0</v>
      </c>
      <c r="MR10" s="456">
        <v>0</v>
      </c>
      <c r="MS10" s="460">
        <v>0</v>
      </c>
      <c r="MT10" s="467">
        <v>0</v>
      </c>
      <c r="MU10" s="456">
        <v>765448</v>
      </c>
      <c r="MV10" s="456">
        <v>7792101</v>
      </c>
      <c r="MW10" s="456">
        <v>52970709</v>
      </c>
      <c r="MX10" s="456">
        <v>72327604</v>
      </c>
      <c r="MY10" s="456">
        <v>46311661</v>
      </c>
      <c r="MZ10" s="460">
        <v>180167523</v>
      </c>
      <c r="NA10" s="466">
        <v>180167523</v>
      </c>
      <c r="NB10" s="459">
        <v>0</v>
      </c>
      <c r="NC10" s="456">
        <v>0</v>
      </c>
      <c r="ND10" s="460">
        <v>0</v>
      </c>
      <c r="NE10" s="467"/>
      <c r="NF10" s="456">
        <v>8127027</v>
      </c>
      <c r="NG10" s="456">
        <v>27943385</v>
      </c>
      <c r="NH10" s="456">
        <v>38141653</v>
      </c>
      <c r="NI10" s="456">
        <v>46828917</v>
      </c>
      <c r="NJ10" s="456">
        <v>27614778</v>
      </c>
      <c r="NK10" s="460">
        <v>148655760</v>
      </c>
      <c r="NL10" s="458">
        <v>148655760</v>
      </c>
      <c r="NM10" s="459">
        <v>0</v>
      </c>
      <c r="NN10" s="456">
        <v>0</v>
      </c>
      <c r="NO10" s="460">
        <v>0</v>
      </c>
      <c r="NP10" s="467"/>
      <c r="NQ10" s="456">
        <v>0</v>
      </c>
      <c r="NR10" s="456">
        <v>0</v>
      </c>
      <c r="NS10" s="456">
        <v>0</v>
      </c>
      <c r="NT10" s="456">
        <v>1261128</v>
      </c>
      <c r="NU10" s="456">
        <v>1648012</v>
      </c>
      <c r="NV10" s="460">
        <v>2909140</v>
      </c>
      <c r="NW10" s="462">
        <v>2909140</v>
      </c>
      <c r="NX10" s="459">
        <v>0</v>
      </c>
      <c r="NY10" s="456">
        <v>0</v>
      </c>
      <c r="NZ10" s="460">
        <v>0</v>
      </c>
      <c r="OA10" s="467"/>
      <c r="OB10" s="456">
        <v>0</v>
      </c>
      <c r="OC10" s="456">
        <v>0</v>
      </c>
      <c r="OD10" s="456">
        <v>380132</v>
      </c>
      <c r="OE10" s="456">
        <v>1750001</v>
      </c>
      <c r="OF10" s="456">
        <v>2813527</v>
      </c>
      <c r="OG10" s="460">
        <v>4943660</v>
      </c>
      <c r="OH10" s="462">
        <v>4943660</v>
      </c>
      <c r="OI10" s="459">
        <v>12749523</v>
      </c>
      <c r="OJ10" s="456">
        <v>24350546</v>
      </c>
      <c r="OK10" s="457">
        <v>37100069</v>
      </c>
      <c r="OL10" s="463">
        <v>0</v>
      </c>
      <c r="OM10" s="456">
        <v>154453668</v>
      </c>
      <c r="ON10" s="456">
        <v>265090174</v>
      </c>
      <c r="OO10" s="456">
        <v>302756766</v>
      </c>
      <c r="OP10" s="456">
        <v>293086982</v>
      </c>
      <c r="OQ10" s="456">
        <v>188148843</v>
      </c>
      <c r="OR10" s="460">
        <v>1203536433</v>
      </c>
      <c r="OS10" s="466">
        <v>1240636502</v>
      </c>
    </row>
    <row r="11" spans="1:409" ht="20.25" customHeight="1" x14ac:dyDescent="0.2">
      <c r="B11" s="126" t="s">
        <v>6</v>
      </c>
      <c r="C11" s="110">
        <v>4386016</v>
      </c>
      <c r="D11" s="114">
        <v>4362347</v>
      </c>
      <c r="E11" s="113">
        <v>8748363</v>
      </c>
      <c r="F11" s="109">
        <v>0</v>
      </c>
      <c r="G11" s="114">
        <v>40780132</v>
      </c>
      <c r="H11" s="114">
        <v>43768105</v>
      </c>
      <c r="I11" s="114">
        <v>41661435</v>
      </c>
      <c r="J11" s="114">
        <v>41009696</v>
      </c>
      <c r="K11" s="114">
        <v>25867161</v>
      </c>
      <c r="L11" s="109">
        <v>193086529</v>
      </c>
      <c r="M11" s="116">
        <v>201834892</v>
      </c>
      <c r="N11" s="110">
        <v>1058772</v>
      </c>
      <c r="O11" s="114">
        <v>1464701</v>
      </c>
      <c r="P11" s="113">
        <v>2523473</v>
      </c>
      <c r="Q11" s="110">
        <v>0</v>
      </c>
      <c r="R11" s="114">
        <v>12519508</v>
      </c>
      <c r="S11" s="114">
        <v>14800223</v>
      </c>
      <c r="T11" s="114">
        <v>13543453</v>
      </c>
      <c r="U11" s="114">
        <v>16698079</v>
      </c>
      <c r="V11" s="114">
        <v>12246587</v>
      </c>
      <c r="W11" s="113">
        <v>69807850</v>
      </c>
      <c r="X11" s="116">
        <v>72331323</v>
      </c>
      <c r="Y11" s="110">
        <v>0</v>
      </c>
      <c r="Z11" s="114">
        <v>0</v>
      </c>
      <c r="AA11" s="113">
        <v>0</v>
      </c>
      <c r="AB11" s="110">
        <v>0</v>
      </c>
      <c r="AC11" s="114">
        <v>4821196</v>
      </c>
      <c r="AD11" s="114">
        <v>5930818</v>
      </c>
      <c r="AE11" s="114">
        <v>6940491</v>
      </c>
      <c r="AF11" s="114">
        <v>8492917</v>
      </c>
      <c r="AG11" s="114">
        <v>5957282</v>
      </c>
      <c r="AH11" s="113">
        <v>32142704</v>
      </c>
      <c r="AI11" s="116">
        <v>32142704</v>
      </c>
      <c r="AJ11" s="110">
        <v>0</v>
      </c>
      <c r="AK11" s="114">
        <v>0</v>
      </c>
      <c r="AL11" s="113">
        <v>0</v>
      </c>
      <c r="AM11" s="110">
        <v>0</v>
      </c>
      <c r="AN11" s="114">
        <v>50021</v>
      </c>
      <c r="AO11" s="114">
        <v>203254</v>
      </c>
      <c r="AP11" s="114">
        <v>251894</v>
      </c>
      <c r="AQ11" s="114">
        <v>915750</v>
      </c>
      <c r="AR11" s="114">
        <v>1533048</v>
      </c>
      <c r="AS11" s="113">
        <v>2953967</v>
      </c>
      <c r="AT11" s="116">
        <v>2953967</v>
      </c>
      <c r="AU11" s="110">
        <v>453252</v>
      </c>
      <c r="AV11" s="114">
        <v>1019141</v>
      </c>
      <c r="AW11" s="113">
        <v>1472393</v>
      </c>
      <c r="AX11" s="110">
        <v>0</v>
      </c>
      <c r="AY11" s="114">
        <v>4906405</v>
      </c>
      <c r="AZ11" s="114">
        <v>5384332</v>
      </c>
      <c r="BA11" s="114">
        <v>3469486</v>
      </c>
      <c r="BB11" s="114">
        <v>4316643</v>
      </c>
      <c r="BC11" s="114">
        <v>3006749</v>
      </c>
      <c r="BD11" s="113">
        <v>21083615</v>
      </c>
      <c r="BE11" s="116">
        <v>22556008</v>
      </c>
      <c r="BF11" s="110">
        <v>26720</v>
      </c>
      <c r="BG11" s="114">
        <v>24048</v>
      </c>
      <c r="BH11" s="112">
        <v>50768</v>
      </c>
      <c r="BI11" s="111">
        <v>0</v>
      </c>
      <c r="BJ11" s="114">
        <v>316622</v>
      </c>
      <c r="BK11" s="114">
        <v>541891</v>
      </c>
      <c r="BL11" s="114">
        <v>168182</v>
      </c>
      <c r="BM11" s="114">
        <v>302484</v>
      </c>
      <c r="BN11" s="114">
        <v>92084</v>
      </c>
      <c r="BO11" s="113">
        <v>1421263</v>
      </c>
      <c r="BP11" s="116">
        <v>1472031</v>
      </c>
      <c r="BQ11" s="110">
        <v>578800</v>
      </c>
      <c r="BR11" s="114">
        <v>421512</v>
      </c>
      <c r="BS11" s="113">
        <v>1000312</v>
      </c>
      <c r="BT11" s="110">
        <v>0</v>
      </c>
      <c r="BU11" s="114">
        <v>2425264</v>
      </c>
      <c r="BV11" s="114">
        <v>2739928</v>
      </c>
      <c r="BW11" s="114">
        <v>2713400</v>
      </c>
      <c r="BX11" s="114">
        <v>2670285</v>
      </c>
      <c r="BY11" s="114">
        <v>1657424</v>
      </c>
      <c r="BZ11" s="113">
        <v>12206301</v>
      </c>
      <c r="CA11" s="116">
        <v>13206613</v>
      </c>
      <c r="CB11" s="110">
        <v>130248</v>
      </c>
      <c r="CC11" s="114">
        <v>396135</v>
      </c>
      <c r="CD11" s="113">
        <v>526383</v>
      </c>
      <c r="CE11" s="110">
        <v>0</v>
      </c>
      <c r="CF11" s="114">
        <v>13164691</v>
      </c>
      <c r="CG11" s="114">
        <v>12001667</v>
      </c>
      <c r="CH11" s="114">
        <v>10978263</v>
      </c>
      <c r="CI11" s="114">
        <v>6124708</v>
      </c>
      <c r="CJ11" s="114">
        <v>2697857</v>
      </c>
      <c r="CK11" s="113">
        <v>44967186</v>
      </c>
      <c r="CL11" s="116">
        <v>45493569</v>
      </c>
      <c r="CM11" s="110">
        <v>0</v>
      </c>
      <c r="CN11" s="114">
        <v>0</v>
      </c>
      <c r="CO11" s="113">
        <v>0</v>
      </c>
      <c r="CP11" s="111">
        <v>0</v>
      </c>
      <c r="CQ11" s="114">
        <v>10661638</v>
      </c>
      <c r="CR11" s="114">
        <v>8239644</v>
      </c>
      <c r="CS11" s="114">
        <v>7679999</v>
      </c>
      <c r="CT11" s="114">
        <v>4272072</v>
      </c>
      <c r="CU11" s="114">
        <v>1723688</v>
      </c>
      <c r="CV11" s="113">
        <v>32577041</v>
      </c>
      <c r="CW11" s="116">
        <v>32577041</v>
      </c>
      <c r="CX11" s="110">
        <v>130248</v>
      </c>
      <c r="CY11" s="114">
        <v>396135</v>
      </c>
      <c r="CZ11" s="113">
        <v>526383</v>
      </c>
      <c r="DA11" s="110">
        <v>0</v>
      </c>
      <c r="DB11" s="114">
        <v>2503053</v>
      </c>
      <c r="DC11" s="114">
        <v>3762023</v>
      </c>
      <c r="DD11" s="114">
        <v>3298264</v>
      </c>
      <c r="DE11" s="114">
        <v>1852636</v>
      </c>
      <c r="DF11" s="114">
        <v>974169</v>
      </c>
      <c r="DG11" s="113">
        <v>12390145</v>
      </c>
      <c r="DH11" s="116">
        <v>12916528</v>
      </c>
      <c r="DI11" s="110">
        <v>18817</v>
      </c>
      <c r="DJ11" s="114">
        <v>133177</v>
      </c>
      <c r="DK11" s="112">
        <v>151994</v>
      </c>
      <c r="DL11" s="111">
        <v>0</v>
      </c>
      <c r="DM11" s="114">
        <v>1348079</v>
      </c>
      <c r="DN11" s="114">
        <v>1749057</v>
      </c>
      <c r="DO11" s="114">
        <v>2853287</v>
      </c>
      <c r="DP11" s="114">
        <v>2311419</v>
      </c>
      <c r="DQ11" s="114">
        <v>1058590</v>
      </c>
      <c r="DR11" s="113">
        <v>9320432</v>
      </c>
      <c r="DS11" s="116">
        <v>9472426</v>
      </c>
      <c r="DT11" s="110">
        <v>18817</v>
      </c>
      <c r="DU11" s="114">
        <v>133177</v>
      </c>
      <c r="DV11" s="113">
        <v>151994</v>
      </c>
      <c r="DW11" s="110">
        <v>0</v>
      </c>
      <c r="DX11" s="114">
        <v>1289969</v>
      </c>
      <c r="DY11" s="114">
        <v>1357155</v>
      </c>
      <c r="DZ11" s="114">
        <v>2447434</v>
      </c>
      <c r="EA11" s="114">
        <v>1944874</v>
      </c>
      <c r="EB11" s="114">
        <v>678487</v>
      </c>
      <c r="EC11" s="113">
        <v>7717919</v>
      </c>
      <c r="ED11" s="116">
        <v>7869913</v>
      </c>
      <c r="EE11" s="110">
        <v>0</v>
      </c>
      <c r="EF11" s="112">
        <v>0</v>
      </c>
      <c r="EG11" s="113">
        <v>0</v>
      </c>
      <c r="EH11" s="110">
        <v>0</v>
      </c>
      <c r="EI11" s="114">
        <v>58110</v>
      </c>
      <c r="EJ11" s="114">
        <v>391902</v>
      </c>
      <c r="EK11" s="114">
        <v>405853</v>
      </c>
      <c r="EL11" s="114">
        <v>366545</v>
      </c>
      <c r="EM11" s="114">
        <v>380103</v>
      </c>
      <c r="EN11" s="112">
        <v>1602513</v>
      </c>
      <c r="EO11" s="116">
        <v>1602513</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8"/>
      <c r="FE11" s="114">
        <v>0</v>
      </c>
      <c r="FF11" s="114">
        <v>0</v>
      </c>
      <c r="FG11" s="114">
        <v>0</v>
      </c>
      <c r="FH11" s="114">
        <v>0</v>
      </c>
      <c r="FI11" s="114">
        <v>0</v>
      </c>
      <c r="FJ11" s="113">
        <v>0</v>
      </c>
      <c r="FK11" s="116">
        <v>0</v>
      </c>
      <c r="FL11" s="110">
        <v>1043374</v>
      </c>
      <c r="FM11" s="114">
        <v>884597</v>
      </c>
      <c r="FN11" s="113">
        <v>1927971</v>
      </c>
      <c r="FO11" s="110">
        <v>0</v>
      </c>
      <c r="FP11" s="114">
        <v>2318440</v>
      </c>
      <c r="FQ11" s="114">
        <v>4096644</v>
      </c>
      <c r="FR11" s="114">
        <v>3677668</v>
      </c>
      <c r="FS11" s="114">
        <v>3756560</v>
      </c>
      <c r="FT11" s="114">
        <v>2159568</v>
      </c>
      <c r="FU11" s="113">
        <v>16008880</v>
      </c>
      <c r="FV11" s="116">
        <v>17936851</v>
      </c>
      <c r="FW11" s="115">
        <v>289080</v>
      </c>
      <c r="FX11" s="114">
        <v>617616</v>
      </c>
      <c r="FY11" s="112">
        <v>906696</v>
      </c>
      <c r="FZ11" s="111">
        <v>0</v>
      </c>
      <c r="GA11" s="114">
        <v>1805016</v>
      </c>
      <c r="GB11" s="114">
        <v>3772936</v>
      </c>
      <c r="GC11" s="114">
        <v>3353608</v>
      </c>
      <c r="GD11" s="114">
        <v>3388720</v>
      </c>
      <c r="GE11" s="114">
        <v>1959168</v>
      </c>
      <c r="GF11" s="113">
        <v>14279448</v>
      </c>
      <c r="GG11" s="319">
        <v>15186144</v>
      </c>
      <c r="GH11" s="115">
        <v>43952</v>
      </c>
      <c r="GI11" s="114">
        <v>117824</v>
      </c>
      <c r="GJ11" s="112">
        <v>161776</v>
      </c>
      <c r="GK11" s="111">
        <v>0</v>
      </c>
      <c r="GL11" s="114">
        <v>107024</v>
      </c>
      <c r="GM11" s="114">
        <v>28908</v>
      </c>
      <c r="GN11" s="114">
        <v>42020</v>
      </c>
      <c r="GO11" s="114">
        <v>251648</v>
      </c>
      <c r="GP11" s="114">
        <v>60400</v>
      </c>
      <c r="GQ11" s="113">
        <v>490000</v>
      </c>
      <c r="GR11" s="116">
        <v>651776</v>
      </c>
      <c r="GS11" s="110">
        <v>710342</v>
      </c>
      <c r="GT11" s="114">
        <v>149157</v>
      </c>
      <c r="GU11" s="113">
        <v>859499</v>
      </c>
      <c r="GV11" s="110">
        <v>0</v>
      </c>
      <c r="GW11" s="114">
        <v>406400</v>
      </c>
      <c r="GX11" s="114">
        <v>294800</v>
      </c>
      <c r="GY11" s="114">
        <v>282040</v>
      </c>
      <c r="GZ11" s="114">
        <v>116192</v>
      </c>
      <c r="HA11" s="114">
        <v>140000</v>
      </c>
      <c r="HB11" s="112">
        <v>1239432</v>
      </c>
      <c r="HC11" s="116">
        <v>2098931</v>
      </c>
      <c r="HD11" s="110">
        <v>2134805</v>
      </c>
      <c r="HE11" s="114">
        <v>1483737</v>
      </c>
      <c r="HF11" s="112">
        <v>3618542</v>
      </c>
      <c r="HG11" s="111">
        <v>0</v>
      </c>
      <c r="HH11" s="114">
        <v>11429414</v>
      </c>
      <c r="HI11" s="114">
        <v>11120514</v>
      </c>
      <c r="HJ11" s="114">
        <v>10608764</v>
      </c>
      <c r="HK11" s="114">
        <v>12118930</v>
      </c>
      <c r="HL11" s="114">
        <v>7704559</v>
      </c>
      <c r="HM11" s="113">
        <v>52982181</v>
      </c>
      <c r="HN11" s="109">
        <v>56600723</v>
      </c>
      <c r="HO11" s="329"/>
      <c r="HP11" s="330"/>
      <c r="HQ11" s="331"/>
      <c r="HR11" s="332"/>
      <c r="HS11" s="330"/>
      <c r="HT11" s="330"/>
      <c r="HU11" s="330"/>
      <c r="HV11" s="330"/>
      <c r="HW11" s="330"/>
      <c r="HX11" s="333"/>
      <c r="HY11" s="334"/>
      <c r="HZ11" s="131">
        <v>80833</v>
      </c>
      <c r="IA11" s="132">
        <v>0</v>
      </c>
      <c r="IB11" s="133">
        <v>80833</v>
      </c>
      <c r="IC11" s="146">
        <v>0</v>
      </c>
      <c r="ID11" s="132">
        <v>11279707</v>
      </c>
      <c r="IE11" s="147">
        <v>13492771</v>
      </c>
      <c r="IF11" s="133">
        <v>19082042</v>
      </c>
      <c r="IG11" s="132">
        <v>14651278</v>
      </c>
      <c r="IH11" s="133">
        <v>8569844</v>
      </c>
      <c r="II11" s="148">
        <v>67075642</v>
      </c>
      <c r="IJ11" s="139">
        <v>67156475</v>
      </c>
      <c r="IK11" s="232">
        <v>0</v>
      </c>
      <c r="IL11" s="236">
        <v>0</v>
      </c>
      <c r="IM11" s="237">
        <v>0</v>
      </c>
      <c r="IN11" s="140"/>
      <c r="IO11" s="119">
        <v>219264</v>
      </c>
      <c r="IP11" s="119">
        <v>737105</v>
      </c>
      <c r="IQ11" s="119">
        <v>935328</v>
      </c>
      <c r="IR11" s="119">
        <v>2242715</v>
      </c>
      <c r="IS11" s="119">
        <v>1168299</v>
      </c>
      <c r="IT11" s="141">
        <v>5302711</v>
      </c>
      <c r="IU11" s="321">
        <v>5302711</v>
      </c>
      <c r="IV11" s="142">
        <v>0</v>
      </c>
      <c r="IW11" s="119">
        <v>0</v>
      </c>
      <c r="IX11" s="120">
        <v>0</v>
      </c>
      <c r="IY11" s="144"/>
      <c r="IZ11" s="119">
        <v>79829</v>
      </c>
      <c r="JA11" s="119">
        <v>104114</v>
      </c>
      <c r="JB11" s="119">
        <v>415009</v>
      </c>
      <c r="JC11" s="119">
        <v>272889</v>
      </c>
      <c r="JD11" s="119">
        <v>106498</v>
      </c>
      <c r="JE11" s="120">
        <v>978339</v>
      </c>
      <c r="JF11" s="121">
        <v>978339</v>
      </c>
      <c r="JG11" s="142">
        <v>0</v>
      </c>
      <c r="JH11" s="119">
        <v>0</v>
      </c>
      <c r="JI11" s="141">
        <v>0</v>
      </c>
      <c r="JJ11" s="118">
        <v>0</v>
      </c>
      <c r="JK11" s="119">
        <v>4274111</v>
      </c>
      <c r="JL11" s="119">
        <v>3212825</v>
      </c>
      <c r="JM11" s="119">
        <v>2944205</v>
      </c>
      <c r="JN11" s="119">
        <v>1946793</v>
      </c>
      <c r="JO11" s="119">
        <v>1175027</v>
      </c>
      <c r="JP11" s="120">
        <v>13552961</v>
      </c>
      <c r="JQ11" s="321">
        <v>13552961</v>
      </c>
      <c r="JR11" s="142">
        <v>0</v>
      </c>
      <c r="JS11" s="119">
        <v>0</v>
      </c>
      <c r="JT11" s="141">
        <v>0</v>
      </c>
      <c r="JU11" s="118">
        <v>0</v>
      </c>
      <c r="JV11" s="119">
        <v>1128661</v>
      </c>
      <c r="JW11" s="119">
        <v>1240410</v>
      </c>
      <c r="JX11" s="119">
        <v>1528987</v>
      </c>
      <c r="JY11" s="119">
        <v>524778</v>
      </c>
      <c r="JZ11" s="119">
        <v>403028</v>
      </c>
      <c r="KA11" s="120">
        <v>4825864</v>
      </c>
      <c r="KB11" s="321">
        <v>4825864</v>
      </c>
      <c r="KC11" s="234">
        <v>80833</v>
      </c>
      <c r="KD11" s="230">
        <v>0</v>
      </c>
      <c r="KE11" s="120">
        <v>80833</v>
      </c>
      <c r="KF11" s="118">
        <v>0</v>
      </c>
      <c r="KG11" s="119">
        <v>1192004</v>
      </c>
      <c r="KH11" s="119">
        <v>2294181</v>
      </c>
      <c r="KI11" s="119">
        <v>1982016</v>
      </c>
      <c r="KJ11" s="119">
        <v>1726328</v>
      </c>
      <c r="KK11" s="119">
        <v>558064</v>
      </c>
      <c r="KL11" s="120">
        <v>7752593</v>
      </c>
      <c r="KM11" s="143">
        <v>7833426</v>
      </c>
      <c r="KN11" s="232">
        <v>0</v>
      </c>
      <c r="KO11" s="236">
        <v>0</v>
      </c>
      <c r="KP11" s="237">
        <v>0</v>
      </c>
      <c r="KQ11" s="140"/>
      <c r="KR11" s="119">
        <v>3809053</v>
      </c>
      <c r="KS11" s="119">
        <v>5376771</v>
      </c>
      <c r="KT11" s="119">
        <v>8921914</v>
      </c>
      <c r="KU11" s="119">
        <v>5256109</v>
      </c>
      <c r="KV11" s="119">
        <v>2537237</v>
      </c>
      <c r="KW11" s="120">
        <v>25901084</v>
      </c>
      <c r="KX11" s="321">
        <v>25901084</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1772584</v>
      </c>
      <c r="LQ11" s="119">
        <v>824718</v>
      </c>
      <c r="LR11" s="119">
        <v>629066</v>
      </c>
      <c r="LS11" s="120">
        <v>3226368</v>
      </c>
      <c r="LT11" s="321">
        <v>3226368</v>
      </c>
      <c r="LU11" s="142">
        <v>0</v>
      </c>
      <c r="LV11" s="119">
        <v>0</v>
      </c>
      <c r="LW11" s="120">
        <v>0</v>
      </c>
      <c r="LX11" s="145">
        <v>0</v>
      </c>
      <c r="LY11" s="119">
        <v>576785</v>
      </c>
      <c r="LZ11" s="119">
        <v>527365</v>
      </c>
      <c r="MA11" s="119">
        <v>581999</v>
      </c>
      <c r="MB11" s="119">
        <v>1856948</v>
      </c>
      <c r="MC11" s="119">
        <v>1992625</v>
      </c>
      <c r="MD11" s="120">
        <v>5535722</v>
      </c>
      <c r="ME11" s="121">
        <v>5535722</v>
      </c>
      <c r="MF11" s="142">
        <v>0</v>
      </c>
      <c r="MG11" s="119">
        <v>0</v>
      </c>
      <c r="MH11" s="120">
        <v>0</v>
      </c>
      <c r="MI11" s="145"/>
      <c r="MJ11" s="119">
        <v>2760301</v>
      </c>
      <c r="MK11" s="119">
        <v>6614764</v>
      </c>
      <c r="ML11" s="119">
        <v>17619075</v>
      </c>
      <c r="MM11" s="119">
        <v>25411245</v>
      </c>
      <c r="MN11" s="119">
        <v>21017497</v>
      </c>
      <c r="MO11" s="120">
        <v>73422882</v>
      </c>
      <c r="MP11" s="143">
        <v>73422882</v>
      </c>
      <c r="MQ11" s="142">
        <v>0</v>
      </c>
      <c r="MR11" s="119">
        <v>0</v>
      </c>
      <c r="MS11" s="120">
        <v>0</v>
      </c>
      <c r="MT11" s="145">
        <v>0</v>
      </c>
      <c r="MU11" s="119">
        <v>191218</v>
      </c>
      <c r="MV11" s="119">
        <v>1287931</v>
      </c>
      <c r="MW11" s="119">
        <v>9973240</v>
      </c>
      <c r="MX11" s="119">
        <v>12838139</v>
      </c>
      <c r="MY11" s="119">
        <v>11300318</v>
      </c>
      <c r="MZ11" s="120">
        <v>35590846</v>
      </c>
      <c r="NA11" s="143">
        <v>35590846</v>
      </c>
      <c r="NB11" s="142">
        <v>0</v>
      </c>
      <c r="NC11" s="119">
        <v>0</v>
      </c>
      <c r="ND11" s="120">
        <v>0</v>
      </c>
      <c r="NE11" s="145"/>
      <c r="NF11" s="119">
        <v>2569083</v>
      </c>
      <c r="NG11" s="119">
        <v>5326833</v>
      </c>
      <c r="NH11" s="119">
        <v>7031248</v>
      </c>
      <c r="NI11" s="119">
        <v>10030043</v>
      </c>
      <c r="NJ11" s="119">
        <v>5462162</v>
      </c>
      <c r="NK11" s="120">
        <v>30419369</v>
      </c>
      <c r="NL11" s="321">
        <v>30419369</v>
      </c>
      <c r="NM11" s="142">
        <v>0</v>
      </c>
      <c r="NN11" s="119">
        <v>0</v>
      </c>
      <c r="NO11" s="120">
        <v>0</v>
      </c>
      <c r="NP11" s="145"/>
      <c r="NQ11" s="119">
        <v>0</v>
      </c>
      <c r="NR11" s="119">
        <v>0</v>
      </c>
      <c r="NS11" s="119">
        <v>614587</v>
      </c>
      <c r="NT11" s="119">
        <v>2224749</v>
      </c>
      <c r="NU11" s="119">
        <v>2029132</v>
      </c>
      <c r="NV11" s="120">
        <v>4868468</v>
      </c>
      <c r="NW11" s="121">
        <v>4868468</v>
      </c>
      <c r="NX11" s="142">
        <v>0</v>
      </c>
      <c r="NY11" s="119">
        <v>0</v>
      </c>
      <c r="NZ11" s="120">
        <v>0</v>
      </c>
      <c r="OA11" s="145"/>
      <c r="OB11" s="119">
        <v>0</v>
      </c>
      <c r="OC11" s="119">
        <v>0</v>
      </c>
      <c r="OD11" s="119">
        <v>0</v>
      </c>
      <c r="OE11" s="119">
        <v>318314</v>
      </c>
      <c r="OF11" s="119">
        <v>2225885</v>
      </c>
      <c r="OG11" s="120">
        <v>2544199</v>
      </c>
      <c r="OH11" s="121">
        <v>2544199</v>
      </c>
      <c r="OI11" s="142">
        <v>4466849</v>
      </c>
      <c r="OJ11" s="119">
        <v>4362347</v>
      </c>
      <c r="OK11" s="141">
        <v>8829196</v>
      </c>
      <c r="OL11" s="118">
        <v>0</v>
      </c>
      <c r="OM11" s="119">
        <v>54820140</v>
      </c>
      <c r="ON11" s="119">
        <v>63875640</v>
      </c>
      <c r="OO11" s="119">
        <v>78362552</v>
      </c>
      <c r="OP11" s="119">
        <v>81072219</v>
      </c>
      <c r="OQ11" s="119">
        <v>55454502</v>
      </c>
      <c r="OR11" s="120">
        <v>333585053</v>
      </c>
      <c r="OS11" s="143">
        <v>342414249</v>
      </c>
    </row>
    <row r="12" spans="1:409" ht="20.25" customHeight="1" x14ac:dyDescent="0.2">
      <c r="B12" s="126" t="s">
        <v>14</v>
      </c>
      <c r="C12" s="110">
        <v>1793718</v>
      </c>
      <c r="D12" s="114">
        <v>3261425</v>
      </c>
      <c r="E12" s="113">
        <v>5055143</v>
      </c>
      <c r="F12" s="109">
        <v>0</v>
      </c>
      <c r="G12" s="114">
        <v>19328187</v>
      </c>
      <c r="H12" s="114">
        <v>27055398</v>
      </c>
      <c r="I12" s="114">
        <v>25464405</v>
      </c>
      <c r="J12" s="114">
        <v>16644319</v>
      </c>
      <c r="K12" s="114">
        <v>13128647</v>
      </c>
      <c r="L12" s="112">
        <v>101620956</v>
      </c>
      <c r="M12" s="116">
        <v>106676099</v>
      </c>
      <c r="N12" s="110">
        <v>363361</v>
      </c>
      <c r="O12" s="114">
        <v>994839</v>
      </c>
      <c r="P12" s="113">
        <v>1358200</v>
      </c>
      <c r="Q12" s="110">
        <v>0</v>
      </c>
      <c r="R12" s="114">
        <v>6442237</v>
      </c>
      <c r="S12" s="114">
        <v>9528963</v>
      </c>
      <c r="T12" s="114">
        <v>7127714</v>
      </c>
      <c r="U12" s="114">
        <v>4593683</v>
      </c>
      <c r="V12" s="114">
        <v>6236093</v>
      </c>
      <c r="W12" s="113">
        <v>33928690</v>
      </c>
      <c r="X12" s="116">
        <v>35286890</v>
      </c>
      <c r="Y12" s="110">
        <v>0</v>
      </c>
      <c r="Z12" s="114">
        <v>0</v>
      </c>
      <c r="AA12" s="113">
        <v>0</v>
      </c>
      <c r="AB12" s="110">
        <v>0</v>
      </c>
      <c r="AC12" s="114">
        <v>2862565</v>
      </c>
      <c r="AD12" s="114">
        <v>4880531</v>
      </c>
      <c r="AE12" s="114">
        <v>3165170</v>
      </c>
      <c r="AF12" s="114">
        <v>1768698</v>
      </c>
      <c r="AG12" s="114">
        <v>3571450</v>
      </c>
      <c r="AH12" s="113">
        <v>16248414</v>
      </c>
      <c r="AI12" s="116">
        <v>16248414</v>
      </c>
      <c r="AJ12" s="110">
        <v>0</v>
      </c>
      <c r="AK12" s="114">
        <v>0</v>
      </c>
      <c r="AL12" s="113">
        <v>0</v>
      </c>
      <c r="AM12" s="110">
        <v>0</v>
      </c>
      <c r="AN12" s="114">
        <v>0</v>
      </c>
      <c r="AO12" s="114">
        <v>0</v>
      </c>
      <c r="AP12" s="114">
        <v>190305</v>
      </c>
      <c r="AQ12" s="114">
        <v>249801</v>
      </c>
      <c r="AR12" s="114">
        <v>676303</v>
      </c>
      <c r="AS12" s="113">
        <v>1116409</v>
      </c>
      <c r="AT12" s="116">
        <v>1116409</v>
      </c>
      <c r="AU12" s="110">
        <v>113217</v>
      </c>
      <c r="AV12" s="114">
        <v>668949</v>
      </c>
      <c r="AW12" s="113">
        <v>782166</v>
      </c>
      <c r="AX12" s="110">
        <v>0</v>
      </c>
      <c r="AY12" s="114">
        <v>2078473</v>
      </c>
      <c r="AZ12" s="114">
        <v>3244723</v>
      </c>
      <c r="BA12" s="114">
        <v>2436238</v>
      </c>
      <c r="BB12" s="114">
        <v>1600931</v>
      </c>
      <c r="BC12" s="114">
        <v>1167210</v>
      </c>
      <c r="BD12" s="113">
        <v>10527575</v>
      </c>
      <c r="BE12" s="116">
        <v>11309741</v>
      </c>
      <c r="BF12" s="110">
        <v>23392</v>
      </c>
      <c r="BG12" s="114">
        <v>70338</v>
      </c>
      <c r="BH12" s="112">
        <v>93730</v>
      </c>
      <c r="BI12" s="111">
        <v>0</v>
      </c>
      <c r="BJ12" s="114">
        <v>136591</v>
      </c>
      <c r="BK12" s="114">
        <v>65221</v>
      </c>
      <c r="BL12" s="114">
        <v>44713</v>
      </c>
      <c r="BM12" s="114">
        <v>108013</v>
      </c>
      <c r="BN12" s="114">
        <v>13890</v>
      </c>
      <c r="BO12" s="113">
        <v>368428</v>
      </c>
      <c r="BP12" s="116">
        <v>462158</v>
      </c>
      <c r="BQ12" s="110">
        <v>226752</v>
      </c>
      <c r="BR12" s="114">
        <v>255552</v>
      </c>
      <c r="BS12" s="113">
        <v>482304</v>
      </c>
      <c r="BT12" s="110">
        <v>0</v>
      </c>
      <c r="BU12" s="114">
        <v>1364608</v>
      </c>
      <c r="BV12" s="114">
        <v>1338488</v>
      </c>
      <c r="BW12" s="114">
        <v>1291288</v>
      </c>
      <c r="BX12" s="114">
        <v>866240</v>
      </c>
      <c r="BY12" s="114">
        <v>807240</v>
      </c>
      <c r="BZ12" s="113">
        <v>5667864</v>
      </c>
      <c r="CA12" s="116">
        <v>6150168</v>
      </c>
      <c r="CB12" s="110">
        <v>163365</v>
      </c>
      <c r="CC12" s="114">
        <v>267399</v>
      </c>
      <c r="CD12" s="113">
        <v>430764</v>
      </c>
      <c r="CE12" s="110">
        <v>0</v>
      </c>
      <c r="CF12" s="114">
        <v>5831730</v>
      </c>
      <c r="CG12" s="114">
        <v>9096114</v>
      </c>
      <c r="CH12" s="114">
        <v>8690057</v>
      </c>
      <c r="CI12" s="114">
        <v>4012091</v>
      </c>
      <c r="CJ12" s="114">
        <v>1458946</v>
      </c>
      <c r="CK12" s="113">
        <v>29088938</v>
      </c>
      <c r="CL12" s="116">
        <v>29519702</v>
      </c>
      <c r="CM12" s="110">
        <v>0</v>
      </c>
      <c r="CN12" s="114">
        <v>0</v>
      </c>
      <c r="CO12" s="113">
        <v>0</v>
      </c>
      <c r="CP12" s="111">
        <v>0</v>
      </c>
      <c r="CQ12" s="114">
        <v>5449291</v>
      </c>
      <c r="CR12" s="114">
        <v>7593139</v>
      </c>
      <c r="CS12" s="114">
        <v>6761898</v>
      </c>
      <c r="CT12" s="114">
        <v>3212884</v>
      </c>
      <c r="CU12" s="114">
        <v>1026230</v>
      </c>
      <c r="CV12" s="113">
        <v>24043442</v>
      </c>
      <c r="CW12" s="116">
        <v>24043442</v>
      </c>
      <c r="CX12" s="110">
        <v>163365</v>
      </c>
      <c r="CY12" s="114">
        <v>267399</v>
      </c>
      <c r="CZ12" s="113">
        <v>430764</v>
      </c>
      <c r="DA12" s="110">
        <v>0</v>
      </c>
      <c r="DB12" s="114">
        <v>382439</v>
      </c>
      <c r="DC12" s="114">
        <v>1502975</v>
      </c>
      <c r="DD12" s="114">
        <v>1928159</v>
      </c>
      <c r="DE12" s="114">
        <v>799207</v>
      </c>
      <c r="DF12" s="114">
        <v>432716</v>
      </c>
      <c r="DG12" s="113">
        <v>5045496</v>
      </c>
      <c r="DH12" s="116">
        <v>5476260</v>
      </c>
      <c r="DI12" s="110">
        <v>0</v>
      </c>
      <c r="DJ12" s="114">
        <v>34359</v>
      </c>
      <c r="DK12" s="112">
        <v>34359</v>
      </c>
      <c r="DL12" s="111">
        <v>0</v>
      </c>
      <c r="DM12" s="114">
        <v>664487</v>
      </c>
      <c r="DN12" s="114">
        <v>1200385</v>
      </c>
      <c r="DO12" s="114">
        <v>2123242</v>
      </c>
      <c r="DP12" s="114">
        <v>2271565</v>
      </c>
      <c r="DQ12" s="114">
        <v>900500</v>
      </c>
      <c r="DR12" s="113">
        <v>7160179</v>
      </c>
      <c r="DS12" s="116">
        <v>7194538</v>
      </c>
      <c r="DT12" s="110">
        <v>0</v>
      </c>
      <c r="DU12" s="114">
        <v>34359</v>
      </c>
      <c r="DV12" s="113">
        <v>34359</v>
      </c>
      <c r="DW12" s="110">
        <v>0</v>
      </c>
      <c r="DX12" s="114">
        <v>664487</v>
      </c>
      <c r="DY12" s="114">
        <v>1089713</v>
      </c>
      <c r="DZ12" s="114">
        <v>1991291</v>
      </c>
      <c r="EA12" s="114">
        <v>2019079</v>
      </c>
      <c r="EB12" s="114">
        <v>862868</v>
      </c>
      <c r="EC12" s="113">
        <v>6627438</v>
      </c>
      <c r="ED12" s="116">
        <v>6661797</v>
      </c>
      <c r="EE12" s="110">
        <v>0</v>
      </c>
      <c r="EF12" s="112">
        <v>0</v>
      </c>
      <c r="EG12" s="113">
        <v>0</v>
      </c>
      <c r="EH12" s="110">
        <v>0</v>
      </c>
      <c r="EI12" s="114">
        <v>0</v>
      </c>
      <c r="EJ12" s="114">
        <v>110672</v>
      </c>
      <c r="EK12" s="114">
        <v>131951</v>
      </c>
      <c r="EL12" s="114">
        <v>252486</v>
      </c>
      <c r="EM12" s="114">
        <v>37632</v>
      </c>
      <c r="EN12" s="112">
        <v>532741</v>
      </c>
      <c r="EO12" s="116">
        <v>532741</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8"/>
      <c r="FE12" s="114">
        <v>0</v>
      </c>
      <c r="FF12" s="114">
        <v>0</v>
      </c>
      <c r="FG12" s="114">
        <v>0</v>
      </c>
      <c r="FH12" s="114">
        <v>0</v>
      </c>
      <c r="FI12" s="114">
        <v>0</v>
      </c>
      <c r="FJ12" s="113">
        <v>0</v>
      </c>
      <c r="FK12" s="116">
        <v>0</v>
      </c>
      <c r="FL12" s="110">
        <v>356808</v>
      </c>
      <c r="FM12" s="114">
        <v>1072372</v>
      </c>
      <c r="FN12" s="113">
        <v>1429180</v>
      </c>
      <c r="FO12" s="110">
        <v>0</v>
      </c>
      <c r="FP12" s="114">
        <v>1137097</v>
      </c>
      <c r="FQ12" s="114">
        <v>2623208</v>
      </c>
      <c r="FR12" s="114">
        <v>2300610</v>
      </c>
      <c r="FS12" s="114">
        <v>1774887</v>
      </c>
      <c r="FT12" s="114">
        <v>1117856</v>
      </c>
      <c r="FU12" s="113">
        <v>8953658</v>
      </c>
      <c r="FV12" s="116">
        <v>10382838</v>
      </c>
      <c r="FW12" s="115">
        <v>183720</v>
      </c>
      <c r="FX12" s="114">
        <v>568832</v>
      </c>
      <c r="FY12" s="112">
        <v>752552</v>
      </c>
      <c r="FZ12" s="111">
        <v>0</v>
      </c>
      <c r="GA12" s="114">
        <v>737896</v>
      </c>
      <c r="GB12" s="114">
        <v>2568024</v>
      </c>
      <c r="GC12" s="114">
        <v>2155952</v>
      </c>
      <c r="GD12" s="114">
        <v>1481984</v>
      </c>
      <c r="GE12" s="114">
        <v>1075968</v>
      </c>
      <c r="GF12" s="113">
        <v>8019824</v>
      </c>
      <c r="GG12" s="319">
        <v>8772376</v>
      </c>
      <c r="GH12" s="115">
        <v>38688</v>
      </c>
      <c r="GI12" s="114">
        <v>32340</v>
      </c>
      <c r="GJ12" s="112">
        <v>71028</v>
      </c>
      <c r="GK12" s="111">
        <v>0</v>
      </c>
      <c r="GL12" s="114">
        <v>157601</v>
      </c>
      <c r="GM12" s="114">
        <v>34384</v>
      </c>
      <c r="GN12" s="114">
        <v>56658</v>
      </c>
      <c r="GO12" s="114">
        <v>153543</v>
      </c>
      <c r="GP12" s="114">
        <v>0</v>
      </c>
      <c r="GQ12" s="113">
        <v>402186</v>
      </c>
      <c r="GR12" s="116">
        <v>473214</v>
      </c>
      <c r="GS12" s="110">
        <v>134400</v>
      </c>
      <c r="GT12" s="114">
        <v>471200</v>
      </c>
      <c r="GU12" s="113">
        <v>605600</v>
      </c>
      <c r="GV12" s="110">
        <v>0</v>
      </c>
      <c r="GW12" s="114">
        <v>241600</v>
      </c>
      <c r="GX12" s="114">
        <v>20800</v>
      </c>
      <c r="GY12" s="114">
        <v>88000</v>
      </c>
      <c r="GZ12" s="114">
        <v>139360</v>
      </c>
      <c r="HA12" s="114">
        <v>41888</v>
      </c>
      <c r="HB12" s="112">
        <v>531648</v>
      </c>
      <c r="HC12" s="116">
        <v>1137248</v>
      </c>
      <c r="HD12" s="110">
        <v>910184</v>
      </c>
      <c r="HE12" s="114">
        <v>892456</v>
      </c>
      <c r="HF12" s="112">
        <v>1802640</v>
      </c>
      <c r="HG12" s="111">
        <v>0</v>
      </c>
      <c r="HH12" s="114">
        <v>5252636</v>
      </c>
      <c r="HI12" s="114">
        <v>4606728</v>
      </c>
      <c r="HJ12" s="114">
        <v>5222782</v>
      </c>
      <c r="HK12" s="114">
        <v>3992093</v>
      </c>
      <c r="HL12" s="114">
        <v>3415252</v>
      </c>
      <c r="HM12" s="113">
        <v>22489491</v>
      </c>
      <c r="HN12" s="109">
        <v>24292131</v>
      </c>
      <c r="HO12" s="329"/>
      <c r="HP12" s="330"/>
      <c r="HQ12" s="331"/>
      <c r="HR12" s="332"/>
      <c r="HS12" s="330"/>
      <c r="HT12" s="330"/>
      <c r="HU12" s="330"/>
      <c r="HV12" s="330"/>
      <c r="HW12" s="330"/>
      <c r="HX12" s="333"/>
      <c r="HY12" s="334"/>
      <c r="HZ12" s="131">
        <v>38929</v>
      </c>
      <c r="IA12" s="132">
        <v>75890</v>
      </c>
      <c r="IB12" s="133">
        <v>114819</v>
      </c>
      <c r="IC12" s="134">
        <v>0</v>
      </c>
      <c r="ID12" s="135">
        <v>5860047</v>
      </c>
      <c r="IE12" s="136">
        <v>6295442</v>
      </c>
      <c r="IF12" s="137">
        <v>9136990</v>
      </c>
      <c r="IG12" s="135">
        <v>5173998</v>
      </c>
      <c r="IH12" s="137">
        <v>2427283</v>
      </c>
      <c r="II12" s="138">
        <v>28893760</v>
      </c>
      <c r="IJ12" s="139">
        <v>29008579</v>
      </c>
      <c r="IK12" s="232">
        <v>0</v>
      </c>
      <c r="IL12" s="236">
        <v>0</v>
      </c>
      <c r="IM12" s="237">
        <v>0</v>
      </c>
      <c r="IN12" s="140"/>
      <c r="IO12" s="119">
        <v>152408</v>
      </c>
      <c r="IP12" s="119">
        <v>206366</v>
      </c>
      <c r="IQ12" s="119">
        <v>0</v>
      </c>
      <c r="IR12" s="119">
        <v>212229</v>
      </c>
      <c r="IS12" s="119">
        <v>195120</v>
      </c>
      <c r="IT12" s="141">
        <v>766123</v>
      </c>
      <c r="IU12" s="321">
        <v>766123</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3085566</v>
      </c>
      <c r="JL12" s="119">
        <v>2831293</v>
      </c>
      <c r="JM12" s="119">
        <v>3223711</v>
      </c>
      <c r="JN12" s="119">
        <v>1667811</v>
      </c>
      <c r="JO12" s="119">
        <v>285631</v>
      </c>
      <c r="JP12" s="120">
        <v>11094012</v>
      </c>
      <c r="JQ12" s="321">
        <v>11094012</v>
      </c>
      <c r="JR12" s="142">
        <v>0</v>
      </c>
      <c r="JS12" s="119">
        <v>0</v>
      </c>
      <c r="JT12" s="141">
        <v>0</v>
      </c>
      <c r="JU12" s="118">
        <v>0</v>
      </c>
      <c r="JV12" s="119">
        <v>78593</v>
      </c>
      <c r="JW12" s="119">
        <v>75608</v>
      </c>
      <c r="JX12" s="119">
        <v>0</v>
      </c>
      <c r="JY12" s="119">
        <v>107273</v>
      </c>
      <c r="JZ12" s="119">
        <v>0</v>
      </c>
      <c r="KA12" s="120">
        <v>261474</v>
      </c>
      <c r="KB12" s="321">
        <v>261474</v>
      </c>
      <c r="KC12" s="234">
        <v>38929</v>
      </c>
      <c r="KD12" s="230">
        <v>75890</v>
      </c>
      <c r="KE12" s="120">
        <v>114819</v>
      </c>
      <c r="KF12" s="118">
        <v>0</v>
      </c>
      <c r="KG12" s="119">
        <v>1127189</v>
      </c>
      <c r="KH12" s="119">
        <v>462462</v>
      </c>
      <c r="KI12" s="119">
        <v>1741478</v>
      </c>
      <c r="KJ12" s="119">
        <v>278566</v>
      </c>
      <c r="KK12" s="119">
        <v>23939</v>
      </c>
      <c r="KL12" s="120">
        <v>3633634</v>
      </c>
      <c r="KM12" s="143">
        <v>3748453</v>
      </c>
      <c r="KN12" s="232">
        <v>0</v>
      </c>
      <c r="KO12" s="236">
        <v>0</v>
      </c>
      <c r="KP12" s="237">
        <v>0</v>
      </c>
      <c r="KQ12" s="140"/>
      <c r="KR12" s="119">
        <v>1288244</v>
      </c>
      <c r="KS12" s="119">
        <v>2544506</v>
      </c>
      <c r="KT12" s="119">
        <v>3684781</v>
      </c>
      <c r="KU12" s="119">
        <v>2894299</v>
      </c>
      <c r="KV12" s="119">
        <v>1236482</v>
      </c>
      <c r="KW12" s="120">
        <v>11648312</v>
      </c>
      <c r="KX12" s="321">
        <v>11648312</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221356</v>
      </c>
      <c r="LQ12" s="119">
        <v>13820</v>
      </c>
      <c r="LR12" s="119">
        <v>0</v>
      </c>
      <c r="LS12" s="120">
        <v>235176</v>
      </c>
      <c r="LT12" s="321">
        <v>235176</v>
      </c>
      <c r="LU12" s="142">
        <v>0</v>
      </c>
      <c r="LV12" s="119">
        <v>0</v>
      </c>
      <c r="LW12" s="120">
        <v>0</v>
      </c>
      <c r="LX12" s="145">
        <v>0</v>
      </c>
      <c r="LY12" s="119">
        <v>128047</v>
      </c>
      <c r="LZ12" s="119">
        <v>175207</v>
      </c>
      <c r="MA12" s="119">
        <v>265664</v>
      </c>
      <c r="MB12" s="119">
        <v>0</v>
      </c>
      <c r="MC12" s="119">
        <v>686111</v>
      </c>
      <c r="MD12" s="120">
        <v>1255029</v>
      </c>
      <c r="ME12" s="121">
        <v>1255029</v>
      </c>
      <c r="MF12" s="142">
        <v>0</v>
      </c>
      <c r="MG12" s="119">
        <v>0</v>
      </c>
      <c r="MH12" s="120">
        <v>0</v>
      </c>
      <c r="MI12" s="145"/>
      <c r="MJ12" s="119">
        <v>1118312</v>
      </c>
      <c r="MK12" s="119">
        <v>2121270</v>
      </c>
      <c r="ML12" s="119">
        <v>9709700</v>
      </c>
      <c r="MM12" s="119">
        <v>18597013</v>
      </c>
      <c r="MN12" s="119">
        <v>11170294</v>
      </c>
      <c r="MO12" s="120">
        <v>42716589</v>
      </c>
      <c r="MP12" s="143">
        <v>42716589</v>
      </c>
      <c r="MQ12" s="142">
        <v>0</v>
      </c>
      <c r="MR12" s="119">
        <v>0</v>
      </c>
      <c r="MS12" s="120">
        <v>0</v>
      </c>
      <c r="MT12" s="145">
        <v>0</v>
      </c>
      <c r="MU12" s="119">
        <v>213776</v>
      </c>
      <c r="MV12" s="119">
        <v>226871</v>
      </c>
      <c r="MW12" s="119">
        <v>6460748</v>
      </c>
      <c r="MX12" s="119">
        <v>12493817</v>
      </c>
      <c r="MY12" s="119">
        <v>7184109</v>
      </c>
      <c r="MZ12" s="120">
        <v>26579321</v>
      </c>
      <c r="NA12" s="143">
        <v>26579321</v>
      </c>
      <c r="NB12" s="142">
        <v>0</v>
      </c>
      <c r="NC12" s="119">
        <v>0</v>
      </c>
      <c r="ND12" s="120">
        <v>0</v>
      </c>
      <c r="NE12" s="145"/>
      <c r="NF12" s="119">
        <v>904536</v>
      </c>
      <c r="NG12" s="119">
        <v>1894399</v>
      </c>
      <c r="NH12" s="119">
        <v>3248952</v>
      </c>
      <c r="NI12" s="119">
        <v>5406286</v>
      </c>
      <c r="NJ12" s="119">
        <v>2251421</v>
      </c>
      <c r="NK12" s="120">
        <v>13705594</v>
      </c>
      <c r="NL12" s="321">
        <v>13705594</v>
      </c>
      <c r="NM12" s="142">
        <v>0</v>
      </c>
      <c r="NN12" s="119">
        <v>0</v>
      </c>
      <c r="NO12" s="120">
        <v>0</v>
      </c>
      <c r="NP12" s="145"/>
      <c r="NQ12" s="119">
        <v>0</v>
      </c>
      <c r="NR12" s="119">
        <v>0</v>
      </c>
      <c r="NS12" s="119">
        <v>0</v>
      </c>
      <c r="NT12" s="119">
        <v>575874</v>
      </c>
      <c r="NU12" s="119">
        <v>602238</v>
      </c>
      <c r="NV12" s="120">
        <v>1178112</v>
      </c>
      <c r="NW12" s="121">
        <v>1178112</v>
      </c>
      <c r="NX12" s="142">
        <v>0</v>
      </c>
      <c r="NY12" s="119">
        <v>0</v>
      </c>
      <c r="NZ12" s="120">
        <v>0</v>
      </c>
      <c r="OA12" s="145"/>
      <c r="OB12" s="119">
        <v>0</v>
      </c>
      <c r="OC12" s="119">
        <v>0</v>
      </c>
      <c r="OD12" s="119">
        <v>0</v>
      </c>
      <c r="OE12" s="119">
        <v>121036</v>
      </c>
      <c r="OF12" s="119">
        <v>1132526</v>
      </c>
      <c r="OG12" s="120">
        <v>1253562</v>
      </c>
      <c r="OH12" s="121">
        <v>1253562</v>
      </c>
      <c r="OI12" s="142">
        <v>1832647</v>
      </c>
      <c r="OJ12" s="119">
        <v>3337315</v>
      </c>
      <c r="OK12" s="141">
        <v>5169962</v>
      </c>
      <c r="OL12" s="118">
        <v>0</v>
      </c>
      <c r="OM12" s="119">
        <v>26306546</v>
      </c>
      <c r="ON12" s="119">
        <v>35472110</v>
      </c>
      <c r="OO12" s="119">
        <v>44311095</v>
      </c>
      <c r="OP12" s="119">
        <v>40415330</v>
      </c>
      <c r="OQ12" s="119">
        <v>26726224</v>
      </c>
      <c r="OR12" s="120">
        <v>173231305</v>
      </c>
      <c r="OS12" s="143">
        <v>178401267</v>
      </c>
    </row>
    <row r="13" spans="1:409" ht="20.25" customHeight="1" x14ac:dyDescent="0.2">
      <c r="B13" s="126" t="s">
        <v>7</v>
      </c>
      <c r="C13" s="110">
        <v>995291</v>
      </c>
      <c r="D13" s="114">
        <v>960582</v>
      </c>
      <c r="E13" s="113">
        <v>1955873</v>
      </c>
      <c r="F13" s="109">
        <v>0</v>
      </c>
      <c r="G13" s="114">
        <v>25275851</v>
      </c>
      <c r="H13" s="114">
        <v>23252599</v>
      </c>
      <c r="I13" s="114">
        <v>21912317</v>
      </c>
      <c r="J13" s="114">
        <v>20471075</v>
      </c>
      <c r="K13" s="114">
        <v>10715640</v>
      </c>
      <c r="L13" s="109">
        <v>101627482</v>
      </c>
      <c r="M13" s="116">
        <v>103583355</v>
      </c>
      <c r="N13" s="110">
        <v>208536</v>
      </c>
      <c r="O13" s="114">
        <v>222999</v>
      </c>
      <c r="P13" s="113">
        <v>431535</v>
      </c>
      <c r="Q13" s="110">
        <v>0</v>
      </c>
      <c r="R13" s="114">
        <v>7448663</v>
      </c>
      <c r="S13" s="114">
        <v>6875445</v>
      </c>
      <c r="T13" s="114">
        <v>8273338</v>
      </c>
      <c r="U13" s="114">
        <v>8518573</v>
      </c>
      <c r="V13" s="114">
        <v>5732997</v>
      </c>
      <c r="W13" s="113">
        <v>36849016</v>
      </c>
      <c r="X13" s="116">
        <v>37280551</v>
      </c>
      <c r="Y13" s="110">
        <v>0</v>
      </c>
      <c r="Z13" s="114">
        <v>0</v>
      </c>
      <c r="AA13" s="113">
        <v>0</v>
      </c>
      <c r="AB13" s="110">
        <v>0</v>
      </c>
      <c r="AC13" s="114">
        <v>3608432</v>
      </c>
      <c r="AD13" s="114">
        <v>3597120</v>
      </c>
      <c r="AE13" s="114">
        <v>4471904</v>
      </c>
      <c r="AF13" s="114">
        <v>4705221</v>
      </c>
      <c r="AG13" s="114">
        <v>3592189</v>
      </c>
      <c r="AH13" s="113">
        <v>19974866</v>
      </c>
      <c r="AI13" s="116">
        <v>19974866</v>
      </c>
      <c r="AJ13" s="110">
        <v>0</v>
      </c>
      <c r="AK13" s="114">
        <v>0</v>
      </c>
      <c r="AL13" s="113">
        <v>0</v>
      </c>
      <c r="AM13" s="110">
        <v>0</v>
      </c>
      <c r="AN13" s="114">
        <v>117673</v>
      </c>
      <c r="AO13" s="114">
        <v>223643</v>
      </c>
      <c r="AP13" s="114">
        <v>503175</v>
      </c>
      <c r="AQ13" s="114">
        <v>869733</v>
      </c>
      <c r="AR13" s="114">
        <v>692026</v>
      </c>
      <c r="AS13" s="113">
        <v>2406250</v>
      </c>
      <c r="AT13" s="116">
        <v>2406250</v>
      </c>
      <c r="AU13" s="110">
        <v>61416</v>
      </c>
      <c r="AV13" s="114">
        <v>112075</v>
      </c>
      <c r="AW13" s="113">
        <v>173491</v>
      </c>
      <c r="AX13" s="110">
        <v>0</v>
      </c>
      <c r="AY13" s="114">
        <v>1982170</v>
      </c>
      <c r="AZ13" s="114">
        <v>1897598</v>
      </c>
      <c r="BA13" s="114">
        <v>1864581</v>
      </c>
      <c r="BB13" s="114">
        <v>1498312</v>
      </c>
      <c r="BC13" s="114">
        <v>935838</v>
      </c>
      <c r="BD13" s="113">
        <v>8178499</v>
      </c>
      <c r="BE13" s="116">
        <v>8351990</v>
      </c>
      <c r="BF13" s="110">
        <v>0</v>
      </c>
      <c r="BG13" s="114">
        <v>31092</v>
      </c>
      <c r="BH13" s="112">
        <v>31092</v>
      </c>
      <c r="BI13" s="111">
        <v>0</v>
      </c>
      <c r="BJ13" s="114">
        <v>65484</v>
      </c>
      <c r="BK13" s="114">
        <v>28932</v>
      </c>
      <c r="BL13" s="114">
        <v>209494</v>
      </c>
      <c r="BM13" s="114">
        <v>145299</v>
      </c>
      <c r="BN13" s="114">
        <v>0</v>
      </c>
      <c r="BO13" s="113">
        <v>449209</v>
      </c>
      <c r="BP13" s="116">
        <v>480301</v>
      </c>
      <c r="BQ13" s="110">
        <v>147120</v>
      </c>
      <c r="BR13" s="114">
        <v>79832</v>
      </c>
      <c r="BS13" s="113">
        <v>226952</v>
      </c>
      <c r="BT13" s="110">
        <v>0</v>
      </c>
      <c r="BU13" s="114">
        <v>1674904</v>
      </c>
      <c r="BV13" s="114">
        <v>1128152</v>
      </c>
      <c r="BW13" s="114">
        <v>1224184</v>
      </c>
      <c r="BX13" s="114">
        <v>1300008</v>
      </c>
      <c r="BY13" s="114">
        <v>512944</v>
      </c>
      <c r="BZ13" s="113">
        <v>5840192</v>
      </c>
      <c r="CA13" s="116">
        <v>6067144</v>
      </c>
      <c r="CB13" s="110">
        <v>98238</v>
      </c>
      <c r="CC13" s="114">
        <v>0</v>
      </c>
      <c r="CD13" s="113">
        <v>98238</v>
      </c>
      <c r="CE13" s="110">
        <v>0</v>
      </c>
      <c r="CF13" s="114">
        <v>7162232</v>
      </c>
      <c r="CG13" s="114">
        <v>7157801</v>
      </c>
      <c r="CH13" s="114">
        <v>4822103</v>
      </c>
      <c r="CI13" s="114">
        <v>2518341</v>
      </c>
      <c r="CJ13" s="114">
        <v>1185727</v>
      </c>
      <c r="CK13" s="113">
        <v>22846204</v>
      </c>
      <c r="CL13" s="116">
        <v>22944442</v>
      </c>
      <c r="CM13" s="110">
        <v>0</v>
      </c>
      <c r="CN13" s="114">
        <v>0</v>
      </c>
      <c r="CO13" s="113">
        <v>0</v>
      </c>
      <c r="CP13" s="111">
        <v>0</v>
      </c>
      <c r="CQ13" s="114">
        <v>5810837</v>
      </c>
      <c r="CR13" s="114">
        <v>5834838</v>
      </c>
      <c r="CS13" s="114">
        <v>3843910</v>
      </c>
      <c r="CT13" s="114">
        <v>2096811</v>
      </c>
      <c r="CU13" s="114">
        <v>1104560</v>
      </c>
      <c r="CV13" s="113">
        <v>18690956</v>
      </c>
      <c r="CW13" s="116">
        <v>18690956</v>
      </c>
      <c r="CX13" s="110">
        <v>98238</v>
      </c>
      <c r="CY13" s="114">
        <v>0</v>
      </c>
      <c r="CZ13" s="113">
        <v>98238</v>
      </c>
      <c r="DA13" s="110">
        <v>0</v>
      </c>
      <c r="DB13" s="114">
        <v>1351395</v>
      </c>
      <c r="DC13" s="114">
        <v>1322963</v>
      </c>
      <c r="DD13" s="114">
        <v>978193</v>
      </c>
      <c r="DE13" s="114">
        <v>421530</v>
      </c>
      <c r="DF13" s="114">
        <v>81167</v>
      </c>
      <c r="DG13" s="113">
        <v>4155248</v>
      </c>
      <c r="DH13" s="116">
        <v>4253486</v>
      </c>
      <c r="DI13" s="110">
        <v>0</v>
      </c>
      <c r="DJ13" s="114">
        <v>0</v>
      </c>
      <c r="DK13" s="112">
        <v>0</v>
      </c>
      <c r="DL13" s="111">
        <v>0</v>
      </c>
      <c r="DM13" s="114">
        <v>1195411</v>
      </c>
      <c r="DN13" s="114">
        <v>1456709</v>
      </c>
      <c r="DO13" s="114">
        <v>1381522</v>
      </c>
      <c r="DP13" s="114">
        <v>1017276</v>
      </c>
      <c r="DQ13" s="114">
        <v>443914</v>
      </c>
      <c r="DR13" s="113">
        <v>5494832</v>
      </c>
      <c r="DS13" s="116">
        <v>5494832</v>
      </c>
      <c r="DT13" s="110">
        <v>0</v>
      </c>
      <c r="DU13" s="114">
        <v>0</v>
      </c>
      <c r="DV13" s="113">
        <v>0</v>
      </c>
      <c r="DW13" s="110">
        <v>0</v>
      </c>
      <c r="DX13" s="114">
        <v>1065305</v>
      </c>
      <c r="DY13" s="114">
        <v>1456709</v>
      </c>
      <c r="DZ13" s="114">
        <v>1292196</v>
      </c>
      <c r="EA13" s="114">
        <v>1017276</v>
      </c>
      <c r="EB13" s="114">
        <v>443914</v>
      </c>
      <c r="EC13" s="113">
        <v>5275400</v>
      </c>
      <c r="ED13" s="116">
        <v>5275400</v>
      </c>
      <c r="EE13" s="110">
        <v>0</v>
      </c>
      <c r="EF13" s="112">
        <v>0</v>
      </c>
      <c r="EG13" s="113">
        <v>0</v>
      </c>
      <c r="EH13" s="110">
        <v>0</v>
      </c>
      <c r="EI13" s="114">
        <v>130106</v>
      </c>
      <c r="EJ13" s="114">
        <v>0</v>
      </c>
      <c r="EK13" s="114">
        <v>89326</v>
      </c>
      <c r="EL13" s="114">
        <v>0</v>
      </c>
      <c r="EM13" s="114">
        <v>0</v>
      </c>
      <c r="EN13" s="112">
        <v>219432</v>
      </c>
      <c r="EO13" s="116">
        <v>219432</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8"/>
      <c r="FE13" s="114">
        <v>0</v>
      </c>
      <c r="FF13" s="114">
        <v>0</v>
      </c>
      <c r="FG13" s="114">
        <v>0</v>
      </c>
      <c r="FH13" s="114">
        <v>0</v>
      </c>
      <c r="FI13" s="114">
        <v>0</v>
      </c>
      <c r="FJ13" s="113">
        <v>0</v>
      </c>
      <c r="FK13" s="116">
        <v>0</v>
      </c>
      <c r="FL13" s="110">
        <v>268064</v>
      </c>
      <c r="FM13" s="114">
        <v>383232</v>
      </c>
      <c r="FN13" s="113">
        <v>651296</v>
      </c>
      <c r="FO13" s="110">
        <v>0</v>
      </c>
      <c r="FP13" s="114">
        <v>1017636</v>
      </c>
      <c r="FQ13" s="114">
        <v>2649920</v>
      </c>
      <c r="FR13" s="114">
        <v>1733328</v>
      </c>
      <c r="FS13" s="114">
        <v>1471936</v>
      </c>
      <c r="FT13" s="114">
        <v>698888</v>
      </c>
      <c r="FU13" s="113">
        <v>7571708</v>
      </c>
      <c r="FV13" s="116">
        <v>8223004</v>
      </c>
      <c r="FW13" s="115">
        <v>81152</v>
      </c>
      <c r="FX13" s="114">
        <v>110624</v>
      </c>
      <c r="FY13" s="112">
        <v>191776</v>
      </c>
      <c r="FZ13" s="111">
        <v>0</v>
      </c>
      <c r="GA13" s="114">
        <v>674216</v>
      </c>
      <c r="GB13" s="114">
        <v>2314392</v>
      </c>
      <c r="GC13" s="114">
        <v>1599800</v>
      </c>
      <c r="GD13" s="114">
        <v>1444216</v>
      </c>
      <c r="GE13" s="114">
        <v>698888</v>
      </c>
      <c r="GF13" s="113">
        <v>6731512</v>
      </c>
      <c r="GG13" s="319">
        <v>6923288</v>
      </c>
      <c r="GH13" s="115">
        <v>23712</v>
      </c>
      <c r="GI13" s="114">
        <v>19008</v>
      </c>
      <c r="GJ13" s="112">
        <v>42720</v>
      </c>
      <c r="GK13" s="111">
        <v>0</v>
      </c>
      <c r="GL13" s="114">
        <v>90928</v>
      </c>
      <c r="GM13" s="114">
        <v>53928</v>
      </c>
      <c r="GN13" s="114">
        <v>42328</v>
      </c>
      <c r="GO13" s="114">
        <v>27720</v>
      </c>
      <c r="GP13" s="114">
        <v>0</v>
      </c>
      <c r="GQ13" s="113">
        <v>214904</v>
      </c>
      <c r="GR13" s="116">
        <v>257624</v>
      </c>
      <c r="GS13" s="110">
        <v>163200</v>
      </c>
      <c r="GT13" s="114">
        <v>253600</v>
      </c>
      <c r="GU13" s="113">
        <v>416800</v>
      </c>
      <c r="GV13" s="110">
        <v>0</v>
      </c>
      <c r="GW13" s="114">
        <v>252492</v>
      </c>
      <c r="GX13" s="114">
        <v>281600</v>
      </c>
      <c r="GY13" s="114">
        <v>91200</v>
      </c>
      <c r="GZ13" s="114">
        <v>0</v>
      </c>
      <c r="HA13" s="114">
        <v>0</v>
      </c>
      <c r="HB13" s="112">
        <v>625292</v>
      </c>
      <c r="HC13" s="116">
        <v>1042092</v>
      </c>
      <c r="HD13" s="110">
        <v>420453</v>
      </c>
      <c r="HE13" s="114">
        <v>354351</v>
      </c>
      <c r="HF13" s="112">
        <v>774804</v>
      </c>
      <c r="HG13" s="111">
        <v>0</v>
      </c>
      <c r="HH13" s="114">
        <v>8451909</v>
      </c>
      <c r="HI13" s="114">
        <v>5112724</v>
      </c>
      <c r="HJ13" s="114">
        <v>5702026</v>
      </c>
      <c r="HK13" s="114">
        <v>6944949</v>
      </c>
      <c r="HL13" s="114">
        <v>2654114</v>
      </c>
      <c r="HM13" s="113">
        <v>28865722</v>
      </c>
      <c r="HN13" s="109">
        <v>29640526</v>
      </c>
      <c r="HO13" s="329"/>
      <c r="HP13" s="330"/>
      <c r="HQ13" s="331"/>
      <c r="HR13" s="332"/>
      <c r="HS13" s="330"/>
      <c r="HT13" s="330"/>
      <c r="HU13" s="330"/>
      <c r="HV13" s="330"/>
      <c r="HW13" s="330"/>
      <c r="HX13" s="333"/>
      <c r="HY13" s="334"/>
      <c r="HZ13" s="131">
        <v>90635</v>
      </c>
      <c r="IA13" s="132">
        <v>64624</v>
      </c>
      <c r="IB13" s="133">
        <v>155259</v>
      </c>
      <c r="IC13" s="146">
        <v>0</v>
      </c>
      <c r="ID13" s="132">
        <v>7761513</v>
      </c>
      <c r="IE13" s="147">
        <v>4874059</v>
      </c>
      <c r="IF13" s="133">
        <v>5143720</v>
      </c>
      <c r="IG13" s="132">
        <v>3751972</v>
      </c>
      <c r="IH13" s="133">
        <v>1256386</v>
      </c>
      <c r="II13" s="148">
        <v>22787650</v>
      </c>
      <c r="IJ13" s="139">
        <v>22942909</v>
      </c>
      <c r="IK13" s="232">
        <v>0</v>
      </c>
      <c r="IL13" s="236">
        <v>0</v>
      </c>
      <c r="IM13" s="237">
        <v>0</v>
      </c>
      <c r="IN13" s="140"/>
      <c r="IO13" s="119">
        <v>0</v>
      </c>
      <c r="IP13" s="119">
        <v>0</v>
      </c>
      <c r="IQ13" s="119">
        <v>0</v>
      </c>
      <c r="IR13" s="119">
        <v>0</v>
      </c>
      <c r="IS13" s="119">
        <v>0</v>
      </c>
      <c r="IT13" s="141">
        <v>0</v>
      </c>
      <c r="IU13" s="321">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544708</v>
      </c>
      <c r="JL13" s="119">
        <v>2104956</v>
      </c>
      <c r="JM13" s="119">
        <v>783472</v>
      </c>
      <c r="JN13" s="119">
        <v>616987</v>
      </c>
      <c r="JO13" s="119">
        <v>227180</v>
      </c>
      <c r="JP13" s="120">
        <v>7277303</v>
      </c>
      <c r="JQ13" s="321">
        <v>7277303</v>
      </c>
      <c r="JR13" s="142">
        <v>0</v>
      </c>
      <c r="JS13" s="119">
        <v>0</v>
      </c>
      <c r="JT13" s="141">
        <v>0</v>
      </c>
      <c r="JU13" s="118">
        <v>0</v>
      </c>
      <c r="JV13" s="119">
        <v>789505</v>
      </c>
      <c r="JW13" s="119">
        <v>1047295</v>
      </c>
      <c r="JX13" s="119">
        <v>540334</v>
      </c>
      <c r="JY13" s="119">
        <v>259382</v>
      </c>
      <c r="JZ13" s="119">
        <v>184168</v>
      </c>
      <c r="KA13" s="120">
        <v>2820684</v>
      </c>
      <c r="KB13" s="321">
        <v>2820684</v>
      </c>
      <c r="KC13" s="234">
        <v>90635</v>
      </c>
      <c r="KD13" s="230">
        <v>64624</v>
      </c>
      <c r="KE13" s="120">
        <v>155259</v>
      </c>
      <c r="KF13" s="118">
        <v>0</v>
      </c>
      <c r="KG13" s="119">
        <v>706245</v>
      </c>
      <c r="KH13" s="119">
        <v>773759</v>
      </c>
      <c r="KI13" s="119">
        <v>85285</v>
      </c>
      <c r="KJ13" s="119">
        <v>225254</v>
      </c>
      <c r="KK13" s="119">
        <v>0</v>
      </c>
      <c r="KL13" s="120">
        <v>1790543</v>
      </c>
      <c r="KM13" s="143">
        <v>1945802</v>
      </c>
      <c r="KN13" s="232">
        <v>0</v>
      </c>
      <c r="KO13" s="236">
        <v>0</v>
      </c>
      <c r="KP13" s="237">
        <v>0</v>
      </c>
      <c r="KQ13" s="140"/>
      <c r="KR13" s="119">
        <v>2581416</v>
      </c>
      <c r="KS13" s="119">
        <v>693643</v>
      </c>
      <c r="KT13" s="119">
        <v>3445948</v>
      </c>
      <c r="KU13" s="119">
        <v>1978062</v>
      </c>
      <c r="KV13" s="119">
        <v>497159</v>
      </c>
      <c r="KW13" s="120">
        <v>9196228</v>
      </c>
      <c r="KX13" s="321">
        <v>9196228</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1">
        <v>0</v>
      </c>
      <c r="LU13" s="142">
        <v>0</v>
      </c>
      <c r="LV13" s="119">
        <v>0</v>
      </c>
      <c r="LW13" s="120">
        <v>0</v>
      </c>
      <c r="LX13" s="145">
        <v>0</v>
      </c>
      <c r="LY13" s="119">
        <v>139639</v>
      </c>
      <c r="LZ13" s="119">
        <v>254406</v>
      </c>
      <c r="MA13" s="119">
        <v>288681</v>
      </c>
      <c r="MB13" s="119">
        <v>672287</v>
      </c>
      <c r="MC13" s="119">
        <v>347879</v>
      </c>
      <c r="MD13" s="120">
        <v>1702892</v>
      </c>
      <c r="ME13" s="121">
        <v>1702892</v>
      </c>
      <c r="MF13" s="142">
        <v>0</v>
      </c>
      <c r="MG13" s="119">
        <v>0</v>
      </c>
      <c r="MH13" s="120">
        <v>0</v>
      </c>
      <c r="MI13" s="145"/>
      <c r="MJ13" s="119">
        <v>2715134</v>
      </c>
      <c r="MK13" s="119">
        <v>5212711</v>
      </c>
      <c r="ML13" s="119">
        <v>9345292</v>
      </c>
      <c r="MM13" s="119">
        <v>21048003</v>
      </c>
      <c r="MN13" s="119">
        <v>9739734</v>
      </c>
      <c r="MO13" s="120">
        <v>48060874</v>
      </c>
      <c r="MP13" s="143">
        <v>48060874</v>
      </c>
      <c r="MQ13" s="142">
        <v>0</v>
      </c>
      <c r="MR13" s="119">
        <v>0</v>
      </c>
      <c r="MS13" s="120">
        <v>0</v>
      </c>
      <c r="MT13" s="145">
        <v>0</v>
      </c>
      <c r="MU13" s="119">
        <v>0</v>
      </c>
      <c r="MV13" s="119">
        <v>914246</v>
      </c>
      <c r="MW13" s="119">
        <v>5544548</v>
      </c>
      <c r="MX13" s="119">
        <v>14059199</v>
      </c>
      <c r="MY13" s="119">
        <v>7587201</v>
      </c>
      <c r="MZ13" s="120">
        <v>28105194</v>
      </c>
      <c r="NA13" s="143">
        <v>28105194</v>
      </c>
      <c r="NB13" s="142">
        <v>0</v>
      </c>
      <c r="NC13" s="119">
        <v>0</v>
      </c>
      <c r="ND13" s="120">
        <v>0</v>
      </c>
      <c r="NE13" s="145"/>
      <c r="NF13" s="119">
        <v>2715134</v>
      </c>
      <c r="NG13" s="119">
        <v>4298465</v>
      </c>
      <c r="NH13" s="119">
        <v>3800744</v>
      </c>
      <c r="NI13" s="119">
        <v>6988804</v>
      </c>
      <c r="NJ13" s="119">
        <v>2152533</v>
      </c>
      <c r="NK13" s="120">
        <v>19955680</v>
      </c>
      <c r="NL13" s="321">
        <v>19955680</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085926</v>
      </c>
      <c r="OJ13" s="119">
        <v>1025206</v>
      </c>
      <c r="OK13" s="141">
        <v>2111132</v>
      </c>
      <c r="OL13" s="118">
        <v>0</v>
      </c>
      <c r="OM13" s="119">
        <v>35752498</v>
      </c>
      <c r="ON13" s="119">
        <v>33339369</v>
      </c>
      <c r="OO13" s="119">
        <v>36401329</v>
      </c>
      <c r="OP13" s="119">
        <v>45271050</v>
      </c>
      <c r="OQ13" s="119">
        <v>21711760</v>
      </c>
      <c r="OR13" s="120">
        <v>172476006</v>
      </c>
      <c r="OS13" s="143">
        <v>174587138</v>
      </c>
    </row>
    <row r="14" spans="1:409" ht="20.25" customHeight="1" x14ac:dyDescent="0.2">
      <c r="B14" s="126" t="s">
        <v>8</v>
      </c>
      <c r="C14" s="110">
        <v>753252</v>
      </c>
      <c r="D14" s="114">
        <v>1118395</v>
      </c>
      <c r="E14" s="113">
        <v>1871647</v>
      </c>
      <c r="F14" s="109">
        <v>0</v>
      </c>
      <c r="G14" s="114">
        <v>6977813</v>
      </c>
      <c r="H14" s="114">
        <v>9163959</v>
      </c>
      <c r="I14" s="114">
        <v>9338672</v>
      </c>
      <c r="J14" s="114">
        <v>7342542</v>
      </c>
      <c r="K14" s="114">
        <v>6213229</v>
      </c>
      <c r="L14" s="109">
        <v>39036215</v>
      </c>
      <c r="M14" s="116">
        <v>40907862</v>
      </c>
      <c r="N14" s="110">
        <v>182110</v>
      </c>
      <c r="O14" s="114">
        <v>285588</v>
      </c>
      <c r="P14" s="113">
        <v>467698</v>
      </c>
      <c r="Q14" s="110">
        <v>0</v>
      </c>
      <c r="R14" s="114">
        <v>2160422</v>
      </c>
      <c r="S14" s="114">
        <v>3012836</v>
      </c>
      <c r="T14" s="114">
        <v>3332061</v>
      </c>
      <c r="U14" s="114">
        <v>3178111</v>
      </c>
      <c r="V14" s="114">
        <v>2996683</v>
      </c>
      <c r="W14" s="113">
        <v>14680113</v>
      </c>
      <c r="X14" s="116">
        <v>15147811</v>
      </c>
      <c r="Y14" s="110">
        <v>0</v>
      </c>
      <c r="Z14" s="114">
        <v>0</v>
      </c>
      <c r="AA14" s="113">
        <v>0</v>
      </c>
      <c r="AB14" s="110">
        <v>0</v>
      </c>
      <c r="AC14" s="114">
        <v>773961</v>
      </c>
      <c r="AD14" s="114">
        <v>1641494</v>
      </c>
      <c r="AE14" s="114">
        <v>1654811</v>
      </c>
      <c r="AF14" s="114">
        <v>1579437</v>
      </c>
      <c r="AG14" s="114">
        <v>1918509</v>
      </c>
      <c r="AH14" s="113">
        <v>7568212</v>
      </c>
      <c r="AI14" s="116">
        <v>7568212</v>
      </c>
      <c r="AJ14" s="110">
        <v>0</v>
      </c>
      <c r="AK14" s="114">
        <v>0</v>
      </c>
      <c r="AL14" s="113">
        <v>0</v>
      </c>
      <c r="AM14" s="110">
        <v>0</v>
      </c>
      <c r="AN14" s="114">
        <v>0</v>
      </c>
      <c r="AO14" s="114">
        <v>46292</v>
      </c>
      <c r="AP14" s="114">
        <v>162962</v>
      </c>
      <c r="AQ14" s="114">
        <v>148497</v>
      </c>
      <c r="AR14" s="114">
        <v>212012</v>
      </c>
      <c r="AS14" s="113">
        <v>569763</v>
      </c>
      <c r="AT14" s="116">
        <v>569763</v>
      </c>
      <c r="AU14" s="110">
        <v>63830</v>
      </c>
      <c r="AV14" s="114">
        <v>197784</v>
      </c>
      <c r="AW14" s="113">
        <v>261614</v>
      </c>
      <c r="AX14" s="110">
        <v>0</v>
      </c>
      <c r="AY14" s="114">
        <v>944116</v>
      </c>
      <c r="AZ14" s="114">
        <v>871854</v>
      </c>
      <c r="BA14" s="114">
        <v>1013226</v>
      </c>
      <c r="BB14" s="114">
        <v>977526</v>
      </c>
      <c r="BC14" s="114">
        <v>527285</v>
      </c>
      <c r="BD14" s="113">
        <v>4334007</v>
      </c>
      <c r="BE14" s="116">
        <v>4595621</v>
      </c>
      <c r="BF14" s="110">
        <v>0</v>
      </c>
      <c r="BG14" s="114">
        <v>15596</v>
      </c>
      <c r="BH14" s="112">
        <v>15596</v>
      </c>
      <c r="BI14" s="111">
        <v>0</v>
      </c>
      <c r="BJ14" s="114">
        <v>76641</v>
      </c>
      <c r="BK14" s="114">
        <v>123516</v>
      </c>
      <c r="BL14" s="114">
        <v>161422</v>
      </c>
      <c r="BM14" s="114">
        <v>50587</v>
      </c>
      <c r="BN14" s="114">
        <v>21133</v>
      </c>
      <c r="BO14" s="113">
        <v>433299</v>
      </c>
      <c r="BP14" s="116">
        <v>448895</v>
      </c>
      <c r="BQ14" s="110">
        <v>118280</v>
      </c>
      <c r="BR14" s="114">
        <v>72208</v>
      </c>
      <c r="BS14" s="113">
        <v>190488</v>
      </c>
      <c r="BT14" s="110">
        <v>0</v>
      </c>
      <c r="BU14" s="114">
        <v>365704</v>
      </c>
      <c r="BV14" s="114">
        <v>329680</v>
      </c>
      <c r="BW14" s="114">
        <v>339640</v>
      </c>
      <c r="BX14" s="114">
        <v>422064</v>
      </c>
      <c r="BY14" s="114">
        <v>317744</v>
      </c>
      <c r="BZ14" s="113">
        <v>1774832</v>
      </c>
      <c r="CA14" s="116">
        <v>1965320</v>
      </c>
      <c r="CB14" s="110">
        <v>121792</v>
      </c>
      <c r="CC14" s="114">
        <v>112764</v>
      </c>
      <c r="CD14" s="113">
        <v>234556</v>
      </c>
      <c r="CE14" s="110">
        <v>0</v>
      </c>
      <c r="CF14" s="114">
        <v>2059947</v>
      </c>
      <c r="CG14" s="114">
        <v>3392460</v>
      </c>
      <c r="CH14" s="114">
        <v>2603969</v>
      </c>
      <c r="CI14" s="114">
        <v>1711282</v>
      </c>
      <c r="CJ14" s="114">
        <v>365013</v>
      </c>
      <c r="CK14" s="113">
        <v>10132671</v>
      </c>
      <c r="CL14" s="116">
        <v>10367227</v>
      </c>
      <c r="CM14" s="110">
        <v>0</v>
      </c>
      <c r="CN14" s="114">
        <v>0</v>
      </c>
      <c r="CO14" s="113">
        <v>0</v>
      </c>
      <c r="CP14" s="111">
        <v>0</v>
      </c>
      <c r="CQ14" s="114">
        <v>1680914</v>
      </c>
      <c r="CR14" s="114">
        <v>2868742</v>
      </c>
      <c r="CS14" s="114">
        <v>2033643</v>
      </c>
      <c r="CT14" s="114">
        <v>1244774</v>
      </c>
      <c r="CU14" s="114">
        <v>365013</v>
      </c>
      <c r="CV14" s="113">
        <v>8193086</v>
      </c>
      <c r="CW14" s="116">
        <v>8193086</v>
      </c>
      <c r="CX14" s="110">
        <v>121792</v>
      </c>
      <c r="CY14" s="114">
        <v>112764</v>
      </c>
      <c r="CZ14" s="113">
        <v>234556</v>
      </c>
      <c r="DA14" s="110">
        <v>0</v>
      </c>
      <c r="DB14" s="114">
        <v>379033</v>
      </c>
      <c r="DC14" s="114">
        <v>523718</v>
      </c>
      <c r="DD14" s="114">
        <v>570326</v>
      </c>
      <c r="DE14" s="114">
        <v>466508</v>
      </c>
      <c r="DF14" s="114">
        <v>0</v>
      </c>
      <c r="DG14" s="113">
        <v>1939585</v>
      </c>
      <c r="DH14" s="116">
        <v>2174141</v>
      </c>
      <c r="DI14" s="110">
        <v>0</v>
      </c>
      <c r="DJ14" s="114">
        <v>102142</v>
      </c>
      <c r="DK14" s="112">
        <v>102142</v>
      </c>
      <c r="DL14" s="111">
        <v>0</v>
      </c>
      <c r="DM14" s="114">
        <v>306239</v>
      </c>
      <c r="DN14" s="114">
        <v>309291</v>
      </c>
      <c r="DO14" s="114">
        <v>891163</v>
      </c>
      <c r="DP14" s="114">
        <v>229176</v>
      </c>
      <c r="DQ14" s="114">
        <v>0</v>
      </c>
      <c r="DR14" s="113">
        <v>1735869</v>
      </c>
      <c r="DS14" s="116">
        <v>1838011</v>
      </c>
      <c r="DT14" s="110">
        <v>0</v>
      </c>
      <c r="DU14" s="114">
        <v>102142</v>
      </c>
      <c r="DV14" s="113">
        <v>102142</v>
      </c>
      <c r="DW14" s="110">
        <v>0</v>
      </c>
      <c r="DX14" s="114">
        <v>306239</v>
      </c>
      <c r="DY14" s="114">
        <v>262543</v>
      </c>
      <c r="DZ14" s="114">
        <v>805917</v>
      </c>
      <c r="EA14" s="114">
        <v>229176</v>
      </c>
      <c r="EB14" s="114">
        <v>0</v>
      </c>
      <c r="EC14" s="113">
        <v>1603875</v>
      </c>
      <c r="ED14" s="116">
        <v>1706017</v>
      </c>
      <c r="EE14" s="110">
        <v>0</v>
      </c>
      <c r="EF14" s="112">
        <v>0</v>
      </c>
      <c r="EG14" s="113">
        <v>0</v>
      </c>
      <c r="EH14" s="110">
        <v>0</v>
      </c>
      <c r="EI14" s="114">
        <v>0</v>
      </c>
      <c r="EJ14" s="114">
        <v>46748</v>
      </c>
      <c r="EK14" s="114">
        <v>85246</v>
      </c>
      <c r="EL14" s="114">
        <v>0</v>
      </c>
      <c r="EM14" s="114">
        <v>0</v>
      </c>
      <c r="EN14" s="112">
        <v>131994</v>
      </c>
      <c r="EO14" s="116">
        <v>131994</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8"/>
      <c r="FE14" s="114">
        <v>0</v>
      </c>
      <c r="FF14" s="114">
        <v>0</v>
      </c>
      <c r="FG14" s="114">
        <v>0</v>
      </c>
      <c r="FH14" s="114">
        <v>0</v>
      </c>
      <c r="FI14" s="114">
        <v>0</v>
      </c>
      <c r="FJ14" s="113">
        <v>0</v>
      </c>
      <c r="FK14" s="116">
        <v>0</v>
      </c>
      <c r="FL14" s="110">
        <v>130464</v>
      </c>
      <c r="FM14" s="114">
        <v>264240</v>
      </c>
      <c r="FN14" s="113">
        <v>394704</v>
      </c>
      <c r="FO14" s="110">
        <v>0</v>
      </c>
      <c r="FP14" s="114">
        <v>421728</v>
      </c>
      <c r="FQ14" s="114">
        <v>1241160</v>
      </c>
      <c r="FR14" s="114">
        <v>826600</v>
      </c>
      <c r="FS14" s="114">
        <v>776248</v>
      </c>
      <c r="FT14" s="114">
        <v>255496</v>
      </c>
      <c r="FU14" s="113">
        <v>3521232</v>
      </c>
      <c r="FV14" s="116">
        <v>3915936</v>
      </c>
      <c r="FW14" s="115">
        <v>78528</v>
      </c>
      <c r="FX14" s="114">
        <v>104240</v>
      </c>
      <c r="FY14" s="112">
        <v>182768</v>
      </c>
      <c r="FZ14" s="111">
        <v>0</v>
      </c>
      <c r="GA14" s="114">
        <v>365760</v>
      </c>
      <c r="GB14" s="114">
        <v>1099560</v>
      </c>
      <c r="GC14" s="114">
        <v>809800</v>
      </c>
      <c r="GD14" s="114">
        <v>776248</v>
      </c>
      <c r="GE14" s="114">
        <v>255496</v>
      </c>
      <c r="GF14" s="113">
        <v>3306864</v>
      </c>
      <c r="GG14" s="319">
        <v>3489632</v>
      </c>
      <c r="GH14" s="115">
        <v>36256</v>
      </c>
      <c r="GI14" s="114">
        <v>0</v>
      </c>
      <c r="GJ14" s="112">
        <v>36256</v>
      </c>
      <c r="GK14" s="111">
        <v>0</v>
      </c>
      <c r="GL14" s="114">
        <v>19008</v>
      </c>
      <c r="GM14" s="114">
        <v>21600</v>
      </c>
      <c r="GN14" s="114">
        <v>0</v>
      </c>
      <c r="GO14" s="114">
        <v>0</v>
      </c>
      <c r="GP14" s="114">
        <v>0</v>
      </c>
      <c r="GQ14" s="113">
        <v>40608</v>
      </c>
      <c r="GR14" s="116">
        <v>76864</v>
      </c>
      <c r="GS14" s="110">
        <v>15680</v>
      </c>
      <c r="GT14" s="114">
        <v>160000</v>
      </c>
      <c r="GU14" s="113">
        <v>175680</v>
      </c>
      <c r="GV14" s="110">
        <v>0</v>
      </c>
      <c r="GW14" s="114">
        <v>36960</v>
      </c>
      <c r="GX14" s="114">
        <v>120000</v>
      </c>
      <c r="GY14" s="114">
        <v>16800</v>
      </c>
      <c r="GZ14" s="114">
        <v>0</v>
      </c>
      <c r="HA14" s="114">
        <v>0</v>
      </c>
      <c r="HB14" s="112">
        <v>173760</v>
      </c>
      <c r="HC14" s="116">
        <v>349440</v>
      </c>
      <c r="HD14" s="110">
        <v>318886</v>
      </c>
      <c r="HE14" s="114">
        <v>353661</v>
      </c>
      <c r="HF14" s="112">
        <v>672547</v>
      </c>
      <c r="HG14" s="111">
        <v>0</v>
      </c>
      <c r="HH14" s="114">
        <v>2029477</v>
      </c>
      <c r="HI14" s="114">
        <v>1208212</v>
      </c>
      <c r="HJ14" s="114">
        <v>1684879</v>
      </c>
      <c r="HK14" s="114">
        <v>1447725</v>
      </c>
      <c r="HL14" s="114">
        <v>2596037</v>
      </c>
      <c r="HM14" s="113">
        <v>8966330</v>
      </c>
      <c r="HN14" s="109">
        <v>9638877</v>
      </c>
      <c r="HO14" s="329"/>
      <c r="HP14" s="330"/>
      <c r="HQ14" s="331"/>
      <c r="HR14" s="332"/>
      <c r="HS14" s="330"/>
      <c r="HT14" s="330"/>
      <c r="HU14" s="330"/>
      <c r="HV14" s="330"/>
      <c r="HW14" s="330"/>
      <c r="HX14" s="333"/>
      <c r="HY14" s="334"/>
      <c r="HZ14" s="131">
        <v>91918</v>
      </c>
      <c r="IA14" s="132">
        <v>0</v>
      </c>
      <c r="IB14" s="133">
        <v>91918</v>
      </c>
      <c r="IC14" s="134">
        <v>0</v>
      </c>
      <c r="ID14" s="135">
        <v>3178880</v>
      </c>
      <c r="IE14" s="136">
        <v>2832728</v>
      </c>
      <c r="IF14" s="137">
        <v>2548328</v>
      </c>
      <c r="IG14" s="135">
        <v>3386030</v>
      </c>
      <c r="IH14" s="137">
        <v>821476</v>
      </c>
      <c r="II14" s="138">
        <v>12767442</v>
      </c>
      <c r="IJ14" s="139">
        <v>12859360</v>
      </c>
      <c r="IK14" s="232">
        <v>0</v>
      </c>
      <c r="IL14" s="236">
        <v>0</v>
      </c>
      <c r="IM14" s="237">
        <v>0</v>
      </c>
      <c r="IN14" s="140"/>
      <c r="IO14" s="119">
        <v>0</v>
      </c>
      <c r="IP14" s="119">
        <v>0</v>
      </c>
      <c r="IQ14" s="119">
        <v>0</v>
      </c>
      <c r="IR14" s="119">
        <v>199071</v>
      </c>
      <c r="IS14" s="119">
        <v>0</v>
      </c>
      <c r="IT14" s="141">
        <v>199071</v>
      </c>
      <c r="IU14" s="321">
        <v>199071</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469097</v>
      </c>
      <c r="JL14" s="119">
        <v>1442657</v>
      </c>
      <c r="JM14" s="119">
        <v>909531</v>
      </c>
      <c r="JN14" s="119">
        <v>1008771</v>
      </c>
      <c r="JO14" s="119">
        <v>254277</v>
      </c>
      <c r="JP14" s="120">
        <v>5084333</v>
      </c>
      <c r="JQ14" s="321">
        <v>5084333</v>
      </c>
      <c r="JR14" s="142">
        <v>0</v>
      </c>
      <c r="JS14" s="119">
        <v>0</v>
      </c>
      <c r="JT14" s="141">
        <v>0</v>
      </c>
      <c r="JU14" s="118">
        <v>0</v>
      </c>
      <c r="JV14" s="119">
        <v>0</v>
      </c>
      <c r="JW14" s="119">
        <v>0</v>
      </c>
      <c r="JX14" s="119">
        <v>0</v>
      </c>
      <c r="JY14" s="119">
        <v>0</v>
      </c>
      <c r="JZ14" s="119">
        <v>0</v>
      </c>
      <c r="KA14" s="120">
        <v>0</v>
      </c>
      <c r="KB14" s="321">
        <v>0</v>
      </c>
      <c r="KC14" s="234">
        <v>91918</v>
      </c>
      <c r="KD14" s="230">
        <v>0</v>
      </c>
      <c r="KE14" s="120">
        <v>91918</v>
      </c>
      <c r="KF14" s="118">
        <v>0</v>
      </c>
      <c r="KG14" s="119">
        <v>628986</v>
      </c>
      <c r="KH14" s="119">
        <v>629782</v>
      </c>
      <c r="KI14" s="119">
        <v>476268</v>
      </c>
      <c r="KJ14" s="119">
        <v>265732</v>
      </c>
      <c r="KK14" s="119">
        <v>0</v>
      </c>
      <c r="KL14" s="120">
        <v>2000768</v>
      </c>
      <c r="KM14" s="143">
        <v>2092686</v>
      </c>
      <c r="KN14" s="232">
        <v>0</v>
      </c>
      <c r="KO14" s="236">
        <v>0</v>
      </c>
      <c r="KP14" s="237">
        <v>0</v>
      </c>
      <c r="KQ14" s="140"/>
      <c r="KR14" s="119">
        <v>677358</v>
      </c>
      <c r="KS14" s="119">
        <v>760289</v>
      </c>
      <c r="KT14" s="119">
        <v>715865</v>
      </c>
      <c r="KU14" s="119">
        <v>987848</v>
      </c>
      <c r="KV14" s="119">
        <v>251510</v>
      </c>
      <c r="KW14" s="120">
        <v>3392870</v>
      </c>
      <c r="KX14" s="321">
        <v>3392870</v>
      </c>
      <c r="KY14" s="142">
        <v>0</v>
      </c>
      <c r="KZ14" s="119">
        <v>0</v>
      </c>
      <c r="LA14" s="120">
        <v>0</v>
      </c>
      <c r="LB14" s="145"/>
      <c r="LC14" s="119">
        <v>0</v>
      </c>
      <c r="LD14" s="119">
        <v>0</v>
      </c>
      <c r="LE14" s="119">
        <v>186578</v>
      </c>
      <c r="LF14" s="119">
        <v>628854</v>
      </c>
      <c r="LG14" s="119">
        <v>0</v>
      </c>
      <c r="LH14" s="120">
        <v>815432</v>
      </c>
      <c r="LI14" s="121">
        <v>815432</v>
      </c>
      <c r="LJ14" s="142">
        <v>0</v>
      </c>
      <c r="LK14" s="119">
        <v>0</v>
      </c>
      <c r="LL14" s="120">
        <v>0</v>
      </c>
      <c r="LM14" s="145"/>
      <c r="LN14" s="119">
        <v>0</v>
      </c>
      <c r="LO14" s="119">
        <v>0</v>
      </c>
      <c r="LP14" s="119">
        <v>0</v>
      </c>
      <c r="LQ14" s="119">
        <v>0</v>
      </c>
      <c r="LR14" s="119">
        <v>0</v>
      </c>
      <c r="LS14" s="120">
        <v>0</v>
      </c>
      <c r="LT14" s="321">
        <v>0</v>
      </c>
      <c r="LU14" s="142">
        <v>0</v>
      </c>
      <c r="LV14" s="119">
        <v>0</v>
      </c>
      <c r="LW14" s="120">
        <v>0</v>
      </c>
      <c r="LX14" s="145">
        <v>0</v>
      </c>
      <c r="LY14" s="119">
        <v>403439</v>
      </c>
      <c r="LZ14" s="119">
        <v>0</v>
      </c>
      <c r="MA14" s="119">
        <v>260086</v>
      </c>
      <c r="MB14" s="119">
        <v>295754</v>
      </c>
      <c r="MC14" s="119">
        <v>315689</v>
      </c>
      <c r="MD14" s="120">
        <v>1274968</v>
      </c>
      <c r="ME14" s="121">
        <v>1274968</v>
      </c>
      <c r="MF14" s="142">
        <v>0</v>
      </c>
      <c r="MG14" s="119">
        <v>0</v>
      </c>
      <c r="MH14" s="120">
        <v>0</v>
      </c>
      <c r="MI14" s="145"/>
      <c r="MJ14" s="119">
        <v>406922</v>
      </c>
      <c r="MK14" s="119">
        <v>1042808</v>
      </c>
      <c r="ML14" s="119">
        <v>4563120</v>
      </c>
      <c r="MM14" s="119">
        <v>4139714</v>
      </c>
      <c r="MN14" s="119">
        <v>2319409</v>
      </c>
      <c r="MO14" s="120">
        <v>12471973</v>
      </c>
      <c r="MP14" s="143">
        <v>12471973</v>
      </c>
      <c r="MQ14" s="142">
        <v>0</v>
      </c>
      <c r="MR14" s="119">
        <v>0</v>
      </c>
      <c r="MS14" s="120">
        <v>0</v>
      </c>
      <c r="MT14" s="145">
        <v>0</v>
      </c>
      <c r="MU14" s="119">
        <v>207486</v>
      </c>
      <c r="MV14" s="119">
        <v>226156</v>
      </c>
      <c r="MW14" s="119">
        <v>1882728</v>
      </c>
      <c r="MX14" s="119">
        <v>1543184</v>
      </c>
      <c r="MY14" s="119">
        <v>1681216</v>
      </c>
      <c r="MZ14" s="120">
        <v>5540770</v>
      </c>
      <c r="NA14" s="143">
        <v>5540770</v>
      </c>
      <c r="NB14" s="142">
        <v>0</v>
      </c>
      <c r="NC14" s="119">
        <v>0</v>
      </c>
      <c r="ND14" s="120">
        <v>0</v>
      </c>
      <c r="NE14" s="145"/>
      <c r="NF14" s="119">
        <v>199436</v>
      </c>
      <c r="NG14" s="119">
        <v>816652</v>
      </c>
      <c r="NH14" s="119">
        <v>2680392</v>
      </c>
      <c r="NI14" s="119">
        <v>2223745</v>
      </c>
      <c r="NJ14" s="119">
        <v>638193</v>
      </c>
      <c r="NK14" s="120">
        <v>6558418</v>
      </c>
      <c r="NL14" s="321">
        <v>6558418</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372785</v>
      </c>
      <c r="OF14" s="119">
        <v>0</v>
      </c>
      <c r="OG14" s="120">
        <v>372785</v>
      </c>
      <c r="OH14" s="121">
        <v>372785</v>
      </c>
      <c r="OI14" s="142">
        <v>845170</v>
      </c>
      <c r="OJ14" s="119">
        <v>1118395</v>
      </c>
      <c r="OK14" s="141">
        <v>1963565</v>
      </c>
      <c r="OL14" s="118">
        <v>0</v>
      </c>
      <c r="OM14" s="119">
        <v>10563615</v>
      </c>
      <c r="ON14" s="119">
        <v>13039495</v>
      </c>
      <c r="OO14" s="119">
        <v>16450120</v>
      </c>
      <c r="OP14" s="119">
        <v>14868286</v>
      </c>
      <c r="OQ14" s="119">
        <v>9354114</v>
      </c>
      <c r="OR14" s="120">
        <v>64275630</v>
      </c>
      <c r="OS14" s="143">
        <v>66239195</v>
      </c>
    </row>
    <row r="15" spans="1:409" ht="20.25" customHeight="1" x14ac:dyDescent="0.2">
      <c r="B15" s="126" t="s">
        <v>9</v>
      </c>
      <c r="C15" s="110">
        <v>881696</v>
      </c>
      <c r="D15" s="114">
        <v>856607</v>
      </c>
      <c r="E15" s="113">
        <v>1738303</v>
      </c>
      <c r="F15" s="111">
        <v>0</v>
      </c>
      <c r="G15" s="114">
        <v>10997168</v>
      </c>
      <c r="H15" s="114">
        <v>11819937</v>
      </c>
      <c r="I15" s="114">
        <v>11024695</v>
      </c>
      <c r="J15" s="114">
        <v>11187685</v>
      </c>
      <c r="K15" s="114">
        <v>9244709</v>
      </c>
      <c r="L15" s="109">
        <v>54274194</v>
      </c>
      <c r="M15" s="116">
        <v>56012497</v>
      </c>
      <c r="N15" s="110">
        <v>206832</v>
      </c>
      <c r="O15" s="114">
        <v>195723</v>
      </c>
      <c r="P15" s="113">
        <v>402555</v>
      </c>
      <c r="Q15" s="110">
        <v>0</v>
      </c>
      <c r="R15" s="114">
        <v>3906436</v>
      </c>
      <c r="S15" s="114">
        <v>4330639</v>
      </c>
      <c r="T15" s="114">
        <v>4109261</v>
      </c>
      <c r="U15" s="114">
        <v>4738492</v>
      </c>
      <c r="V15" s="114">
        <v>5310692</v>
      </c>
      <c r="W15" s="113">
        <v>22395520</v>
      </c>
      <c r="X15" s="116">
        <v>22798075</v>
      </c>
      <c r="Y15" s="110">
        <v>0</v>
      </c>
      <c r="Z15" s="114">
        <v>0</v>
      </c>
      <c r="AA15" s="113">
        <v>0</v>
      </c>
      <c r="AB15" s="110">
        <v>0</v>
      </c>
      <c r="AC15" s="114">
        <v>1660231</v>
      </c>
      <c r="AD15" s="114">
        <v>2088589</v>
      </c>
      <c r="AE15" s="114">
        <v>2050204</v>
      </c>
      <c r="AF15" s="114">
        <v>3042722</v>
      </c>
      <c r="AG15" s="114">
        <v>3141282</v>
      </c>
      <c r="AH15" s="113">
        <v>11983028</v>
      </c>
      <c r="AI15" s="116">
        <v>11983028</v>
      </c>
      <c r="AJ15" s="110">
        <v>0</v>
      </c>
      <c r="AK15" s="114">
        <v>0</v>
      </c>
      <c r="AL15" s="113">
        <v>0</v>
      </c>
      <c r="AM15" s="110">
        <v>0</v>
      </c>
      <c r="AN15" s="114">
        <v>0</v>
      </c>
      <c r="AO15" s="114">
        <v>0</v>
      </c>
      <c r="AP15" s="114">
        <v>141315</v>
      </c>
      <c r="AQ15" s="114">
        <v>50888</v>
      </c>
      <c r="AR15" s="114">
        <v>475517</v>
      </c>
      <c r="AS15" s="113">
        <v>667720</v>
      </c>
      <c r="AT15" s="116">
        <v>667720</v>
      </c>
      <c r="AU15" s="110">
        <v>0</v>
      </c>
      <c r="AV15" s="114">
        <v>121043</v>
      </c>
      <c r="AW15" s="113">
        <v>121043</v>
      </c>
      <c r="AX15" s="110">
        <v>0</v>
      </c>
      <c r="AY15" s="114">
        <v>1340892</v>
      </c>
      <c r="AZ15" s="114">
        <v>1316398</v>
      </c>
      <c r="BA15" s="114">
        <v>1206951</v>
      </c>
      <c r="BB15" s="114">
        <v>805096</v>
      </c>
      <c r="BC15" s="114">
        <v>1184309</v>
      </c>
      <c r="BD15" s="113">
        <v>5853646</v>
      </c>
      <c r="BE15" s="116">
        <v>5974689</v>
      </c>
      <c r="BF15" s="110">
        <v>0</v>
      </c>
      <c r="BG15" s="114">
        <v>0</v>
      </c>
      <c r="BH15" s="112">
        <v>0</v>
      </c>
      <c r="BI15" s="111">
        <v>0</v>
      </c>
      <c r="BJ15" s="114">
        <v>75929</v>
      </c>
      <c r="BK15" s="114">
        <v>192412</v>
      </c>
      <c r="BL15" s="114">
        <v>63695</v>
      </c>
      <c r="BM15" s="114">
        <v>318642</v>
      </c>
      <c r="BN15" s="114">
        <v>24848</v>
      </c>
      <c r="BO15" s="113">
        <v>675526</v>
      </c>
      <c r="BP15" s="116">
        <v>675526</v>
      </c>
      <c r="BQ15" s="110">
        <v>206832</v>
      </c>
      <c r="BR15" s="114">
        <v>74680</v>
      </c>
      <c r="BS15" s="113">
        <v>281512</v>
      </c>
      <c r="BT15" s="110">
        <v>0</v>
      </c>
      <c r="BU15" s="114">
        <v>829384</v>
      </c>
      <c r="BV15" s="114">
        <v>733240</v>
      </c>
      <c r="BW15" s="114">
        <v>647096</v>
      </c>
      <c r="BX15" s="114">
        <v>521144</v>
      </c>
      <c r="BY15" s="114">
        <v>484736</v>
      </c>
      <c r="BZ15" s="113">
        <v>3215600</v>
      </c>
      <c r="CA15" s="116">
        <v>3497112</v>
      </c>
      <c r="CB15" s="110">
        <v>103327</v>
      </c>
      <c r="CC15" s="114">
        <v>115210</v>
      </c>
      <c r="CD15" s="113">
        <v>218537</v>
      </c>
      <c r="CE15" s="110">
        <v>0</v>
      </c>
      <c r="CF15" s="114">
        <v>3034304</v>
      </c>
      <c r="CG15" s="114">
        <v>3279080</v>
      </c>
      <c r="CH15" s="114">
        <v>3469246</v>
      </c>
      <c r="CI15" s="114">
        <v>2377471</v>
      </c>
      <c r="CJ15" s="114">
        <v>1058156</v>
      </c>
      <c r="CK15" s="113">
        <v>13218257</v>
      </c>
      <c r="CL15" s="116">
        <v>13436794</v>
      </c>
      <c r="CM15" s="110">
        <v>0</v>
      </c>
      <c r="CN15" s="114">
        <v>0</v>
      </c>
      <c r="CO15" s="113">
        <v>0</v>
      </c>
      <c r="CP15" s="111">
        <v>0</v>
      </c>
      <c r="CQ15" s="114">
        <v>2154879</v>
      </c>
      <c r="CR15" s="114">
        <v>2356326</v>
      </c>
      <c r="CS15" s="114">
        <v>2887116</v>
      </c>
      <c r="CT15" s="114">
        <v>1256760</v>
      </c>
      <c r="CU15" s="114">
        <v>962653</v>
      </c>
      <c r="CV15" s="113">
        <v>9617734</v>
      </c>
      <c r="CW15" s="116">
        <v>9617734</v>
      </c>
      <c r="CX15" s="110">
        <v>103327</v>
      </c>
      <c r="CY15" s="114">
        <v>115210</v>
      </c>
      <c r="CZ15" s="113">
        <v>218537</v>
      </c>
      <c r="DA15" s="110">
        <v>0</v>
      </c>
      <c r="DB15" s="114">
        <v>879425</v>
      </c>
      <c r="DC15" s="114">
        <v>922754</v>
      </c>
      <c r="DD15" s="114">
        <v>582130</v>
      </c>
      <c r="DE15" s="114">
        <v>1120711</v>
      </c>
      <c r="DF15" s="114">
        <v>95503</v>
      </c>
      <c r="DG15" s="113">
        <v>3600523</v>
      </c>
      <c r="DH15" s="116">
        <v>3819060</v>
      </c>
      <c r="DI15" s="110">
        <v>0</v>
      </c>
      <c r="DJ15" s="114">
        <v>0</v>
      </c>
      <c r="DK15" s="112">
        <v>0</v>
      </c>
      <c r="DL15" s="111">
        <v>0</v>
      </c>
      <c r="DM15" s="114">
        <v>227810</v>
      </c>
      <c r="DN15" s="114">
        <v>387928</v>
      </c>
      <c r="DO15" s="114">
        <v>988263</v>
      </c>
      <c r="DP15" s="114">
        <v>924755</v>
      </c>
      <c r="DQ15" s="114">
        <v>451513</v>
      </c>
      <c r="DR15" s="113">
        <v>2980269</v>
      </c>
      <c r="DS15" s="116">
        <v>2980269</v>
      </c>
      <c r="DT15" s="110">
        <v>0</v>
      </c>
      <c r="DU15" s="114">
        <v>0</v>
      </c>
      <c r="DV15" s="113">
        <v>0</v>
      </c>
      <c r="DW15" s="110">
        <v>0</v>
      </c>
      <c r="DX15" s="114">
        <v>227810</v>
      </c>
      <c r="DY15" s="114">
        <v>356051</v>
      </c>
      <c r="DZ15" s="114">
        <v>955771</v>
      </c>
      <c r="EA15" s="114">
        <v>575564</v>
      </c>
      <c r="EB15" s="114">
        <v>451513</v>
      </c>
      <c r="EC15" s="113">
        <v>2566709</v>
      </c>
      <c r="ED15" s="116">
        <v>2566709</v>
      </c>
      <c r="EE15" s="110">
        <v>0</v>
      </c>
      <c r="EF15" s="112">
        <v>0</v>
      </c>
      <c r="EG15" s="113">
        <v>0</v>
      </c>
      <c r="EH15" s="110">
        <v>0</v>
      </c>
      <c r="EI15" s="114">
        <v>0</v>
      </c>
      <c r="EJ15" s="114">
        <v>31877</v>
      </c>
      <c r="EK15" s="114">
        <v>32492</v>
      </c>
      <c r="EL15" s="114">
        <v>349191</v>
      </c>
      <c r="EM15" s="114">
        <v>0</v>
      </c>
      <c r="EN15" s="112">
        <v>413560</v>
      </c>
      <c r="EO15" s="116">
        <v>413560</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8"/>
      <c r="FE15" s="114">
        <v>0</v>
      </c>
      <c r="FF15" s="114">
        <v>0</v>
      </c>
      <c r="FG15" s="114">
        <v>0</v>
      </c>
      <c r="FH15" s="114">
        <v>0</v>
      </c>
      <c r="FI15" s="114">
        <v>0</v>
      </c>
      <c r="FJ15" s="113">
        <v>0</v>
      </c>
      <c r="FK15" s="116">
        <v>0</v>
      </c>
      <c r="FL15" s="110">
        <v>146536</v>
      </c>
      <c r="FM15" s="114">
        <v>103504</v>
      </c>
      <c r="FN15" s="113">
        <v>250040</v>
      </c>
      <c r="FO15" s="110">
        <v>0</v>
      </c>
      <c r="FP15" s="114">
        <v>631824</v>
      </c>
      <c r="FQ15" s="114">
        <v>1219232</v>
      </c>
      <c r="FR15" s="114">
        <v>944832</v>
      </c>
      <c r="FS15" s="114">
        <v>942672</v>
      </c>
      <c r="FT15" s="114">
        <v>674032</v>
      </c>
      <c r="FU15" s="113">
        <v>4412592</v>
      </c>
      <c r="FV15" s="116">
        <v>4662632</v>
      </c>
      <c r="FW15" s="115">
        <v>134656</v>
      </c>
      <c r="FX15" s="114">
        <v>103504</v>
      </c>
      <c r="FY15" s="112">
        <v>238160</v>
      </c>
      <c r="FZ15" s="111">
        <v>0</v>
      </c>
      <c r="GA15" s="114">
        <v>547792</v>
      </c>
      <c r="GB15" s="114">
        <v>1097632</v>
      </c>
      <c r="GC15" s="114">
        <v>944832</v>
      </c>
      <c r="GD15" s="114">
        <v>890672</v>
      </c>
      <c r="GE15" s="114">
        <v>674032</v>
      </c>
      <c r="GF15" s="113">
        <v>4154960</v>
      </c>
      <c r="GG15" s="319">
        <v>4393120</v>
      </c>
      <c r="GH15" s="115">
        <v>11880</v>
      </c>
      <c r="GI15" s="114">
        <v>0</v>
      </c>
      <c r="GJ15" s="112">
        <v>11880</v>
      </c>
      <c r="GK15" s="111">
        <v>0</v>
      </c>
      <c r="GL15" s="114">
        <v>43472</v>
      </c>
      <c r="GM15" s="114">
        <v>80000</v>
      </c>
      <c r="GN15" s="114">
        <v>0</v>
      </c>
      <c r="GO15" s="114">
        <v>0</v>
      </c>
      <c r="GP15" s="114">
        <v>0</v>
      </c>
      <c r="GQ15" s="113">
        <v>123472</v>
      </c>
      <c r="GR15" s="116">
        <v>135352</v>
      </c>
      <c r="GS15" s="110">
        <v>0</v>
      </c>
      <c r="GT15" s="114">
        <v>0</v>
      </c>
      <c r="GU15" s="113">
        <v>0</v>
      </c>
      <c r="GV15" s="110">
        <v>0</v>
      </c>
      <c r="GW15" s="114">
        <v>40560</v>
      </c>
      <c r="GX15" s="114">
        <v>41600</v>
      </c>
      <c r="GY15" s="114">
        <v>0</v>
      </c>
      <c r="GZ15" s="114">
        <v>52000</v>
      </c>
      <c r="HA15" s="114">
        <v>0</v>
      </c>
      <c r="HB15" s="112">
        <v>134160</v>
      </c>
      <c r="HC15" s="116">
        <v>134160</v>
      </c>
      <c r="HD15" s="110">
        <v>425001</v>
      </c>
      <c r="HE15" s="114">
        <v>442170</v>
      </c>
      <c r="HF15" s="112">
        <v>867171</v>
      </c>
      <c r="HG15" s="111">
        <v>0</v>
      </c>
      <c r="HH15" s="114">
        <v>3196794</v>
      </c>
      <c r="HI15" s="114">
        <v>2603058</v>
      </c>
      <c r="HJ15" s="114">
        <v>1513093</v>
      </c>
      <c r="HK15" s="114">
        <v>2204295</v>
      </c>
      <c r="HL15" s="114">
        <v>1750316</v>
      </c>
      <c r="HM15" s="113">
        <v>11267556</v>
      </c>
      <c r="HN15" s="109">
        <v>12134727</v>
      </c>
      <c r="HO15" s="329"/>
      <c r="HP15" s="330"/>
      <c r="HQ15" s="331"/>
      <c r="HR15" s="332"/>
      <c r="HS15" s="330"/>
      <c r="HT15" s="330"/>
      <c r="HU15" s="330"/>
      <c r="HV15" s="330"/>
      <c r="HW15" s="330"/>
      <c r="HX15" s="333"/>
      <c r="HY15" s="334"/>
      <c r="HZ15" s="128">
        <v>42834</v>
      </c>
      <c r="IA15" s="149">
        <v>0</v>
      </c>
      <c r="IB15" s="129">
        <v>42834</v>
      </c>
      <c r="IC15" s="146">
        <v>0</v>
      </c>
      <c r="ID15" s="132">
        <v>3445351</v>
      </c>
      <c r="IE15" s="147">
        <v>3025719</v>
      </c>
      <c r="IF15" s="133">
        <v>3946754</v>
      </c>
      <c r="IG15" s="132">
        <v>1300857</v>
      </c>
      <c r="IH15" s="133">
        <v>2166005</v>
      </c>
      <c r="II15" s="148">
        <v>13884686</v>
      </c>
      <c r="IJ15" s="130">
        <v>13927520</v>
      </c>
      <c r="IK15" s="232">
        <v>0</v>
      </c>
      <c r="IL15" s="236">
        <v>0</v>
      </c>
      <c r="IM15" s="237">
        <v>0</v>
      </c>
      <c r="IN15" s="140"/>
      <c r="IO15" s="119">
        <v>69791</v>
      </c>
      <c r="IP15" s="119">
        <v>0</v>
      </c>
      <c r="IQ15" s="119">
        <v>0</v>
      </c>
      <c r="IR15" s="119">
        <v>0</v>
      </c>
      <c r="IS15" s="119">
        <v>291392</v>
      </c>
      <c r="IT15" s="141">
        <v>361183</v>
      </c>
      <c r="IU15" s="321">
        <v>361183</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480942</v>
      </c>
      <c r="JL15" s="119">
        <v>964387</v>
      </c>
      <c r="JM15" s="119">
        <v>1426482</v>
      </c>
      <c r="JN15" s="119">
        <v>844960</v>
      </c>
      <c r="JO15" s="119">
        <v>316355</v>
      </c>
      <c r="JP15" s="120">
        <v>5033126</v>
      </c>
      <c r="JQ15" s="321">
        <v>5033126</v>
      </c>
      <c r="JR15" s="142">
        <v>0</v>
      </c>
      <c r="JS15" s="119">
        <v>0</v>
      </c>
      <c r="JT15" s="141">
        <v>0</v>
      </c>
      <c r="JU15" s="118">
        <v>0</v>
      </c>
      <c r="JV15" s="119">
        <v>0</v>
      </c>
      <c r="JW15" s="119">
        <v>73053</v>
      </c>
      <c r="JX15" s="119">
        <v>306496</v>
      </c>
      <c r="JY15" s="119">
        <v>0</v>
      </c>
      <c r="JZ15" s="119">
        <v>0</v>
      </c>
      <c r="KA15" s="120">
        <v>379549</v>
      </c>
      <c r="KB15" s="321">
        <v>379549</v>
      </c>
      <c r="KC15" s="234">
        <v>42834</v>
      </c>
      <c r="KD15" s="230">
        <v>0</v>
      </c>
      <c r="KE15" s="120">
        <v>42834</v>
      </c>
      <c r="KF15" s="118">
        <v>0</v>
      </c>
      <c r="KG15" s="119">
        <v>581367</v>
      </c>
      <c r="KH15" s="119">
        <v>323097</v>
      </c>
      <c r="KI15" s="119">
        <v>474309</v>
      </c>
      <c r="KJ15" s="119">
        <v>0</v>
      </c>
      <c r="KK15" s="119">
        <v>292332</v>
      </c>
      <c r="KL15" s="120">
        <v>1671105</v>
      </c>
      <c r="KM15" s="143">
        <v>1713939</v>
      </c>
      <c r="KN15" s="232">
        <v>0</v>
      </c>
      <c r="KO15" s="236">
        <v>0</v>
      </c>
      <c r="KP15" s="237">
        <v>0</v>
      </c>
      <c r="KQ15" s="140"/>
      <c r="KR15" s="119">
        <v>1157341</v>
      </c>
      <c r="KS15" s="119">
        <v>1435661</v>
      </c>
      <c r="KT15" s="119">
        <v>745172</v>
      </c>
      <c r="KU15" s="119">
        <v>455897</v>
      </c>
      <c r="KV15" s="119">
        <v>1265926</v>
      </c>
      <c r="KW15" s="120">
        <v>5059997</v>
      </c>
      <c r="KX15" s="321">
        <v>5059997</v>
      </c>
      <c r="KY15" s="142">
        <v>0</v>
      </c>
      <c r="KZ15" s="119">
        <v>0</v>
      </c>
      <c r="LA15" s="120">
        <v>0</v>
      </c>
      <c r="LB15" s="145"/>
      <c r="LC15" s="119">
        <v>155910</v>
      </c>
      <c r="LD15" s="119">
        <v>40874</v>
      </c>
      <c r="LE15" s="119">
        <v>0</v>
      </c>
      <c r="LF15" s="119">
        <v>0</v>
      </c>
      <c r="LG15" s="119">
        <v>0</v>
      </c>
      <c r="LH15" s="120">
        <v>196784</v>
      </c>
      <c r="LI15" s="121">
        <v>196784</v>
      </c>
      <c r="LJ15" s="142">
        <v>0</v>
      </c>
      <c r="LK15" s="119">
        <v>0</v>
      </c>
      <c r="LL15" s="120">
        <v>0</v>
      </c>
      <c r="LM15" s="145"/>
      <c r="LN15" s="119">
        <v>0</v>
      </c>
      <c r="LO15" s="119">
        <v>0</v>
      </c>
      <c r="LP15" s="119">
        <v>0</v>
      </c>
      <c r="LQ15" s="119">
        <v>0</v>
      </c>
      <c r="LR15" s="119">
        <v>0</v>
      </c>
      <c r="LS15" s="120">
        <v>0</v>
      </c>
      <c r="LT15" s="321">
        <v>0</v>
      </c>
      <c r="LU15" s="142">
        <v>0</v>
      </c>
      <c r="LV15" s="119">
        <v>0</v>
      </c>
      <c r="LW15" s="120">
        <v>0</v>
      </c>
      <c r="LX15" s="145">
        <v>0</v>
      </c>
      <c r="LY15" s="119">
        <v>0</v>
      </c>
      <c r="LZ15" s="119">
        <v>188647</v>
      </c>
      <c r="MA15" s="119">
        <v>994295</v>
      </c>
      <c r="MB15" s="119">
        <v>0</v>
      </c>
      <c r="MC15" s="119">
        <v>0</v>
      </c>
      <c r="MD15" s="120">
        <v>1182942</v>
      </c>
      <c r="ME15" s="121">
        <v>1182942</v>
      </c>
      <c r="MF15" s="142">
        <v>0</v>
      </c>
      <c r="MG15" s="119">
        <v>0</v>
      </c>
      <c r="MH15" s="120">
        <v>0</v>
      </c>
      <c r="MI15" s="145"/>
      <c r="MJ15" s="119">
        <v>786600</v>
      </c>
      <c r="MK15" s="119">
        <v>1465223</v>
      </c>
      <c r="ML15" s="119">
        <v>6534088</v>
      </c>
      <c r="MM15" s="119">
        <v>8410352</v>
      </c>
      <c r="MN15" s="119">
        <v>2583194</v>
      </c>
      <c r="MO15" s="120">
        <v>19779457</v>
      </c>
      <c r="MP15" s="143">
        <v>19779457</v>
      </c>
      <c r="MQ15" s="142">
        <v>0</v>
      </c>
      <c r="MR15" s="119">
        <v>0</v>
      </c>
      <c r="MS15" s="120">
        <v>0</v>
      </c>
      <c r="MT15" s="145">
        <v>0</v>
      </c>
      <c r="MU15" s="119">
        <v>0</v>
      </c>
      <c r="MV15" s="119">
        <v>0</v>
      </c>
      <c r="MW15" s="119">
        <v>3882582</v>
      </c>
      <c r="MX15" s="119">
        <v>7075925</v>
      </c>
      <c r="MY15" s="119">
        <v>1902384</v>
      </c>
      <c r="MZ15" s="120">
        <v>12860891</v>
      </c>
      <c r="NA15" s="143">
        <v>12860891</v>
      </c>
      <c r="NB15" s="142">
        <v>0</v>
      </c>
      <c r="NC15" s="119">
        <v>0</v>
      </c>
      <c r="ND15" s="120">
        <v>0</v>
      </c>
      <c r="NE15" s="145"/>
      <c r="NF15" s="119">
        <v>786600</v>
      </c>
      <c r="NG15" s="119">
        <v>1465223</v>
      </c>
      <c r="NH15" s="119">
        <v>2338088</v>
      </c>
      <c r="NI15" s="119">
        <v>1334427</v>
      </c>
      <c r="NJ15" s="119">
        <v>680810</v>
      </c>
      <c r="NK15" s="120">
        <v>6605148</v>
      </c>
      <c r="NL15" s="321">
        <v>6605148</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313418</v>
      </c>
      <c r="OE15" s="119">
        <v>0</v>
      </c>
      <c r="OF15" s="119">
        <v>0</v>
      </c>
      <c r="OG15" s="120">
        <v>313418</v>
      </c>
      <c r="OH15" s="121">
        <v>313418</v>
      </c>
      <c r="OI15" s="142">
        <v>924530</v>
      </c>
      <c r="OJ15" s="119">
        <v>856607</v>
      </c>
      <c r="OK15" s="141">
        <v>1781137</v>
      </c>
      <c r="OL15" s="118">
        <v>0</v>
      </c>
      <c r="OM15" s="119">
        <v>15229119</v>
      </c>
      <c r="ON15" s="119">
        <v>16310879</v>
      </c>
      <c r="OO15" s="119">
        <v>21505537</v>
      </c>
      <c r="OP15" s="119">
        <v>20898894</v>
      </c>
      <c r="OQ15" s="119">
        <v>13993908</v>
      </c>
      <c r="OR15" s="120">
        <v>87938337</v>
      </c>
      <c r="OS15" s="143">
        <v>89719474</v>
      </c>
    </row>
    <row r="16" spans="1:409" ht="20.25" customHeight="1" x14ac:dyDescent="0.2">
      <c r="B16" s="126" t="s">
        <v>10</v>
      </c>
      <c r="C16" s="110">
        <v>1307381</v>
      </c>
      <c r="D16" s="114">
        <v>2104235</v>
      </c>
      <c r="E16" s="113">
        <v>3411616</v>
      </c>
      <c r="F16" s="172">
        <v>0</v>
      </c>
      <c r="G16" s="114">
        <v>22129604</v>
      </c>
      <c r="H16" s="114">
        <v>16745376</v>
      </c>
      <c r="I16" s="114">
        <v>17588918</v>
      </c>
      <c r="J16" s="114">
        <v>13376040</v>
      </c>
      <c r="K16" s="114">
        <v>10059399</v>
      </c>
      <c r="L16" s="109">
        <v>79899337</v>
      </c>
      <c r="M16" s="116">
        <v>83310953</v>
      </c>
      <c r="N16" s="110">
        <v>581249</v>
      </c>
      <c r="O16" s="114">
        <v>861374</v>
      </c>
      <c r="P16" s="113">
        <v>1442623</v>
      </c>
      <c r="Q16" s="110">
        <v>0</v>
      </c>
      <c r="R16" s="114">
        <v>7419339</v>
      </c>
      <c r="S16" s="114">
        <v>5900549</v>
      </c>
      <c r="T16" s="114">
        <v>5757421</v>
      </c>
      <c r="U16" s="114">
        <v>5558425</v>
      </c>
      <c r="V16" s="114">
        <v>5775341</v>
      </c>
      <c r="W16" s="113">
        <v>30411075</v>
      </c>
      <c r="X16" s="116">
        <v>31853698</v>
      </c>
      <c r="Y16" s="110">
        <v>0</v>
      </c>
      <c r="Z16" s="114">
        <v>0</v>
      </c>
      <c r="AA16" s="113">
        <v>0</v>
      </c>
      <c r="AB16" s="110">
        <v>0</v>
      </c>
      <c r="AC16" s="114">
        <v>3201435</v>
      </c>
      <c r="AD16" s="114">
        <v>2655620</v>
      </c>
      <c r="AE16" s="114">
        <v>3477514</v>
      </c>
      <c r="AF16" s="114">
        <v>2286539</v>
      </c>
      <c r="AG16" s="114">
        <v>3085344</v>
      </c>
      <c r="AH16" s="113">
        <v>14706452</v>
      </c>
      <c r="AI16" s="116">
        <v>14706452</v>
      </c>
      <c r="AJ16" s="110">
        <v>0</v>
      </c>
      <c r="AK16" s="114">
        <v>0</v>
      </c>
      <c r="AL16" s="113">
        <v>0</v>
      </c>
      <c r="AM16" s="110">
        <v>0</v>
      </c>
      <c r="AN16" s="114">
        <v>0</v>
      </c>
      <c r="AO16" s="114">
        <v>35173</v>
      </c>
      <c r="AP16" s="114">
        <v>140693</v>
      </c>
      <c r="AQ16" s="114">
        <v>757151</v>
      </c>
      <c r="AR16" s="114">
        <v>632117</v>
      </c>
      <c r="AS16" s="113">
        <v>1565134</v>
      </c>
      <c r="AT16" s="116">
        <v>1565134</v>
      </c>
      <c r="AU16" s="110">
        <v>371749</v>
      </c>
      <c r="AV16" s="114">
        <v>525452</v>
      </c>
      <c r="AW16" s="113">
        <v>897201</v>
      </c>
      <c r="AX16" s="110">
        <v>0</v>
      </c>
      <c r="AY16" s="114">
        <v>2678744</v>
      </c>
      <c r="AZ16" s="114">
        <v>2159853</v>
      </c>
      <c r="BA16" s="114">
        <v>1262091</v>
      </c>
      <c r="BB16" s="114">
        <v>1558667</v>
      </c>
      <c r="BC16" s="114">
        <v>1212181</v>
      </c>
      <c r="BD16" s="113">
        <v>8871536</v>
      </c>
      <c r="BE16" s="116">
        <v>9768737</v>
      </c>
      <c r="BF16" s="110">
        <v>26692</v>
      </c>
      <c r="BG16" s="114">
        <v>129570</v>
      </c>
      <c r="BH16" s="112">
        <v>156262</v>
      </c>
      <c r="BI16" s="111">
        <v>0</v>
      </c>
      <c r="BJ16" s="114">
        <v>353280</v>
      </c>
      <c r="BK16" s="114">
        <v>88159</v>
      </c>
      <c r="BL16" s="114">
        <v>117659</v>
      </c>
      <c r="BM16" s="114">
        <v>101044</v>
      </c>
      <c r="BN16" s="114">
        <v>86491</v>
      </c>
      <c r="BO16" s="113">
        <v>746633</v>
      </c>
      <c r="BP16" s="116">
        <v>902895</v>
      </c>
      <c r="BQ16" s="110">
        <v>182808</v>
      </c>
      <c r="BR16" s="114">
        <v>206352</v>
      </c>
      <c r="BS16" s="113">
        <v>389160</v>
      </c>
      <c r="BT16" s="110">
        <v>0</v>
      </c>
      <c r="BU16" s="114">
        <v>1185880</v>
      </c>
      <c r="BV16" s="114">
        <v>961744</v>
      </c>
      <c r="BW16" s="114">
        <v>759464</v>
      </c>
      <c r="BX16" s="114">
        <v>855024</v>
      </c>
      <c r="BY16" s="114">
        <v>759208</v>
      </c>
      <c r="BZ16" s="113">
        <v>4521320</v>
      </c>
      <c r="CA16" s="116">
        <v>4910480</v>
      </c>
      <c r="CB16" s="110">
        <v>83975</v>
      </c>
      <c r="CC16" s="114">
        <v>151290</v>
      </c>
      <c r="CD16" s="113">
        <v>235265</v>
      </c>
      <c r="CE16" s="110">
        <v>0</v>
      </c>
      <c r="CF16" s="114">
        <v>7368437</v>
      </c>
      <c r="CG16" s="114">
        <v>4875914</v>
      </c>
      <c r="CH16" s="114">
        <v>4768808</v>
      </c>
      <c r="CI16" s="114">
        <v>1778807</v>
      </c>
      <c r="CJ16" s="114">
        <v>559537</v>
      </c>
      <c r="CK16" s="113">
        <v>19351503</v>
      </c>
      <c r="CL16" s="116">
        <v>19586768</v>
      </c>
      <c r="CM16" s="110">
        <v>0</v>
      </c>
      <c r="CN16" s="114">
        <v>0</v>
      </c>
      <c r="CO16" s="113">
        <v>0</v>
      </c>
      <c r="CP16" s="111">
        <v>0</v>
      </c>
      <c r="CQ16" s="114">
        <v>6355873</v>
      </c>
      <c r="CR16" s="114">
        <v>4481278</v>
      </c>
      <c r="CS16" s="114">
        <v>4021585</v>
      </c>
      <c r="CT16" s="114">
        <v>1503508</v>
      </c>
      <c r="CU16" s="114">
        <v>460025</v>
      </c>
      <c r="CV16" s="113">
        <v>16822269</v>
      </c>
      <c r="CW16" s="116">
        <v>16822269</v>
      </c>
      <c r="CX16" s="110">
        <v>83975</v>
      </c>
      <c r="CY16" s="114">
        <v>151290</v>
      </c>
      <c r="CZ16" s="113">
        <v>235265</v>
      </c>
      <c r="DA16" s="110">
        <v>0</v>
      </c>
      <c r="DB16" s="114">
        <v>1012564</v>
      </c>
      <c r="DC16" s="114">
        <v>394636</v>
      </c>
      <c r="DD16" s="114">
        <v>747223</v>
      </c>
      <c r="DE16" s="114">
        <v>275299</v>
      </c>
      <c r="DF16" s="114">
        <v>99512</v>
      </c>
      <c r="DG16" s="113">
        <v>2529234</v>
      </c>
      <c r="DH16" s="116">
        <v>2764499</v>
      </c>
      <c r="DI16" s="110">
        <v>0</v>
      </c>
      <c r="DJ16" s="114">
        <v>8092</v>
      </c>
      <c r="DK16" s="112">
        <v>8092</v>
      </c>
      <c r="DL16" s="111">
        <v>0</v>
      </c>
      <c r="DM16" s="114">
        <v>1122031</v>
      </c>
      <c r="DN16" s="114">
        <v>1243554</v>
      </c>
      <c r="DO16" s="114">
        <v>2714527</v>
      </c>
      <c r="DP16" s="114">
        <v>1375156</v>
      </c>
      <c r="DQ16" s="114">
        <v>300380</v>
      </c>
      <c r="DR16" s="113">
        <v>6755648</v>
      </c>
      <c r="DS16" s="116">
        <v>6763740</v>
      </c>
      <c r="DT16" s="110">
        <v>0</v>
      </c>
      <c r="DU16" s="114">
        <v>8092</v>
      </c>
      <c r="DV16" s="113">
        <v>8092</v>
      </c>
      <c r="DW16" s="110">
        <v>0</v>
      </c>
      <c r="DX16" s="114">
        <v>930889</v>
      </c>
      <c r="DY16" s="114">
        <v>1052609</v>
      </c>
      <c r="DZ16" s="114">
        <v>2654972</v>
      </c>
      <c r="EA16" s="114">
        <v>1142156</v>
      </c>
      <c r="EB16" s="114">
        <v>300380</v>
      </c>
      <c r="EC16" s="113">
        <v>6081006</v>
      </c>
      <c r="ED16" s="116">
        <v>6089098</v>
      </c>
      <c r="EE16" s="110">
        <v>0</v>
      </c>
      <c r="EF16" s="112">
        <v>0</v>
      </c>
      <c r="EG16" s="113">
        <v>0</v>
      </c>
      <c r="EH16" s="110">
        <v>0</v>
      </c>
      <c r="EI16" s="114">
        <v>191142</v>
      </c>
      <c r="EJ16" s="114">
        <v>190945</v>
      </c>
      <c r="EK16" s="114">
        <v>59555</v>
      </c>
      <c r="EL16" s="114">
        <v>233000</v>
      </c>
      <c r="EM16" s="114">
        <v>0</v>
      </c>
      <c r="EN16" s="112">
        <v>674642</v>
      </c>
      <c r="EO16" s="116">
        <v>674642</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8"/>
      <c r="FE16" s="114">
        <v>0</v>
      </c>
      <c r="FF16" s="114">
        <v>0</v>
      </c>
      <c r="FG16" s="114">
        <v>0</v>
      </c>
      <c r="FH16" s="114">
        <v>0</v>
      </c>
      <c r="FI16" s="114">
        <v>0</v>
      </c>
      <c r="FJ16" s="113">
        <v>0</v>
      </c>
      <c r="FK16" s="116">
        <v>0</v>
      </c>
      <c r="FL16" s="110">
        <v>246632</v>
      </c>
      <c r="FM16" s="114">
        <v>460676</v>
      </c>
      <c r="FN16" s="113">
        <v>707308</v>
      </c>
      <c r="FO16" s="110">
        <v>0</v>
      </c>
      <c r="FP16" s="114">
        <v>1150096</v>
      </c>
      <c r="FQ16" s="114">
        <v>1692864</v>
      </c>
      <c r="FR16" s="114">
        <v>1244480</v>
      </c>
      <c r="FS16" s="114">
        <v>1029872</v>
      </c>
      <c r="FT16" s="114">
        <v>698792</v>
      </c>
      <c r="FU16" s="113">
        <v>5816104</v>
      </c>
      <c r="FV16" s="116">
        <v>6523412</v>
      </c>
      <c r="FW16" s="115">
        <v>225952</v>
      </c>
      <c r="FX16" s="114">
        <v>374716</v>
      </c>
      <c r="FY16" s="112">
        <v>600668</v>
      </c>
      <c r="FZ16" s="111">
        <v>0</v>
      </c>
      <c r="GA16" s="114">
        <v>992216</v>
      </c>
      <c r="GB16" s="114">
        <v>1581928</v>
      </c>
      <c r="GC16" s="114">
        <v>1177696</v>
      </c>
      <c r="GD16" s="114">
        <v>921872</v>
      </c>
      <c r="GE16" s="114">
        <v>622936</v>
      </c>
      <c r="GF16" s="113">
        <v>5296648</v>
      </c>
      <c r="GG16" s="319">
        <v>5897316</v>
      </c>
      <c r="GH16" s="115">
        <v>20680</v>
      </c>
      <c r="GI16" s="114">
        <v>42520</v>
      </c>
      <c r="GJ16" s="112">
        <v>63200</v>
      </c>
      <c r="GK16" s="111">
        <v>0</v>
      </c>
      <c r="GL16" s="114">
        <v>17160</v>
      </c>
      <c r="GM16" s="114">
        <v>0</v>
      </c>
      <c r="GN16" s="114">
        <v>45184</v>
      </c>
      <c r="GO16" s="114">
        <v>0</v>
      </c>
      <c r="GP16" s="114">
        <v>62656</v>
      </c>
      <c r="GQ16" s="113">
        <v>125000</v>
      </c>
      <c r="GR16" s="116">
        <v>188200</v>
      </c>
      <c r="GS16" s="110">
        <v>0</v>
      </c>
      <c r="GT16" s="114">
        <v>43440</v>
      </c>
      <c r="GU16" s="113">
        <v>43440</v>
      </c>
      <c r="GV16" s="110">
        <v>0</v>
      </c>
      <c r="GW16" s="114">
        <v>140720</v>
      </c>
      <c r="GX16" s="114">
        <v>110936</v>
      </c>
      <c r="GY16" s="114">
        <v>21600</v>
      </c>
      <c r="GZ16" s="114">
        <v>108000</v>
      </c>
      <c r="HA16" s="114">
        <v>13200</v>
      </c>
      <c r="HB16" s="112">
        <v>394456</v>
      </c>
      <c r="HC16" s="116">
        <v>437896</v>
      </c>
      <c r="HD16" s="110">
        <v>395525</v>
      </c>
      <c r="HE16" s="114">
        <v>622803</v>
      </c>
      <c r="HF16" s="112">
        <v>1018328</v>
      </c>
      <c r="HG16" s="111">
        <v>0</v>
      </c>
      <c r="HH16" s="114">
        <v>5069701</v>
      </c>
      <c r="HI16" s="114">
        <v>3032495</v>
      </c>
      <c r="HJ16" s="114">
        <v>3103682</v>
      </c>
      <c r="HK16" s="114">
        <v>3633780</v>
      </c>
      <c r="HL16" s="114">
        <v>2725349</v>
      </c>
      <c r="HM16" s="113">
        <v>17565007</v>
      </c>
      <c r="HN16" s="109">
        <v>18583335</v>
      </c>
      <c r="HO16" s="329"/>
      <c r="HP16" s="330"/>
      <c r="HQ16" s="331"/>
      <c r="HR16" s="332"/>
      <c r="HS16" s="330"/>
      <c r="HT16" s="330"/>
      <c r="HU16" s="330"/>
      <c r="HV16" s="330"/>
      <c r="HW16" s="330"/>
      <c r="HX16" s="333"/>
      <c r="HY16" s="334"/>
      <c r="HZ16" s="150">
        <v>0</v>
      </c>
      <c r="IA16" s="135">
        <v>0</v>
      </c>
      <c r="IB16" s="150">
        <v>0</v>
      </c>
      <c r="IC16" s="134">
        <v>0</v>
      </c>
      <c r="ID16" s="135">
        <v>4094770</v>
      </c>
      <c r="IE16" s="136">
        <v>5772574</v>
      </c>
      <c r="IF16" s="137">
        <v>3909181</v>
      </c>
      <c r="IG16" s="135">
        <v>3877622</v>
      </c>
      <c r="IH16" s="137">
        <v>2672349</v>
      </c>
      <c r="II16" s="138">
        <v>20326496</v>
      </c>
      <c r="IJ16" s="150">
        <v>20326496</v>
      </c>
      <c r="IK16" s="232">
        <v>0</v>
      </c>
      <c r="IL16" s="236">
        <v>0</v>
      </c>
      <c r="IM16" s="237">
        <v>0</v>
      </c>
      <c r="IN16" s="140"/>
      <c r="IO16" s="119">
        <v>294768</v>
      </c>
      <c r="IP16" s="119">
        <v>229286</v>
      </c>
      <c r="IQ16" s="119">
        <v>0</v>
      </c>
      <c r="IR16" s="119">
        <v>279557</v>
      </c>
      <c r="IS16" s="119">
        <v>23405</v>
      </c>
      <c r="IT16" s="141">
        <v>827016</v>
      </c>
      <c r="IU16" s="321">
        <v>827016</v>
      </c>
      <c r="IV16" s="142">
        <v>0</v>
      </c>
      <c r="IW16" s="119">
        <v>0</v>
      </c>
      <c r="IX16" s="120">
        <v>0</v>
      </c>
      <c r="IY16" s="144"/>
      <c r="IZ16" s="119">
        <v>10475</v>
      </c>
      <c r="JA16" s="119">
        <v>10475</v>
      </c>
      <c r="JB16" s="119">
        <v>36636</v>
      </c>
      <c r="JC16" s="119">
        <v>91775</v>
      </c>
      <c r="JD16" s="119">
        <v>0</v>
      </c>
      <c r="JE16" s="120">
        <v>149361</v>
      </c>
      <c r="JF16" s="121">
        <v>149361</v>
      </c>
      <c r="JG16" s="142">
        <v>0</v>
      </c>
      <c r="JH16" s="119">
        <v>0</v>
      </c>
      <c r="JI16" s="141">
        <v>0</v>
      </c>
      <c r="JJ16" s="118">
        <v>0</v>
      </c>
      <c r="JK16" s="119">
        <v>1765570</v>
      </c>
      <c r="JL16" s="119">
        <v>1405406</v>
      </c>
      <c r="JM16" s="119">
        <v>298304</v>
      </c>
      <c r="JN16" s="119">
        <v>103695</v>
      </c>
      <c r="JO16" s="119">
        <v>50506</v>
      </c>
      <c r="JP16" s="120">
        <v>3623481</v>
      </c>
      <c r="JQ16" s="321">
        <v>3623481</v>
      </c>
      <c r="JR16" s="142">
        <v>0</v>
      </c>
      <c r="JS16" s="119">
        <v>0</v>
      </c>
      <c r="JT16" s="141">
        <v>0</v>
      </c>
      <c r="JU16" s="118">
        <v>0</v>
      </c>
      <c r="JV16" s="119">
        <v>157536</v>
      </c>
      <c r="JW16" s="119">
        <v>175847</v>
      </c>
      <c r="JX16" s="119">
        <v>316599</v>
      </c>
      <c r="JY16" s="119">
        <v>0</v>
      </c>
      <c r="JZ16" s="119">
        <v>45522</v>
      </c>
      <c r="KA16" s="120">
        <v>695504</v>
      </c>
      <c r="KB16" s="321">
        <v>695504</v>
      </c>
      <c r="KC16" s="234">
        <v>0</v>
      </c>
      <c r="KD16" s="230">
        <v>0</v>
      </c>
      <c r="KE16" s="120">
        <v>0</v>
      </c>
      <c r="KF16" s="118">
        <v>0</v>
      </c>
      <c r="KG16" s="119">
        <v>355733</v>
      </c>
      <c r="KH16" s="119">
        <v>680139</v>
      </c>
      <c r="KI16" s="119">
        <v>694142</v>
      </c>
      <c r="KJ16" s="119">
        <v>1360452</v>
      </c>
      <c r="KK16" s="119">
        <v>0</v>
      </c>
      <c r="KL16" s="120">
        <v>3090466</v>
      </c>
      <c r="KM16" s="143">
        <v>3090466</v>
      </c>
      <c r="KN16" s="232">
        <v>0</v>
      </c>
      <c r="KO16" s="236">
        <v>0</v>
      </c>
      <c r="KP16" s="237">
        <v>0</v>
      </c>
      <c r="KQ16" s="140"/>
      <c r="KR16" s="119">
        <v>1356915</v>
      </c>
      <c r="KS16" s="119">
        <v>2386652</v>
      </c>
      <c r="KT16" s="119">
        <v>985175</v>
      </c>
      <c r="KU16" s="119">
        <v>1008683</v>
      </c>
      <c r="KV16" s="119">
        <v>934362</v>
      </c>
      <c r="KW16" s="120">
        <v>6671787</v>
      </c>
      <c r="KX16" s="321">
        <v>6671787</v>
      </c>
      <c r="KY16" s="142">
        <v>0</v>
      </c>
      <c r="KZ16" s="119">
        <v>0</v>
      </c>
      <c r="LA16" s="120">
        <v>0</v>
      </c>
      <c r="LB16" s="145"/>
      <c r="LC16" s="119">
        <v>153773</v>
      </c>
      <c r="LD16" s="119">
        <v>678375</v>
      </c>
      <c r="LE16" s="119">
        <v>535624</v>
      </c>
      <c r="LF16" s="119">
        <v>456455</v>
      </c>
      <c r="LG16" s="119">
        <v>683554</v>
      </c>
      <c r="LH16" s="120">
        <v>2507781</v>
      </c>
      <c r="LI16" s="121">
        <v>2507781</v>
      </c>
      <c r="LJ16" s="142">
        <v>0</v>
      </c>
      <c r="LK16" s="119">
        <v>0</v>
      </c>
      <c r="LL16" s="120">
        <v>0</v>
      </c>
      <c r="LM16" s="145"/>
      <c r="LN16" s="119">
        <v>0</v>
      </c>
      <c r="LO16" s="119">
        <v>0</v>
      </c>
      <c r="LP16" s="119">
        <v>223136</v>
      </c>
      <c r="LQ16" s="119">
        <v>272454</v>
      </c>
      <c r="LR16" s="119">
        <v>785616</v>
      </c>
      <c r="LS16" s="120">
        <v>1281206</v>
      </c>
      <c r="LT16" s="321">
        <v>1281206</v>
      </c>
      <c r="LU16" s="142">
        <v>0</v>
      </c>
      <c r="LV16" s="119">
        <v>0</v>
      </c>
      <c r="LW16" s="120">
        <v>0</v>
      </c>
      <c r="LX16" s="145">
        <v>0</v>
      </c>
      <c r="LY16" s="119">
        <v>0</v>
      </c>
      <c r="LZ16" s="119">
        <v>206394</v>
      </c>
      <c r="MA16" s="119">
        <v>819565</v>
      </c>
      <c r="MB16" s="119">
        <v>304551</v>
      </c>
      <c r="MC16" s="119">
        <v>149384</v>
      </c>
      <c r="MD16" s="120">
        <v>1479894</v>
      </c>
      <c r="ME16" s="121">
        <v>1479894</v>
      </c>
      <c r="MF16" s="142">
        <v>0</v>
      </c>
      <c r="MG16" s="119">
        <v>0</v>
      </c>
      <c r="MH16" s="120">
        <v>0</v>
      </c>
      <c r="MI16" s="145"/>
      <c r="MJ16" s="119">
        <v>1769070</v>
      </c>
      <c r="MK16" s="119">
        <v>1142205</v>
      </c>
      <c r="ML16" s="119">
        <v>7006774</v>
      </c>
      <c r="MM16" s="119">
        <v>12845641</v>
      </c>
      <c r="MN16" s="119">
        <v>6236543</v>
      </c>
      <c r="MO16" s="120">
        <v>29000233</v>
      </c>
      <c r="MP16" s="143">
        <v>29000233</v>
      </c>
      <c r="MQ16" s="142">
        <v>0</v>
      </c>
      <c r="MR16" s="119">
        <v>0</v>
      </c>
      <c r="MS16" s="120">
        <v>0</v>
      </c>
      <c r="MT16" s="145">
        <v>0</v>
      </c>
      <c r="MU16" s="119">
        <v>204880</v>
      </c>
      <c r="MV16" s="119">
        <v>0</v>
      </c>
      <c r="MW16" s="119">
        <v>4480318</v>
      </c>
      <c r="MX16" s="119">
        <v>8965895</v>
      </c>
      <c r="MY16" s="119">
        <v>5007338</v>
      </c>
      <c r="MZ16" s="120">
        <v>18658431</v>
      </c>
      <c r="NA16" s="143">
        <v>18658431</v>
      </c>
      <c r="NB16" s="142">
        <v>0</v>
      </c>
      <c r="NC16" s="119">
        <v>0</v>
      </c>
      <c r="ND16" s="120">
        <v>0</v>
      </c>
      <c r="NE16" s="145"/>
      <c r="NF16" s="119">
        <v>1564190</v>
      </c>
      <c r="NG16" s="119">
        <v>1142205</v>
      </c>
      <c r="NH16" s="119">
        <v>2526456</v>
      </c>
      <c r="NI16" s="119">
        <v>3531271</v>
      </c>
      <c r="NJ16" s="119">
        <v>1229205</v>
      </c>
      <c r="NK16" s="120">
        <v>9993327</v>
      </c>
      <c r="NL16" s="321">
        <v>9993327</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348475</v>
      </c>
      <c r="OF16" s="119">
        <v>0</v>
      </c>
      <c r="OG16" s="120">
        <v>348475</v>
      </c>
      <c r="OH16" s="121">
        <v>348475</v>
      </c>
      <c r="OI16" s="142">
        <v>1307381</v>
      </c>
      <c r="OJ16" s="119">
        <v>2104235</v>
      </c>
      <c r="OK16" s="141">
        <v>3411616</v>
      </c>
      <c r="OL16" s="118">
        <v>0</v>
      </c>
      <c r="OM16" s="119">
        <v>27993444</v>
      </c>
      <c r="ON16" s="119">
        <v>23660155</v>
      </c>
      <c r="OO16" s="119">
        <v>28504873</v>
      </c>
      <c r="OP16" s="119">
        <v>30099303</v>
      </c>
      <c r="OQ16" s="119">
        <v>18968291</v>
      </c>
      <c r="OR16" s="120">
        <v>129226066</v>
      </c>
      <c r="OS16" s="143">
        <v>132637682</v>
      </c>
    </row>
    <row r="17" spans="2:409" ht="20.25" customHeight="1" x14ac:dyDescent="0.2">
      <c r="B17" s="126" t="s">
        <v>11</v>
      </c>
      <c r="C17" s="110">
        <v>388286</v>
      </c>
      <c r="D17" s="114">
        <v>862027</v>
      </c>
      <c r="E17" s="171">
        <v>1250313</v>
      </c>
      <c r="F17" s="111">
        <v>0</v>
      </c>
      <c r="G17" s="114">
        <v>7497899</v>
      </c>
      <c r="H17" s="114">
        <v>8040087</v>
      </c>
      <c r="I17" s="114">
        <v>9164547</v>
      </c>
      <c r="J17" s="114">
        <v>9553874</v>
      </c>
      <c r="K17" s="114">
        <v>3608232</v>
      </c>
      <c r="L17" s="109">
        <v>37864639</v>
      </c>
      <c r="M17" s="116">
        <v>39114952</v>
      </c>
      <c r="N17" s="110">
        <v>75156</v>
      </c>
      <c r="O17" s="114">
        <v>177255</v>
      </c>
      <c r="P17" s="113">
        <v>252411</v>
      </c>
      <c r="Q17" s="110">
        <v>0</v>
      </c>
      <c r="R17" s="114">
        <v>1426924</v>
      </c>
      <c r="S17" s="114">
        <v>1419254</v>
      </c>
      <c r="T17" s="114">
        <v>3580971</v>
      </c>
      <c r="U17" s="114">
        <v>2573026</v>
      </c>
      <c r="V17" s="114">
        <v>1464178</v>
      </c>
      <c r="W17" s="113">
        <v>10464353</v>
      </c>
      <c r="X17" s="116">
        <v>10716764</v>
      </c>
      <c r="Y17" s="110">
        <v>0</v>
      </c>
      <c r="Z17" s="114">
        <v>0</v>
      </c>
      <c r="AA17" s="113">
        <v>0</v>
      </c>
      <c r="AB17" s="110">
        <v>0</v>
      </c>
      <c r="AC17" s="114">
        <v>434398</v>
      </c>
      <c r="AD17" s="114">
        <v>521483</v>
      </c>
      <c r="AE17" s="114">
        <v>2108745</v>
      </c>
      <c r="AF17" s="114">
        <v>1148748</v>
      </c>
      <c r="AG17" s="114">
        <v>597116</v>
      </c>
      <c r="AH17" s="113">
        <v>4810490</v>
      </c>
      <c r="AI17" s="116">
        <v>4810490</v>
      </c>
      <c r="AJ17" s="110">
        <v>0</v>
      </c>
      <c r="AK17" s="114">
        <v>0</v>
      </c>
      <c r="AL17" s="113">
        <v>0</v>
      </c>
      <c r="AM17" s="110">
        <v>0</v>
      </c>
      <c r="AN17" s="114">
        <v>0</v>
      </c>
      <c r="AO17" s="114">
        <v>0</v>
      </c>
      <c r="AP17" s="114">
        <v>146767</v>
      </c>
      <c r="AQ17" s="114">
        <v>309553</v>
      </c>
      <c r="AR17" s="114">
        <v>152717</v>
      </c>
      <c r="AS17" s="113">
        <v>609037</v>
      </c>
      <c r="AT17" s="116">
        <v>609037</v>
      </c>
      <c r="AU17" s="110">
        <v>34708</v>
      </c>
      <c r="AV17" s="114">
        <v>73116</v>
      </c>
      <c r="AW17" s="113">
        <v>107824</v>
      </c>
      <c r="AX17" s="110">
        <v>0</v>
      </c>
      <c r="AY17" s="114">
        <v>626907</v>
      </c>
      <c r="AZ17" s="114">
        <v>614810</v>
      </c>
      <c r="BA17" s="114">
        <v>894239</v>
      </c>
      <c r="BB17" s="114">
        <v>582134</v>
      </c>
      <c r="BC17" s="114">
        <v>535205</v>
      </c>
      <c r="BD17" s="113">
        <v>3253295</v>
      </c>
      <c r="BE17" s="116">
        <v>3361119</v>
      </c>
      <c r="BF17" s="110">
        <v>0</v>
      </c>
      <c r="BG17" s="114">
        <v>60507</v>
      </c>
      <c r="BH17" s="112">
        <v>60507</v>
      </c>
      <c r="BI17" s="111">
        <v>0</v>
      </c>
      <c r="BJ17" s="114">
        <v>20931</v>
      </c>
      <c r="BK17" s="114">
        <v>39625</v>
      </c>
      <c r="BL17" s="114">
        <v>31396</v>
      </c>
      <c r="BM17" s="114">
        <v>239047</v>
      </c>
      <c r="BN17" s="114">
        <v>0</v>
      </c>
      <c r="BO17" s="113">
        <v>330999</v>
      </c>
      <c r="BP17" s="116">
        <v>391506</v>
      </c>
      <c r="BQ17" s="110">
        <v>40448</v>
      </c>
      <c r="BR17" s="114">
        <v>43632</v>
      </c>
      <c r="BS17" s="113">
        <v>84080</v>
      </c>
      <c r="BT17" s="110">
        <v>0</v>
      </c>
      <c r="BU17" s="114">
        <v>344688</v>
      </c>
      <c r="BV17" s="114">
        <v>243336</v>
      </c>
      <c r="BW17" s="114">
        <v>399824</v>
      </c>
      <c r="BX17" s="114">
        <v>293544</v>
      </c>
      <c r="BY17" s="114">
        <v>179140</v>
      </c>
      <c r="BZ17" s="113">
        <v>1460532</v>
      </c>
      <c r="CA17" s="116">
        <v>1544612</v>
      </c>
      <c r="CB17" s="110">
        <v>104297</v>
      </c>
      <c r="CC17" s="114">
        <v>149054</v>
      </c>
      <c r="CD17" s="113">
        <v>253351</v>
      </c>
      <c r="CE17" s="110">
        <v>0</v>
      </c>
      <c r="CF17" s="114">
        <v>2474507</v>
      </c>
      <c r="CG17" s="114">
        <v>1994442</v>
      </c>
      <c r="CH17" s="114">
        <v>2092914</v>
      </c>
      <c r="CI17" s="114">
        <v>2135827</v>
      </c>
      <c r="CJ17" s="114">
        <v>124824</v>
      </c>
      <c r="CK17" s="113">
        <v>8822514</v>
      </c>
      <c r="CL17" s="116">
        <v>9075865</v>
      </c>
      <c r="CM17" s="110">
        <v>0</v>
      </c>
      <c r="CN17" s="114">
        <v>0</v>
      </c>
      <c r="CO17" s="113">
        <v>0</v>
      </c>
      <c r="CP17" s="111">
        <v>0</v>
      </c>
      <c r="CQ17" s="114">
        <v>1665002</v>
      </c>
      <c r="CR17" s="114">
        <v>1382222</v>
      </c>
      <c r="CS17" s="114">
        <v>1778011</v>
      </c>
      <c r="CT17" s="114">
        <v>1504605</v>
      </c>
      <c r="CU17" s="114">
        <v>37285</v>
      </c>
      <c r="CV17" s="113">
        <v>6367125</v>
      </c>
      <c r="CW17" s="116">
        <v>6367125</v>
      </c>
      <c r="CX17" s="110">
        <v>104297</v>
      </c>
      <c r="CY17" s="114">
        <v>149054</v>
      </c>
      <c r="CZ17" s="113">
        <v>253351</v>
      </c>
      <c r="DA17" s="110">
        <v>0</v>
      </c>
      <c r="DB17" s="114">
        <v>809505</v>
      </c>
      <c r="DC17" s="114">
        <v>612220</v>
      </c>
      <c r="DD17" s="114">
        <v>314903</v>
      </c>
      <c r="DE17" s="114">
        <v>631222</v>
      </c>
      <c r="DF17" s="114">
        <v>87539</v>
      </c>
      <c r="DG17" s="113">
        <v>2455389</v>
      </c>
      <c r="DH17" s="116">
        <v>2708740</v>
      </c>
      <c r="DI17" s="110">
        <v>8692</v>
      </c>
      <c r="DJ17" s="114">
        <v>0</v>
      </c>
      <c r="DK17" s="112">
        <v>8692</v>
      </c>
      <c r="DL17" s="111">
        <v>0</v>
      </c>
      <c r="DM17" s="114">
        <v>418195</v>
      </c>
      <c r="DN17" s="114">
        <v>677788</v>
      </c>
      <c r="DO17" s="114">
        <v>828970</v>
      </c>
      <c r="DP17" s="114">
        <v>532821</v>
      </c>
      <c r="DQ17" s="114">
        <v>0</v>
      </c>
      <c r="DR17" s="113">
        <v>2457774</v>
      </c>
      <c r="DS17" s="116">
        <v>2466466</v>
      </c>
      <c r="DT17" s="110">
        <v>8692</v>
      </c>
      <c r="DU17" s="114">
        <v>0</v>
      </c>
      <c r="DV17" s="113">
        <v>8692</v>
      </c>
      <c r="DW17" s="110">
        <v>0</v>
      </c>
      <c r="DX17" s="114">
        <v>418195</v>
      </c>
      <c r="DY17" s="114">
        <v>525546</v>
      </c>
      <c r="DZ17" s="114">
        <v>828970</v>
      </c>
      <c r="EA17" s="114">
        <v>532821</v>
      </c>
      <c r="EB17" s="114">
        <v>0</v>
      </c>
      <c r="EC17" s="113">
        <v>2305532</v>
      </c>
      <c r="ED17" s="116">
        <v>2314224</v>
      </c>
      <c r="EE17" s="110">
        <v>0</v>
      </c>
      <c r="EF17" s="112">
        <v>0</v>
      </c>
      <c r="EG17" s="113">
        <v>0</v>
      </c>
      <c r="EH17" s="110">
        <v>0</v>
      </c>
      <c r="EI17" s="114">
        <v>0</v>
      </c>
      <c r="EJ17" s="114">
        <v>152242</v>
      </c>
      <c r="EK17" s="114">
        <v>0</v>
      </c>
      <c r="EL17" s="114">
        <v>0</v>
      </c>
      <c r="EM17" s="114">
        <v>0</v>
      </c>
      <c r="EN17" s="112">
        <v>152242</v>
      </c>
      <c r="EO17" s="116">
        <v>152242</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8"/>
      <c r="FE17" s="114">
        <v>0</v>
      </c>
      <c r="FF17" s="114">
        <v>0</v>
      </c>
      <c r="FG17" s="114">
        <v>0</v>
      </c>
      <c r="FH17" s="114">
        <v>0</v>
      </c>
      <c r="FI17" s="114">
        <v>0</v>
      </c>
      <c r="FJ17" s="113">
        <v>0</v>
      </c>
      <c r="FK17" s="116">
        <v>0</v>
      </c>
      <c r="FL17" s="110">
        <v>97900</v>
      </c>
      <c r="FM17" s="114">
        <v>160688</v>
      </c>
      <c r="FN17" s="113">
        <v>258588</v>
      </c>
      <c r="FO17" s="110">
        <v>0</v>
      </c>
      <c r="FP17" s="114">
        <v>289784</v>
      </c>
      <c r="FQ17" s="114">
        <v>499896</v>
      </c>
      <c r="FR17" s="114">
        <v>588192</v>
      </c>
      <c r="FS17" s="114">
        <v>621024</v>
      </c>
      <c r="FT17" s="114">
        <v>179504</v>
      </c>
      <c r="FU17" s="113">
        <v>2178400</v>
      </c>
      <c r="FV17" s="116">
        <v>2436988</v>
      </c>
      <c r="FW17" s="115">
        <v>97900</v>
      </c>
      <c r="FX17" s="114">
        <v>160688</v>
      </c>
      <c r="FY17" s="112">
        <v>258588</v>
      </c>
      <c r="FZ17" s="111">
        <v>0</v>
      </c>
      <c r="GA17" s="114">
        <v>289784</v>
      </c>
      <c r="GB17" s="114">
        <v>499896</v>
      </c>
      <c r="GC17" s="114">
        <v>588192</v>
      </c>
      <c r="GD17" s="114">
        <v>621024</v>
      </c>
      <c r="GE17" s="114">
        <v>179504</v>
      </c>
      <c r="GF17" s="113">
        <v>2178400</v>
      </c>
      <c r="GG17" s="319">
        <v>2436988</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102241</v>
      </c>
      <c r="HE17" s="114">
        <v>375030</v>
      </c>
      <c r="HF17" s="112">
        <v>477271</v>
      </c>
      <c r="HG17" s="111">
        <v>0</v>
      </c>
      <c r="HH17" s="114">
        <v>2888489</v>
      </c>
      <c r="HI17" s="114">
        <v>3448707</v>
      </c>
      <c r="HJ17" s="114">
        <v>2073500</v>
      </c>
      <c r="HK17" s="114">
        <v>3691176</v>
      </c>
      <c r="HL17" s="114">
        <v>1839726</v>
      </c>
      <c r="HM17" s="113">
        <v>13941598</v>
      </c>
      <c r="HN17" s="109">
        <v>14418869</v>
      </c>
      <c r="HO17" s="329"/>
      <c r="HP17" s="330"/>
      <c r="HQ17" s="331"/>
      <c r="HR17" s="332"/>
      <c r="HS17" s="330"/>
      <c r="HT17" s="330"/>
      <c r="HU17" s="330"/>
      <c r="HV17" s="330"/>
      <c r="HW17" s="330"/>
      <c r="HX17" s="333"/>
      <c r="HY17" s="334"/>
      <c r="HZ17" s="131">
        <v>0</v>
      </c>
      <c r="IA17" s="132">
        <v>0</v>
      </c>
      <c r="IB17" s="133">
        <v>0</v>
      </c>
      <c r="IC17" s="146">
        <v>0</v>
      </c>
      <c r="ID17" s="132">
        <v>1947123</v>
      </c>
      <c r="IE17" s="147">
        <v>1417757</v>
      </c>
      <c r="IF17" s="133">
        <v>2380803</v>
      </c>
      <c r="IG17" s="132">
        <v>1202922</v>
      </c>
      <c r="IH17" s="133">
        <v>487572</v>
      </c>
      <c r="II17" s="148">
        <v>7436177</v>
      </c>
      <c r="IJ17" s="139">
        <v>7436177</v>
      </c>
      <c r="IK17" s="232">
        <v>0</v>
      </c>
      <c r="IL17" s="236">
        <v>0</v>
      </c>
      <c r="IM17" s="237">
        <v>0</v>
      </c>
      <c r="IN17" s="140"/>
      <c r="IO17" s="119">
        <v>61696</v>
      </c>
      <c r="IP17" s="119">
        <v>0</v>
      </c>
      <c r="IQ17" s="119">
        <v>323488</v>
      </c>
      <c r="IR17" s="119">
        <v>0</v>
      </c>
      <c r="IS17" s="119">
        <v>283284</v>
      </c>
      <c r="IT17" s="141">
        <v>668468</v>
      </c>
      <c r="IU17" s="321">
        <v>668468</v>
      </c>
      <c r="IV17" s="142">
        <v>0</v>
      </c>
      <c r="IW17" s="119">
        <v>0</v>
      </c>
      <c r="IX17" s="120">
        <v>0</v>
      </c>
      <c r="IY17" s="144"/>
      <c r="IZ17" s="119">
        <v>16503</v>
      </c>
      <c r="JA17" s="119">
        <v>0</v>
      </c>
      <c r="JB17" s="119">
        <v>0</v>
      </c>
      <c r="JC17" s="119">
        <v>0</v>
      </c>
      <c r="JD17" s="119">
        <v>0</v>
      </c>
      <c r="JE17" s="120">
        <v>16503</v>
      </c>
      <c r="JF17" s="121">
        <v>16503</v>
      </c>
      <c r="JG17" s="142">
        <v>0</v>
      </c>
      <c r="JH17" s="119">
        <v>0</v>
      </c>
      <c r="JI17" s="141">
        <v>0</v>
      </c>
      <c r="JJ17" s="118">
        <v>0</v>
      </c>
      <c r="JK17" s="119">
        <v>1315906</v>
      </c>
      <c r="JL17" s="119">
        <v>462111</v>
      </c>
      <c r="JM17" s="119">
        <v>1092969</v>
      </c>
      <c r="JN17" s="119">
        <v>331011</v>
      </c>
      <c r="JO17" s="119">
        <v>204288</v>
      </c>
      <c r="JP17" s="120">
        <v>3406285</v>
      </c>
      <c r="JQ17" s="321">
        <v>3406285</v>
      </c>
      <c r="JR17" s="142">
        <v>0</v>
      </c>
      <c r="JS17" s="119">
        <v>0</v>
      </c>
      <c r="JT17" s="141">
        <v>0</v>
      </c>
      <c r="JU17" s="118">
        <v>0</v>
      </c>
      <c r="JV17" s="119">
        <v>311804</v>
      </c>
      <c r="JW17" s="119">
        <v>209943</v>
      </c>
      <c r="JX17" s="119">
        <v>261479</v>
      </c>
      <c r="JY17" s="119">
        <v>0</v>
      </c>
      <c r="JZ17" s="119">
        <v>0</v>
      </c>
      <c r="KA17" s="120">
        <v>783226</v>
      </c>
      <c r="KB17" s="321">
        <v>783226</v>
      </c>
      <c r="KC17" s="234">
        <v>0</v>
      </c>
      <c r="KD17" s="230">
        <v>0</v>
      </c>
      <c r="KE17" s="120">
        <v>0</v>
      </c>
      <c r="KF17" s="118">
        <v>0</v>
      </c>
      <c r="KG17" s="119">
        <v>106242</v>
      </c>
      <c r="KH17" s="119">
        <v>328457</v>
      </c>
      <c r="KI17" s="119">
        <v>460746</v>
      </c>
      <c r="KJ17" s="119">
        <v>0</v>
      </c>
      <c r="KK17" s="119">
        <v>0</v>
      </c>
      <c r="KL17" s="120">
        <v>895445</v>
      </c>
      <c r="KM17" s="143">
        <v>895445</v>
      </c>
      <c r="KN17" s="232">
        <v>0</v>
      </c>
      <c r="KO17" s="236">
        <v>0</v>
      </c>
      <c r="KP17" s="237">
        <v>0</v>
      </c>
      <c r="KQ17" s="140"/>
      <c r="KR17" s="119">
        <v>134972</v>
      </c>
      <c r="KS17" s="119">
        <v>230158</v>
      </c>
      <c r="KT17" s="119">
        <v>242121</v>
      </c>
      <c r="KU17" s="119">
        <v>740501</v>
      </c>
      <c r="KV17" s="119">
        <v>0</v>
      </c>
      <c r="KW17" s="120">
        <v>1347752</v>
      </c>
      <c r="KX17" s="321">
        <v>1347752</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1">
        <v>0</v>
      </c>
      <c r="LU17" s="142">
        <v>0</v>
      </c>
      <c r="LV17" s="119">
        <v>0</v>
      </c>
      <c r="LW17" s="120">
        <v>0</v>
      </c>
      <c r="LX17" s="145">
        <v>0</v>
      </c>
      <c r="LY17" s="119">
        <v>0</v>
      </c>
      <c r="LZ17" s="119">
        <v>187088</v>
      </c>
      <c r="MA17" s="119">
        <v>0</v>
      </c>
      <c r="MB17" s="119">
        <v>131410</v>
      </c>
      <c r="MC17" s="119">
        <v>0</v>
      </c>
      <c r="MD17" s="120">
        <v>318498</v>
      </c>
      <c r="ME17" s="121">
        <v>318498</v>
      </c>
      <c r="MF17" s="142">
        <v>0</v>
      </c>
      <c r="MG17" s="119">
        <v>0</v>
      </c>
      <c r="MH17" s="120">
        <v>0</v>
      </c>
      <c r="MI17" s="145"/>
      <c r="MJ17" s="119">
        <v>230451</v>
      </c>
      <c r="MK17" s="119">
        <v>1263551</v>
      </c>
      <c r="ML17" s="119">
        <v>2791615</v>
      </c>
      <c r="MM17" s="119">
        <v>4571005</v>
      </c>
      <c r="MN17" s="119">
        <v>3061944</v>
      </c>
      <c r="MO17" s="120">
        <v>11918566</v>
      </c>
      <c r="MP17" s="143">
        <v>11918566</v>
      </c>
      <c r="MQ17" s="142">
        <v>0</v>
      </c>
      <c r="MR17" s="119">
        <v>0</v>
      </c>
      <c r="MS17" s="120">
        <v>0</v>
      </c>
      <c r="MT17" s="145">
        <v>0</v>
      </c>
      <c r="MU17" s="119">
        <v>0</v>
      </c>
      <c r="MV17" s="119">
        <v>0</v>
      </c>
      <c r="MW17" s="119">
        <v>1402740</v>
      </c>
      <c r="MX17" s="119">
        <v>2666033</v>
      </c>
      <c r="MY17" s="119">
        <v>1887603</v>
      </c>
      <c r="MZ17" s="120">
        <v>5956376</v>
      </c>
      <c r="NA17" s="143">
        <v>5956376</v>
      </c>
      <c r="NB17" s="142">
        <v>0</v>
      </c>
      <c r="NC17" s="119">
        <v>0</v>
      </c>
      <c r="ND17" s="120">
        <v>0</v>
      </c>
      <c r="NE17" s="145"/>
      <c r="NF17" s="119">
        <v>230451</v>
      </c>
      <c r="NG17" s="119">
        <v>1045607</v>
      </c>
      <c r="NH17" s="119">
        <v>1388875</v>
      </c>
      <c r="NI17" s="119">
        <v>1619564</v>
      </c>
      <c r="NJ17" s="119">
        <v>1174341</v>
      </c>
      <c r="NK17" s="120">
        <v>5458838</v>
      </c>
      <c r="NL17" s="321">
        <v>5458838</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217944</v>
      </c>
      <c r="OD17" s="119">
        <v>0</v>
      </c>
      <c r="OE17" s="119">
        <v>285408</v>
      </c>
      <c r="OF17" s="119">
        <v>0</v>
      </c>
      <c r="OG17" s="120">
        <v>503352</v>
      </c>
      <c r="OH17" s="121">
        <v>503352</v>
      </c>
      <c r="OI17" s="142">
        <v>388286</v>
      </c>
      <c r="OJ17" s="119">
        <v>862027</v>
      </c>
      <c r="OK17" s="141">
        <v>1250313</v>
      </c>
      <c r="OL17" s="118">
        <v>0</v>
      </c>
      <c r="OM17" s="119">
        <v>9675473</v>
      </c>
      <c r="ON17" s="119">
        <v>10721395</v>
      </c>
      <c r="OO17" s="119">
        <v>14336965</v>
      </c>
      <c r="OP17" s="119">
        <v>15327801</v>
      </c>
      <c r="OQ17" s="119">
        <v>7157748</v>
      </c>
      <c r="OR17" s="120">
        <v>57219382</v>
      </c>
      <c r="OS17" s="143">
        <v>58469695</v>
      </c>
    </row>
    <row r="18" spans="2:409" ht="20.25" customHeight="1" x14ac:dyDescent="0.2">
      <c r="B18" s="126" t="s">
        <v>12</v>
      </c>
      <c r="C18" s="110">
        <v>921001</v>
      </c>
      <c r="D18" s="114">
        <v>1344624</v>
      </c>
      <c r="E18" s="113">
        <v>2265625</v>
      </c>
      <c r="F18" s="109">
        <v>0</v>
      </c>
      <c r="G18" s="114">
        <v>7723090</v>
      </c>
      <c r="H18" s="170">
        <v>8750266</v>
      </c>
      <c r="I18" s="170">
        <v>9814962</v>
      </c>
      <c r="J18" s="170">
        <v>7469610</v>
      </c>
      <c r="K18" s="170">
        <v>5306797</v>
      </c>
      <c r="L18" s="112">
        <v>39064725</v>
      </c>
      <c r="M18" s="116">
        <v>41330350</v>
      </c>
      <c r="N18" s="110">
        <v>391154</v>
      </c>
      <c r="O18" s="114">
        <v>531115</v>
      </c>
      <c r="P18" s="113">
        <v>922269</v>
      </c>
      <c r="Q18" s="110">
        <v>0</v>
      </c>
      <c r="R18" s="114">
        <v>2543913</v>
      </c>
      <c r="S18" s="114">
        <v>3387566</v>
      </c>
      <c r="T18" s="114">
        <v>2769198</v>
      </c>
      <c r="U18" s="114">
        <v>2749612</v>
      </c>
      <c r="V18" s="114">
        <v>3356070</v>
      </c>
      <c r="W18" s="113">
        <v>14806359</v>
      </c>
      <c r="X18" s="116">
        <v>15728628</v>
      </c>
      <c r="Y18" s="110">
        <v>0</v>
      </c>
      <c r="Z18" s="114">
        <v>0</v>
      </c>
      <c r="AA18" s="113">
        <v>0</v>
      </c>
      <c r="AB18" s="110">
        <v>0</v>
      </c>
      <c r="AC18" s="114">
        <v>1480806</v>
      </c>
      <c r="AD18" s="114">
        <v>1477854</v>
      </c>
      <c r="AE18" s="114">
        <v>1596441</v>
      </c>
      <c r="AF18" s="114">
        <v>1981951</v>
      </c>
      <c r="AG18" s="114">
        <v>2176126</v>
      </c>
      <c r="AH18" s="113">
        <v>8713178</v>
      </c>
      <c r="AI18" s="116">
        <v>8713178</v>
      </c>
      <c r="AJ18" s="110">
        <v>0</v>
      </c>
      <c r="AK18" s="114">
        <v>0</v>
      </c>
      <c r="AL18" s="113">
        <v>0</v>
      </c>
      <c r="AM18" s="110">
        <v>0</v>
      </c>
      <c r="AN18" s="114">
        <v>0</v>
      </c>
      <c r="AO18" s="114">
        <v>34231</v>
      </c>
      <c r="AP18" s="114">
        <v>57865</v>
      </c>
      <c r="AQ18" s="114">
        <v>94911</v>
      </c>
      <c r="AR18" s="114">
        <v>357784</v>
      </c>
      <c r="AS18" s="113">
        <v>544791</v>
      </c>
      <c r="AT18" s="116">
        <v>544791</v>
      </c>
      <c r="AU18" s="110">
        <v>334962</v>
      </c>
      <c r="AV18" s="114">
        <v>440251</v>
      </c>
      <c r="AW18" s="113">
        <v>775213</v>
      </c>
      <c r="AX18" s="110">
        <v>0</v>
      </c>
      <c r="AY18" s="114">
        <v>761534</v>
      </c>
      <c r="AZ18" s="114">
        <v>1248903</v>
      </c>
      <c r="BA18" s="114">
        <v>679644</v>
      </c>
      <c r="BB18" s="114">
        <v>249608</v>
      </c>
      <c r="BC18" s="114">
        <v>559545</v>
      </c>
      <c r="BD18" s="113">
        <v>3499234</v>
      </c>
      <c r="BE18" s="116">
        <v>4274447</v>
      </c>
      <c r="BF18" s="110">
        <v>0</v>
      </c>
      <c r="BG18" s="114">
        <v>0</v>
      </c>
      <c r="BH18" s="112">
        <v>0</v>
      </c>
      <c r="BI18" s="111">
        <v>0</v>
      </c>
      <c r="BJ18" s="114">
        <v>21133</v>
      </c>
      <c r="BK18" s="114">
        <v>349386</v>
      </c>
      <c r="BL18" s="114">
        <v>132744</v>
      </c>
      <c r="BM18" s="114">
        <v>32030</v>
      </c>
      <c r="BN18" s="114">
        <v>30679</v>
      </c>
      <c r="BO18" s="113">
        <v>565972</v>
      </c>
      <c r="BP18" s="116">
        <v>565972</v>
      </c>
      <c r="BQ18" s="110">
        <v>56192</v>
      </c>
      <c r="BR18" s="114">
        <v>90864</v>
      </c>
      <c r="BS18" s="113">
        <v>147056</v>
      </c>
      <c r="BT18" s="110">
        <v>0</v>
      </c>
      <c r="BU18" s="114">
        <v>280440</v>
      </c>
      <c r="BV18" s="114">
        <v>277192</v>
      </c>
      <c r="BW18" s="114">
        <v>302504</v>
      </c>
      <c r="BX18" s="114">
        <v>391112</v>
      </c>
      <c r="BY18" s="114">
        <v>231936</v>
      </c>
      <c r="BZ18" s="113">
        <v>1483184</v>
      </c>
      <c r="CA18" s="116">
        <v>1630240</v>
      </c>
      <c r="CB18" s="110">
        <v>235852</v>
      </c>
      <c r="CC18" s="114">
        <v>273832</v>
      </c>
      <c r="CD18" s="113">
        <v>509684</v>
      </c>
      <c r="CE18" s="110">
        <v>0</v>
      </c>
      <c r="CF18" s="114">
        <v>3613451</v>
      </c>
      <c r="CG18" s="114">
        <v>2522759</v>
      </c>
      <c r="CH18" s="114">
        <v>3004543</v>
      </c>
      <c r="CI18" s="114">
        <v>807257</v>
      </c>
      <c r="CJ18" s="114">
        <v>435025</v>
      </c>
      <c r="CK18" s="113">
        <v>10383035</v>
      </c>
      <c r="CL18" s="116">
        <v>10892719</v>
      </c>
      <c r="CM18" s="110">
        <v>0</v>
      </c>
      <c r="CN18" s="114">
        <v>0</v>
      </c>
      <c r="CO18" s="113">
        <v>0</v>
      </c>
      <c r="CP18" s="111">
        <v>0</v>
      </c>
      <c r="CQ18" s="114">
        <v>2748305</v>
      </c>
      <c r="CR18" s="114">
        <v>1662318</v>
      </c>
      <c r="CS18" s="114">
        <v>2035516</v>
      </c>
      <c r="CT18" s="114">
        <v>352590</v>
      </c>
      <c r="CU18" s="114">
        <v>435025</v>
      </c>
      <c r="CV18" s="113">
        <v>7233754</v>
      </c>
      <c r="CW18" s="116">
        <v>7233754</v>
      </c>
      <c r="CX18" s="110">
        <v>235852</v>
      </c>
      <c r="CY18" s="114">
        <v>273832</v>
      </c>
      <c r="CZ18" s="113">
        <v>509684</v>
      </c>
      <c r="DA18" s="110">
        <v>0</v>
      </c>
      <c r="DB18" s="114">
        <v>865146</v>
      </c>
      <c r="DC18" s="114">
        <v>860441</v>
      </c>
      <c r="DD18" s="114">
        <v>969027</v>
      </c>
      <c r="DE18" s="114">
        <v>454667</v>
      </c>
      <c r="DF18" s="114">
        <v>0</v>
      </c>
      <c r="DG18" s="113">
        <v>3149281</v>
      </c>
      <c r="DH18" s="116">
        <v>3658965</v>
      </c>
      <c r="DI18" s="110">
        <v>40950</v>
      </c>
      <c r="DJ18" s="114">
        <v>0</v>
      </c>
      <c r="DK18" s="112">
        <v>40950</v>
      </c>
      <c r="DL18" s="111">
        <v>0</v>
      </c>
      <c r="DM18" s="114">
        <v>298334</v>
      </c>
      <c r="DN18" s="114">
        <v>531167</v>
      </c>
      <c r="DO18" s="114">
        <v>791209</v>
      </c>
      <c r="DP18" s="114">
        <v>1069764</v>
      </c>
      <c r="DQ18" s="114">
        <v>288224</v>
      </c>
      <c r="DR18" s="113">
        <v>2978698</v>
      </c>
      <c r="DS18" s="116">
        <v>3019648</v>
      </c>
      <c r="DT18" s="110">
        <v>40950</v>
      </c>
      <c r="DU18" s="114">
        <v>0</v>
      </c>
      <c r="DV18" s="113">
        <v>40950</v>
      </c>
      <c r="DW18" s="110">
        <v>0</v>
      </c>
      <c r="DX18" s="114">
        <v>298334</v>
      </c>
      <c r="DY18" s="114">
        <v>462733</v>
      </c>
      <c r="DZ18" s="114">
        <v>643981</v>
      </c>
      <c r="EA18" s="114">
        <v>1069764</v>
      </c>
      <c r="EB18" s="114">
        <v>288224</v>
      </c>
      <c r="EC18" s="113">
        <v>2763036</v>
      </c>
      <c r="ED18" s="116">
        <v>2803986</v>
      </c>
      <c r="EE18" s="110">
        <v>0</v>
      </c>
      <c r="EF18" s="112">
        <v>0</v>
      </c>
      <c r="EG18" s="113">
        <v>0</v>
      </c>
      <c r="EH18" s="110">
        <v>0</v>
      </c>
      <c r="EI18" s="114">
        <v>0</v>
      </c>
      <c r="EJ18" s="114">
        <v>68434</v>
      </c>
      <c r="EK18" s="114">
        <v>147228</v>
      </c>
      <c r="EL18" s="114">
        <v>0</v>
      </c>
      <c r="EM18" s="114">
        <v>0</v>
      </c>
      <c r="EN18" s="112">
        <v>215662</v>
      </c>
      <c r="EO18" s="116">
        <v>215662</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8"/>
      <c r="FE18" s="114">
        <v>0</v>
      </c>
      <c r="FF18" s="114">
        <v>0</v>
      </c>
      <c r="FG18" s="114">
        <v>0</v>
      </c>
      <c r="FH18" s="114">
        <v>0</v>
      </c>
      <c r="FI18" s="114">
        <v>0</v>
      </c>
      <c r="FJ18" s="113">
        <v>0</v>
      </c>
      <c r="FK18" s="116">
        <v>0</v>
      </c>
      <c r="FL18" s="110">
        <v>141240</v>
      </c>
      <c r="FM18" s="114">
        <v>177376</v>
      </c>
      <c r="FN18" s="113">
        <v>318616</v>
      </c>
      <c r="FO18" s="110">
        <v>0</v>
      </c>
      <c r="FP18" s="114">
        <v>308167</v>
      </c>
      <c r="FQ18" s="114">
        <v>1002368</v>
      </c>
      <c r="FR18" s="114">
        <v>1017016</v>
      </c>
      <c r="FS18" s="114">
        <v>662904</v>
      </c>
      <c r="FT18" s="114">
        <v>489316</v>
      </c>
      <c r="FU18" s="113">
        <v>3479771</v>
      </c>
      <c r="FV18" s="116">
        <v>3798387</v>
      </c>
      <c r="FW18" s="115">
        <v>122232</v>
      </c>
      <c r="FX18" s="114">
        <v>161536</v>
      </c>
      <c r="FY18" s="112">
        <v>283768</v>
      </c>
      <c r="FZ18" s="111">
        <v>0</v>
      </c>
      <c r="GA18" s="114">
        <v>185208</v>
      </c>
      <c r="GB18" s="114">
        <v>1002368</v>
      </c>
      <c r="GC18" s="114">
        <v>988152</v>
      </c>
      <c r="GD18" s="114">
        <v>635624</v>
      </c>
      <c r="GE18" s="114">
        <v>436696</v>
      </c>
      <c r="GF18" s="113">
        <v>3248048</v>
      </c>
      <c r="GG18" s="319">
        <v>3531816</v>
      </c>
      <c r="GH18" s="115">
        <v>19008</v>
      </c>
      <c r="GI18" s="114">
        <v>15840</v>
      </c>
      <c r="GJ18" s="112">
        <v>34848</v>
      </c>
      <c r="GK18" s="111">
        <v>0</v>
      </c>
      <c r="GL18" s="114">
        <v>0</v>
      </c>
      <c r="GM18" s="114">
        <v>0</v>
      </c>
      <c r="GN18" s="114">
        <v>28864</v>
      </c>
      <c r="GO18" s="114">
        <v>27280</v>
      </c>
      <c r="GP18" s="114">
        <v>17820</v>
      </c>
      <c r="GQ18" s="113">
        <v>73964</v>
      </c>
      <c r="GR18" s="116">
        <v>108812</v>
      </c>
      <c r="GS18" s="110">
        <v>0</v>
      </c>
      <c r="GT18" s="114">
        <v>0</v>
      </c>
      <c r="GU18" s="113">
        <v>0</v>
      </c>
      <c r="GV18" s="110">
        <v>0</v>
      </c>
      <c r="GW18" s="114">
        <v>122959</v>
      </c>
      <c r="GX18" s="114">
        <v>0</v>
      </c>
      <c r="GY18" s="114">
        <v>0</v>
      </c>
      <c r="GZ18" s="114">
        <v>0</v>
      </c>
      <c r="HA18" s="114">
        <v>34800</v>
      </c>
      <c r="HB18" s="112">
        <v>157759</v>
      </c>
      <c r="HC18" s="116">
        <v>157759</v>
      </c>
      <c r="HD18" s="110">
        <v>111805</v>
      </c>
      <c r="HE18" s="114">
        <v>362301</v>
      </c>
      <c r="HF18" s="112">
        <v>474106</v>
      </c>
      <c r="HG18" s="111">
        <v>0</v>
      </c>
      <c r="HH18" s="114">
        <v>959225</v>
      </c>
      <c r="HI18" s="114">
        <v>1306406</v>
      </c>
      <c r="HJ18" s="114">
        <v>2232996</v>
      </c>
      <c r="HK18" s="114">
        <v>2180073</v>
      </c>
      <c r="HL18" s="114">
        <v>738162</v>
      </c>
      <c r="HM18" s="113">
        <v>7416862</v>
      </c>
      <c r="HN18" s="109">
        <v>7890968</v>
      </c>
      <c r="HO18" s="329"/>
      <c r="HP18" s="330"/>
      <c r="HQ18" s="331"/>
      <c r="HR18" s="332"/>
      <c r="HS18" s="330"/>
      <c r="HT18" s="330"/>
      <c r="HU18" s="330"/>
      <c r="HV18" s="330"/>
      <c r="HW18" s="330"/>
      <c r="HX18" s="333"/>
      <c r="HY18" s="334"/>
      <c r="HZ18" s="150">
        <v>0</v>
      </c>
      <c r="IA18" s="135">
        <v>0</v>
      </c>
      <c r="IB18" s="150">
        <v>0</v>
      </c>
      <c r="IC18" s="134">
        <v>0</v>
      </c>
      <c r="ID18" s="135">
        <v>2882977</v>
      </c>
      <c r="IE18" s="136">
        <v>2290332</v>
      </c>
      <c r="IF18" s="137">
        <v>3121669</v>
      </c>
      <c r="IG18" s="135">
        <v>4719358</v>
      </c>
      <c r="IH18" s="137">
        <v>1631800</v>
      </c>
      <c r="II18" s="138">
        <v>14646136</v>
      </c>
      <c r="IJ18" s="150">
        <v>14646136</v>
      </c>
      <c r="IK18" s="232">
        <v>0</v>
      </c>
      <c r="IL18" s="236">
        <v>0</v>
      </c>
      <c r="IM18" s="237">
        <v>0</v>
      </c>
      <c r="IN18" s="140"/>
      <c r="IO18" s="119">
        <v>0</v>
      </c>
      <c r="IP18" s="119">
        <v>107136</v>
      </c>
      <c r="IQ18" s="119">
        <v>0</v>
      </c>
      <c r="IR18" s="119">
        <v>0</v>
      </c>
      <c r="IS18" s="119">
        <v>0</v>
      </c>
      <c r="IT18" s="141">
        <v>107136</v>
      </c>
      <c r="IU18" s="321">
        <v>107136</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088839</v>
      </c>
      <c r="JL18" s="119">
        <v>961083</v>
      </c>
      <c r="JM18" s="119">
        <v>1067341</v>
      </c>
      <c r="JN18" s="119">
        <v>49432</v>
      </c>
      <c r="JO18" s="119">
        <v>262059</v>
      </c>
      <c r="JP18" s="120">
        <v>3428754</v>
      </c>
      <c r="JQ18" s="321">
        <v>3428754</v>
      </c>
      <c r="JR18" s="142">
        <v>0</v>
      </c>
      <c r="JS18" s="119">
        <v>0</v>
      </c>
      <c r="JT18" s="141">
        <v>0</v>
      </c>
      <c r="JU18" s="118">
        <v>0</v>
      </c>
      <c r="JV18" s="119">
        <v>0</v>
      </c>
      <c r="JW18" s="119">
        <v>0</v>
      </c>
      <c r="JX18" s="119">
        <v>0</v>
      </c>
      <c r="JY18" s="119">
        <v>0</v>
      </c>
      <c r="JZ18" s="119">
        <v>0</v>
      </c>
      <c r="KA18" s="120">
        <v>0</v>
      </c>
      <c r="KB18" s="321">
        <v>0</v>
      </c>
      <c r="KC18" s="234">
        <v>0</v>
      </c>
      <c r="KD18" s="230">
        <v>0</v>
      </c>
      <c r="KE18" s="120">
        <v>0</v>
      </c>
      <c r="KF18" s="118">
        <v>0</v>
      </c>
      <c r="KG18" s="119">
        <v>340279</v>
      </c>
      <c r="KH18" s="119">
        <v>164242</v>
      </c>
      <c r="KI18" s="119">
        <v>1066204</v>
      </c>
      <c r="KJ18" s="119">
        <v>1574410</v>
      </c>
      <c r="KK18" s="119">
        <v>487333</v>
      </c>
      <c r="KL18" s="120">
        <v>3632468</v>
      </c>
      <c r="KM18" s="143">
        <v>3632468</v>
      </c>
      <c r="KN18" s="232">
        <v>0</v>
      </c>
      <c r="KO18" s="236">
        <v>0</v>
      </c>
      <c r="KP18" s="237">
        <v>0</v>
      </c>
      <c r="KQ18" s="140"/>
      <c r="KR18" s="119">
        <v>1321495</v>
      </c>
      <c r="KS18" s="119">
        <v>706853</v>
      </c>
      <c r="KT18" s="119">
        <v>727996</v>
      </c>
      <c r="KU18" s="119">
        <v>1239357</v>
      </c>
      <c r="KV18" s="119">
        <v>251125</v>
      </c>
      <c r="KW18" s="120">
        <v>4246826</v>
      </c>
      <c r="KX18" s="321">
        <v>4246826</v>
      </c>
      <c r="KY18" s="142">
        <v>0</v>
      </c>
      <c r="KZ18" s="119">
        <v>0</v>
      </c>
      <c r="LA18" s="120">
        <v>0</v>
      </c>
      <c r="LB18" s="145"/>
      <c r="LC18" s="119">
        <v>0</v>
      </c>
      <c r="LD18" s="119">
        <v>351018</v>
      </c>
      <c r="LE18" s="119">
        <v>0</v>
      </c>
      <c r="LF18" s="119">
        <v>851580</v>
      </c>
      <c r="LG18" s="119">
        <v>0</v>
      </c>
      <c r="LH18" s="120">
        <v>1202598</v>
      </c>
      <c r="LI18" s="121">
        <v>1202598</v>
      </c>
      <c r="LJ18" s="142">
        <v>0</v>
      </c>
      <c r="LK18" s="119">
        <v>0</v>
      </c>
      <c r="LL18" s="120">
        <v>0</v>
      </c>
      <c r="LM18" s="145"/>
      <c r="LN18" s="119">
        <v>0</v>
      </c>
      <c r="LO18" s="119">
        <v>0</v>
      </c>
      <c r="LP18" s="119">
        <v>0</v>
      </c>
      <c r="LQ18" s="119">
        <v>13701</v>
      </c>
      <c r="LR18" s="119">
        <v>283404</v>
      </c>
      <c r="LS18" s="120">
        <v>297105</v>
      </c>
      <c r="LT18" s="321">
        <v>297105</v>
      </c>
      <c r="LU18" s="142">
        <v>0</v>
      </c>
      <c r="LV18" s="119">
        <v>0</v>
      </c>
      <c r="LW18" s="120">
        <v>0</v>
      </c>
      <c r="LX18" s="145">
        <v>0</v>
      </c>
      <c r="LY18" s="119">
        <v>132364</v>
      </c>
      <c r="LZ18" s="119">
        <v>0</v>
      </c>
      <c r="MA18" s="119">
        <v>260128</v>
      </c>
      <c r="MB18" s="119">
        <v>990878</v>
      </c>
      <c r="MC18" s="119">
        <v>347879</v>
      </c>
      <c r="MD18" s="120">
        <v>1731249</v>
      </c>
      <c r="ME18" s="121">
        <v>1731249</v>
      </c>
      <c r="MF18" s="142">
        <v>0</v>
      </c>
      <c r="MG18" s="119">
        <v>0</v>
      </c>
      <c r="MH18" s="120">
        <v>0</v>
      </c>
      <c r="MI18" s="145"/>
      <c r="MJ18" s="119">
        <v>721733</v>
      </c>
      <c r="MK18" s="119">
        <v>600485</v>
      </c>
      <c r="ML18" s="119">
        <v>3107758</v>
      </c>
      <c r="MM18" s="119">
        <v>6202454</v>
      </c>
      <c r="MN18" s="119">
        <v>1907262</v>
      </c>
      <c r="MO18" s="120">
        <v>12539692</v>
      </c>
      <c r="MP18" s="143">
        <v>12539692</v>
      </c>
      <c r="MQ18" s="142">
        <v>0</v>
      </c>
      <c r="MR18" s="119">
        <v>0</v>
      </c>
      <c r="MS18" s="120">
        <v>0</v>
      </c>
      <c r="MT18" s="145">
        <v>0</v>
      </c>
      <c r="MU18" s="119">
        <v>0</v>
      </c>
      <c r="MV18" s="119">
        <v>0</v>
      </c>
      <c r="MW18" s="119">
        <v>1717321</v>
      </c>
      <c r="MX18" s="119">
        <v>3284271</v>
      </c>
      <c r="MY18" s="119">
        <v>1088955</v>
      </c>
      <c r="MZ18" s="120">
        <v>6090547</v>
      </c>
      <c r="NA18" s="143">
        <v>6090547</v>
      </c>
      <c r="NB18" s="142">
        <v>0</v>
      </c>
      <c r="NC18" s="119">
        <v>0</v>
      </c>
      <c r="ND18" s="120">
        <v>0</v>
      </c>
      <c r="NE18" s="145"/>
      <c r="NF18" s="119">
        <v>721733</v>
      </c>
      <c r="NG18" s="119">
        <v>600485</v>
      </c>
      <c r="NH18" s="119">
        <v>1390437</v>
      </c>
      <c r="NI18" s="119">
        <v>2584363</v>
      </c>
      <c r="NJ18" s="119">
        <v>818307</v>
      </c>
      <c r="NK18" s="120">
        <v>6115325</v>
      </c>
      <c r="NL18" s="321">
        <v>6115325</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33820</v>
      </c>
      <c r="OF18" s="119">
        <v>0</v>
      </c>
      <c r="OG18" s="120">
        <v>333820</v>
      </c>
      <c r="OH18" s="121">
        <v>333820</v>
      </c>
      <c r="OI18" s="142">
        <v>921001</v>
      </c>
      <c r="OJ18" s="119">
        <v>1344624</v>
      </c>
      <c r="OK18" s="141">
        <v>2265625</v>
      </c>
      <c r="OL18" s="118">
        <v>0</v>
      </c>
      <c r="OM18" s="119">
        <v>11327800</v>
      </c>
      <c r="ON18" s="119">
        <v>11641083</v>
      </c>
      <c r="OO18" s="119">
        <v>16044389</v>
      </c>
      <c r="OP18" s="119">
        <v>18391422</v>
      </c>
      <c r="OQ18" s="119">
        <v>8845859</v>
      </c>
      <c r="OR18" s="120">
        <v>66250553</v>
      </c>
      <c r="OS18" s="143">
        <v>68516178</v>
      </c>
    </row>
    <row r="19" spans="2:409" ht="20.25" customHeight="1" x14ac:dyDescent="0.2">
      <c r="B19" s="126" t="s">
        <v>13</v>
      </c>
      <c r="C19" s="110">
        <v>136932</v>
      </c>
      <c r="D19" s="114">
        <v>159139</v>
      </c>
      <c r="E19" s="113">
        <v>296071</v>
      </c>
      <c r="F19" s="110">
        <v>0</v>
      </c>
      <c r="G19" s="170">
        <v>2809519</v>
      </c>
      <c r="H19" s="114">
        <v>4859835</v>
      </c>
      <c r="I19" s="114">
        <v>3549331</v>
      </c>
      <c r="J19" s="114">
        <v>5653780</v>
      </c>
      <c r="K19" s="114">
        <v>4293713</v>
      </c>
      <c r="L19" s="112">
        <v>21166178</v>
      </c>
      <c r="M19" s="116">
        <v>21462249</v>
      </c>
      <c r="N19" s="110">
        <v>87430</v>
      </c>
      <c r="O19" s="114">
        <v>27300</v>
      </c>
      <c r="P19" s="113">
        <v>114730</v>
      </c>
      <c r="Q19" s="110">
        <v>0</v>
      </c>
      <c r="R19" s="114">
        <v>879928</v>
      </c>
      <c r="S19" s="114">
        <v>1500113</v>
      </c>
      <c r="T19" s="114">
        <v>1353537</v>
      </c>
      <c r="U19" s="114">
        <v>2344863</v>
      </c>
      <c r="V19" s="114">
        <v>2041397</v>
      </c>
      <c r="W19" s="113">
        <v>8119838</v>
      </c>
      <c r="X19" s="116">
        <v>8234568</v>
      </c>
      <c r="Y19" s="110">
        <v>0</v>
      </c>
      <c r="Z19" s="114">
        <v>0</v>
      </c>
      <c r="AA19" s="113">
        <v>0</v>
      </c>
      <c r="AB19" s="110">
        <v>0</v>
      </c>
      <c r="AC19" s="114">
        <v>509388</v>
      </c>
      <c r="AD19" s="114">
        <v>820098</v>
      </c>
      <c r="AE19" s="114">
        <v>904608</v>
      </c>
      <c r="AF19" s="114">
        <v>1470848</v>
      </c>
      <c r="AG19" s="114">
        <v>1098322</v>
      </c>
      <c r="AH19" s="113">
        <v>4803264</v>
      </c>
      <c r="AI19" s="116">
        <v>4803264</v>
      </c>
      <c r="AJ19" s="110">
        <v>0</v>
      </c>
      <c r="AK19" s="114">
        <v>0</v>
      </c>
      <c r="AL19" s="113">
        <v>0</v>
      </c>
      <c r="AM19" s="110">
        <v>0</v>
      </c>
      <c r="AN19" s="114">
        <v>0</v>
      </c>
      <c r="AO19" s="114">
        <v>0</v>
      </c>
      <c r="AP19" s="114">
        <v>0</v>
      </c>
      <c r="AQ19" s="114">
        <v>94400</v>
      </c>
      <c r="AR19" s="114">
        <v>326822</v>
      </c>
      <c r="AS19" s="113">
        <v>421222</v>
      </c>
      <c r="AT19" s="116">
        <v>421222</v>
      </c>
      <c r="AU19" s="110">
        <v>45590</v>
      </c>
      <c r="AV19" s="114">
        <v>19772</v>
      </c>
      <c r="AW19" s="113">
        <v>65362</v>
      </c>
      <c r="AX19" s="110">
        <v>0</v>
      </c>
      <c r="AY19" s="114">
        <v>148111</v>
      </c>
      <c r="AZ19" s="114">
        <v>456982</v>
      </c>
      <c r="BA19" s="114">
        <v>318185</v>
      </c>
      <c r="BB19" s="114">
        <v>477818</v>
      </c>
      <c r="BC19" s="114">
        <v>335771</v>
      </c>
      <c r="BD19" s="113">
        <v>1736867</v>
      </c>
      <c r="BE19" s="116">
        <v>1802229</v>
      </c>
      <c r="BF19" s="110">
        <v>0</v>
      </c>
      <c r="BG19" s="114">
        <v>0</v>
      </c>
      <c r="BH19" s="112">
        <v>0</v>
      </c>
      <c r="BI19" s="111">
        <v>0</v>
      </c>
      <c r="BJ19" s="114">
        <v>73373</v>
      </c>
      <c r="BK19" s="114">
        <v>24457</v>
      </c>
      <c r="BL19" s="114">
        <v>0</v>
      </c>
      <c r="BM19" s="114">
        <v>21933</v>
      </c>
      <c r="BN19" s="114">
        <v>16450</v>
      </c>
      <c r="BO19" s="113">
        <v>136213</v>
      </c>
      <c r="BP19" s="116">
        <v>136213</v>
      </c>
      <c r="BQ19" s="110">
        <v>41840</v>
      </c>
      <c r="BR19" s="114">
        <v>7528</v>
      </c>
      <c r="BS19" s="113">
        <v>49368</v>
      </c>
      <c r="BT19" s="110">
        <v>0</v>
      </c>
      <c r="BU19" s="114">
        <v>149056</v>
      </c>
      <c r="BV19" s="114">
        <v>198576</v>
      </c>
      <c r="BW19" s="114">
        <v>130744</v>
      </c>
      <c r="BX19" s="114">
        <v>279864</v>
      </c>
      <c r="BY19" s="114">
        <v>264032</v>
      </c>
      <c r="BZ19" s="113">
        <v>1022272</v>
      </c>
      <c r="CA19" s="116">
        <v>1071640</v>
      </c>
      <c r="CB19" s="110">
        <v>0</v>
      </c>
      <c r="CC19" s="114">
        <v>80831</v>
      </c>
      <c r="CD19" s="113">
        <v>80831</v>
      </c>
      <c r="CE19" s="110">
        <v>0</v>
      </c>
      <c r="CF19" s="114">
        <v>699837</v>
      </c>
      <c r="CG19" s="114">
        <v>1380411</v>
      </c>
      <c r="CH19" s="114">
        <v>1085457</v>
      </c>
      <c r="CI19" s="114">
        <v>1082776</v>
      </c>
      <c r="CJ19" s="114">
        <v>181532</v>
      </c>
      <c r="CK19" s="113">
        <v>4430013</v>
      </c>
      <c r="CL19" s="116">
        <v>4510844</v>
      </c>
      <c r="CM19" s="110">
        <v>0</v>
      </c>
      <c r="CN19" s="114">
        <v>0</v>
      </c>
      <c r="CO19" s="113">
        <v>0</v>
      </c>
      <c r="CP19" s="111">
        <v>0</v>
      </c>
      <c r="CQ19" s="114">
        <v>609117</v>
      </c>
      <c r="CR19" s="114">
        <v>1151895</v>
      </c>
      <c r="CS19" s="114">
        <v>926647</v>
      </c>
      <c r="CT19" s="114">
        <v>799823</v>
      </c>
      <c r="CU19" s="114">
        <v>181532</v>
      </c>
      <c r="CV19" s="113">
        <v>3669014</v>
      </c>
      <c r="CW19" s="116">
        <v>3669014</v>
      </c>
      <c r="CX19" s="110">
        <v>0</v>
      </c>
      <c r="CY19" s="114">
        <v>80831</v>
      </c>
      <c r="CZ19" s="113">
        <v>80831</v>
      </c>
      <c r="DA19" s="110">
        <v>0</v>
      </c>
      <c r="DB19" s="114">
        <v>90720</v>
      </c>
      <c r="DC19" s="114">
        <v>228516</v>
      </c>
      <c r="DD19" s="114">
        <v>158810</v>
      </c>
      <c r="DE19" s="114">
        <v>282953</v>
      </c>
      <c r="DF19" s="114">
        <v>0</v>
      </c>
      <c r="DG19" s="113">
        <v>760999</v>
      </c>
      <c r="DH19" s="116">
        <v>841830</v>
      </c>
      <c r="DI19" s="110">
        <v>0</v>
      </c>
      <c r="DJ19" s="114">
        <v>0</v>
      </c>
      <c r="DK19" s="112">
        <v>0</v>
      </c>
      <c r="DL19" s="111">
        <v>0</v>
      </c>
      <c r="DM19" s="114">
        <v>147806</v>
      </c>
      <c r="DN19" s="114">
        <v>374710</v>
      </c>
      <c r="DO19" s="114">
        <v>299873</v>
      </c>
      <c r="DP19" s="114">
        <v>488580</v>
      </c>
      <c r="DQ19" s="114">
        <v>126241</v>
      </c>
      <c r="DR19" s="113">
        <v>1437210</v>
      </c>
      <c r="DS19" s="116">
        <v>1437210</v>
      </c>
      <c r="DT19" s="110">
        <v>0</v>
      </c>
      <c r="DU19" s="114">
        <v>0</v>
      </c>
      <c r="DV19" s="113">
        <v>0</v>
      </c>
      <c r="DW19" s="110">
        <v>0</v>
      </c>
      <c r="DX19" s="114">
        <v>147806</v>
      </c>
      <c r="DY19" s="114">
        <v>137511</v>
      </c>
      <c r="DZ19" s="114">
        <v>299873</v>
      </c>
      <c r="EA19" s="114">
        <v>488580</v>
      </c>
      <c r="EB19" s="114">
        <v>126241</v>
      </c>
      <c r="EC19" s="113">
        <v>1200011</v>
      </c>
      <c r="ED19" s="116">
        <v>1200011</v>
      </c>
      <c r="EE19" s="110">
        <v>0</v>
      </c>
      <c r="EF19" s="112">
        <v>0</v>
      </c>
      <c r="EG19" s="113">
        <v>0</v>
      </c>
      <c r="EH19" s="110">
        <v>0</v>
      </c>
      <c r="EI19" s="114">
        <v>0</v>
      </c>
      <c r="EJ19" s="114">
        <v>237199</v>
      </c>
      <c r="EK19" s="114">
        <v>0</v>
      </c>
      <c r="EL19" s="114">
        <v>0</v>
      </c>
      <c r="EM19" s="114">
        <v>0</v>
      </c>
      <c r="EN19" s="112">
        <v>237199</v>
      </c>
      <c r="EO19" s="116">
        <v>237199</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8"/>
      <c r="FE19" s="114">
        <v>0</v>
      </c>
      <c r="FF19" s="114">
        <v>0</v>
      </c>
      <c r="FG19" s="114">
        <v>0</v>
      </c>
      <c r="FH19" s="114">
        <v>0</v>
      </c>
      <c r="FI19" s="114">
        <v>0</v>
      </c>
      <c r="FJ19" s="113">
        <v>0</v>
      </c>
      <c r="FK19" s="116">
        <v>0</v>
      </c>
      <c r="FL19" s="110">
        <v>15168</v>
      </c>
      <c r="FM19" s="114">
        <v>51008</v>
      </c>
      <c r="FN19" s="113">
        <v>66176</v>
      </c>
      <c r="FO19" s="110">
        <v>0</v>
      </c>
      <c r="FP19" s="114">
        <v>207200</v>
      </c>
      <c r="FQ19" s="114">
        <v>395252</v>
      </c>
      <c r="FR19" s="114">
        <v>251200</v>
      </c>
      <c r="FS19" s="114">
        <v>284632</v>
      </c>
      <c r="FT19" s="114">
        <v>140224</v>
      </c>
      <c r="FU19" s="113">
        <v>1278508</v>
      </c>
      <c r="FV19" s="116">
        <v>1344684</v>
      </c>
      <c r="FW19" s="115">
        <v>15168</v>
      </c>
      <c r="FX19" s="114">
        <v>51008</v>
      </c>
      <c r="FY19" s="112">
        <v>66176</v>
      </c>
      <c r="FZ19" s="111">
        <v>0</v>
      </c>
      <c r="GA19" s="114">
        <v>148544</v>
      </c>
      <c r="GB19" s="114">
        <v>340160</v>
      </c>
      <c r="GC19" s="114">
        <v>251200</v>
      </c>
      <c r="GD19" s="114">
        <v>284632</v>
      </c>
      <c r="GE19" s="114">
        <v>140224</v>
      </c>
      <c r="GF19" s="113">
        <v>1164760</v>
      </c>
      <c r="GG19" s="319">
        <v>1230936</v>
      </c>
      <c r="GH19" s="115">
        <v>0</v>
      </c>
      <c r="GI19" s="114">
        <v>0</v>
      </c>
      <c r="GJ19" s="112">
        <v>0</v>
      </c>
      <c r="GK19" s="111">
        <v>0</v>
      </c>
      <c r="GL19" s="114">
        <v>18656</v>
      </c>
      <c r="GM19" s="114">
        <v>32300</v>
      </c>
      <c r="GN19" s="114">
        <v>0</v>
      </c>
      <c r="GO19" s="114">
        <v>0</v>
      </c>
      <c r="GP19" s="114">
        <v>0</v>
      </c>
      <c r="GQ19" s="113">
        <v>50956</v>
      </c>
      <c r="GR19" s="116">
        <v>50956</v>
      </c>
      <c r="GS19" s="110">
        <v>0</v>
      </c>
      <c r="GT19" s="114">
        <v>0</v>
      </c>
      <c r="GU19" s="113">
        <v>0</v>
      </c>
      <c r="GV19" s="110">
        <v>0</v>
      </c>
      <c r="GW19" s="114">
        <v>40000</v>
      </c>
      <c r="GX19" s="114">
        <v>22792</v>
      </c>
      <c r="GY19" s="114">
        <v>0</v>
      </c>
      <c r="GZ19" s="114">
        <v>0</v>
      </c>
      <c r="HA19" s="114">
        <v>0</v>
      </c>
      <c r="HB19" s="112">
        <v>62792</v>
      </c>
      <c r="HC19" s="116">
        <v>62792</v>
      </c>
      <c r="HD19" s="110">
        <v>34334</v>
      </c>
      <c r="HE19" s="114">
        <v>0</v>
      </c>
      <c r="HF19" s="112">
        <v>34334</v>
      </c>
      <c r="HG19" s="111">
        <v>0</v>
      </c>
      <c r="HH19" s="114">
        <v>874748</v>
      </c>
      <c r="HI19" s="114">
        <v>1209349</v>
      </c>
      <c r="HJ19" s="114">
        <v>559264</v>
      </c>
      <c r="HK19" s="114">
        <v>1452929</v>
      </c>
      <c r="HL19" s="114">
        <v>1804319</v>
      </c>
      <c r="HM19" s="113">
        <v>5900609</v>
      </c>
      <c r="HN19" s="109">
        <v>5934943</v>
      </c>
      <c r="HO19" s="329"/>
      <c r="HP19" s="330"/>
      <c r="HQ19" s="331"/>
      <c r="HR19" s="332"/>
      <c r="HS19" s="330"/>
      <c r="HT19" s="330"/>
      <c r="HU19" s="330"/>
      <c r="HV19" s="330"/>
      <c r="HW19" s="330"/>
      <c r="HX19" s="333"/>
      <c r="HY19" s="334"/>
      <c r="HZ19" s="131">
        <v>0</v>
      </c>
      <c r="IA19" s="132">
        <v>0</v>
      </c>
      <c r="IB19" s="133">
        <v>0</v>
      </c>
      <c r="IC19" s="146">
        <v>0</v>
      </c>
      <c r="ID19" s="132">
        <v>803516</v>
      </c>
      <c r="IE19" s="147">
        <v>597120</v>
      </c>
      <c r="IF19" s="133">
        <v>261920</v>
      </c>
      <c r="IG19" s="132">
        <v>1243567</v>
      </c>
      <c r="IH19" s="133">
        <v>157875</v>
      </c>
      <c r="II19" s="148">
        <v>3063998</v>
      </c>
      <c r="IJ19" s="139">
        <v>3063998</v>
      </c>
      <c r="IK19" s="232">
        <v>0</v>
      </c>
      <c r="IL19" s="236">
        <v>0</v>
      </c>
      <c r="IM19" s="237">
        <v>0</v>
      </c>
      <c r="IN19" s="140"/>
      <c r="IO19" s="119">
        <v>0</v>
      </c>
      <c r="IP19" s="119">
        <v>0</v>
      </c>
      <c r="IQ19" s="119">
        <v>0</v>
      </c>
      <c r="IR19" s="119">
        <v>0</v>
      </c>
      <c r="IS19" s="119">
        <v>0</v>
      </c>
      <c r="IT19" s="141">
        <v>0</v>
      </c>
      <c r="IU19" s="321">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407863</v>
      </c>
      <c r="JL19" s="119">
        <v>381227</v>
      </c>
      <c r="JM19" s="119">
        <v>55464</v>
      </c>
      <c r="JN19" s="119">
        <v>12849</v>
      </c>
      <c r="JO19" s="119">
        <v>103083</v>
      </c>
      <c r="JP19" s="120">
        <v>960486</v>
      </c>
      <c r="JQ19" s="321">
        <v>960486</v>
      </c>
      <c r="JR19" s="142">
        <v>0</v>
      </c>
      <c r="JS19" s="119">
        <v>0</v>
      </c>
      <c r="JT19" s="141">
        <v>0</v>
      </c>
      <c r="JU19" s="118">
        <v>0</v>
      </c>
      <c r="JV19" s="119">
        <v>0</v>
      </c>
      <c r="JW19" s="119">
        <v>42332</v>
      </c>
      <c r="JX19" s="119">
        <v>0</v>
      </c>
      <c r="JY19" s="119">
        <v>52173</v>
      </c>
      <c r="JZ19" s="119">
        <v>54792</v>
      </c>
      <c r="KA19" s="120">
        <v>149297</v>
      </c>
      <c r="KB19" s="321">
        <v>149297</v>
      </c>
      <c r="KC19" s="234">
        <v>0</v>
      </c>
      <c r="KD19" s="230">
        <v>0</v>
      </c>
      <c r="KE19" s="120">
        <v>0</v>
      </c>
      <c r="KF19" s="118">
        <v>0</v>
      </c>
      <c r="KG19" s="119">
        <v>177712</v>
      </c>
      <c r="KH19" s="119">
        <v>173561</v>
      </c>
      <c r="KI19" s="119">
        <v>0</v>
      </c>
      <c r="KJ19" s="119">
        <v>253204</v>
      </c>
      <c r="KK19" s="119">
        <v>0</v>
      </c>
      <c r="KL19" s="120">
        <v>604477</v>
      </c>
      <c r="KM19" s="143">
        <v>604477</v>
      </c>
      <c r="KN19" s="232">
        <v>0</v>
      </c>
      <c r="KO19" s="236">
        <v>0</v>
      </c>
      <c r="KP19" s="237">
        <v>0</v>
      </c>
      <c r="KQ19" s="140"/>
      <c r="KR19" s="119">
        <v>217941</v>
      </c>
      <c r="KS19" s="119">
        <v>0</v>
      </c>
      <c r="KT19" s="119">
        <v>206456</v>
      </c>
      <c r="KU19" s="119">
        <v>717046</v>
      </c>
      <c r="KV19" s="119">
        <v>0</v>
      </c>
      <c r="KW19" s="120">
        <v>1141443</v>
      </c>
      <c r="KX19" s="321">
        <v>1141443</v>
      </c>
      <c r="KY19" s="142">
        <v>0</v>
      </c>
      <c r="KZ19" s="119">
        <v>0</v>
      </c>
      <c r="LA19" s="120">
        <v>0</v>
      </c>
      <c r="LB19" s="145"/>
      <c r="LC19" s="119">
        <v>0</v>
      </c>
      <c r="LD19" s="119">
        <v>0</v>
      </c>
      <c r="LE19" s="119">
        <v>0</v>
      </c>
      <c r="LF19" s="119">
        <v>208295</v>
      </c>
      <c r="LG19" s="119">
        <v>0</v>
      </c>
      <c r="LH19" s="120">
        <v>208295</v>
      </c>
      <c r="LI19" s="121">
        <v>208295</v>
      </c>
      <c r="LJ19" s="142">
        <v>0</v>
      </c>
      <c r="LK19" s="119">
        <v>0</v>
      </c>
      <c r="LL19" s="120">
        <v>0</v>
      </c>
      <c r="LM19" s="145"/>
      <c r="LN19" s="119">
        <v>0</v>
      </c>
      <c r="LO19" s="119">
        <v>0</v>
      </c>
      <c r="LP19" s="119">
        <v>0</v>
      </c>
      <c r="LQ19" s="119">
        <v>0</v>
      </c>
      <c r="LR19" s="119">
        <v>0</v>
      </c>
      <c r="LS19" s="120">
        <v>0</v>
      </c>
      <c r="LT19" s="321">
        <v>0</v>
      </c>
      <c r="LU19" s="142">
        <v>0</v>
      </c>
      <c r="LV19" s="119">
        <v>0</v>
      </c>
      <c r="LW19" s="120">
        <v>0</v>
      </c>
      <c r="LX19" s="145">
        <v>0</v>
      </c>
      <c r="LY19" s="119">
        <v>0</v>
      </c>
      <c r="LZ19" s="119">
        <v>0</v>
      </c>
      <c r="MA19" s="119">
        <v>0</v>
      </c>
      <c r="MB19" s="119">
        <v>0</v>
      </c>
      <c r="MC19" s="119">
        <v>0</v>
      </c>
      <c r="MD19" s="120">
        <v>0</v>
      </c>
      <c r="ME19" s="121">
        <v>0</v>
      </c>
      <c r="MF19" s="142">
        <v>0</v>
      </c>
      <c r="MG19" s="119">
        <v>0</v>
      </c>
      <c r="MH19" s="120">
        <v>0</v>
      </c>
      <c r="MI19" s="145"/>
      <c r="MJ19" s="119">
        <v>426286</v>
      </c>
      <c r="MK19" s="119">
        <v>729423</v>
      </c>
      <c r="ML19" s="119">
        <v>1031333</v>
      </c>
      <c r="MM19" s="119">
        <v>3119263</v>
      </c>
      <c r="MN19" s="119">
        <v>1940939</v>
      </c>
      <c r="MO19" s="120">
        <v>7247244</v>
      </c>
      <c r="MP19" s="143">
        <v>7247244</v>
      </c>
      <c r="MQ19" s="142">
        <v>0</v>
      </c>
      <c r="MR19" s="119">
        <v>0</v>
      </c>
      <c r="MS19" s="120">
        <v>0</v>
      </c>
      <c r="MT19" s="145">
        <v>0</v>
      </c>
      <c r="MU19" s="119">
        <v>199160</v>
      </c>
      <c r="MV19" s="119">
        <v>0</v>
      </c>
      <c r="MW19" s="119">
        <v>507511</v>
      </c>
      <c r="MX19" s="119">
        <v>2137155</v>
      </c>
      <c r="MY19" s="119">
        <v>1552309</v>
      </c>
      <c r="MZ19" s="120">
        <v>4396135</v>
      </c>
      <c r="NA19" s="143">
        <v>4396135</v>
      </c>
      <c r="NB19" s="142">
        <v>0</v>
      </c>
      <c r="NC19" s="119">
        <v>0</v>
      </c>
      <c r="ND19" s="120">
        <v>0</v>
      </c>
      <c r="NE19" s="145"/>
      <c r="NF19" s="119">
        <v>227126</v>
      </c>
      <c r="NG19" s="119">
        <v>729423</v>
      </c>
      <c r="NH19" s="119">
        <v>523822</v>
      </c>
      <c r="NI19" s="119">
        <v>982108</v>
      </c>
      <c r="NJ19" s="119">
        <v>388630</v>
      </c>
      <c r="NK19" s="120">
        <v>2851109</v>
      </c>
      <c r="NL19" s="321">
        <v>2851109</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36932</v>
      </c>
      <c r="OJ19" s="119">
        <v>159139</v>
      </c>
      <c r="OK19" s="141">
        <v>296071</v>
      </c>
      <c r="OL19" s="118">
        <v>0</v>
      </c>
      <c r="OM19" s="119">
        <v>4039321</v>
      </c>
      <c r="ON19" s="119">
        <v>6186378</v>
      </c>
      <c r="OO19" s="119">
        <v>4842584</v>
      </c>
      <c r="OP19" s="119">
        <v>10016610</v>
      </c>
      <c r="OQ19" s="119">
        <v>6392527</v>
      </c>
      <c r="OR19" s="120">
        <v>31477420</v>
      </c>
      <c r="OS19" s="143">
        <v>31773491</v>
      </c>
    </row>
    <row r="20" spans="2:409" ht="20.25" customHeight="1" x14ac:dyDescent="0.2">
      <c r="B20" s="126" t="s">
        <v>15</v>
      </c>
      <c r="C20" s="110">
        <v>184067</v>
      </c>
      <c r="D20" s="114">
        <v>243330</v>
      </c>
      <c r="E20" s="113">
        <v>427397</v>
      </c>
      <c r="F20" s="109">
        <v>0</v>
      </c>
      <c r="G20" s="114">
        <v>1169954</v>
      </c>
      <c r="H20" s="114">
        <v>1838162</v>
      </c>
      <c r="I20" s="114">
        <v>2602332</v>
      </c>
      <c r="J20" s="114">
        <v>1234136</v>
      </c>
      <c r="K20" s="114">
        <v>894394</v>
      </c>
      <c r="L20" s="109">
        <v>7738978</v>
      </c>
      <c r="M20" s="116">
        <v>8166375</v>
      </c>
      <c r="N20" s="110">
        <v>10912</v>
      </c>
      <c r="O20" s="114">
        <v>19379</v>
      </c>
      <c r="P20" s="113">
        <v>30291</v>
      </c>
      <c r="Q20" s="110">
        <v>0</v>
      </c>
      <c r="R20" s="114">
        <v>316600</v>
      </c>
      <c r="S20" s="114">
        <v>592517</v>
      </c>
      <c r="T20" s="114">
        <v>790819</v>
      </c>
      <c r="U20" s="114">
        <v>501003</v>
      </c>
      <c r="V20" s="114">
        <v>326009</v>
      </c>
      <c r="W20" s="113">
        <v>2526948</v>
      </c>
      <c r="X20" s="116">
        <v>2557239</v>
      </c>
      <c r="Y20" s="110">
        <v>0</v>
      </c>
      <c r="Z20" s="114">
        <v>0</v>
      </c>
      <c r="AA20" s="113">
        <v>0</v>
      </c>
      <c r="AB20" s="110">
        <v>0</v>
      </c>
      <c r="AC20" s="114">
        <v>147685</v>
      </c>
      <c r="AD20" s="114">
        <v>171253</v>
      </c>
      <c r="AE20" s="114">
        <v>663611</v>
      </c>
      <c r="AF20" s="114">
        <v>21456</v>
      </c>
      <c r="AG20" s="114">
        <v>244935</v>
      </c>
      <c r="AH20" s="113">
        <v>1248940</v>
      </c>
      <c r="AI20" s="116">
        <v>1248940</v>
      </c>
      <c r="AJ20" s="110">
        <v>0</v>
      </c>
      <c r="AK20" s="114">
        <v>0</v>
      </c>
      <c r="AL20" s="113">
        <v>0</v>
      </c>
      <c r="AM20" s="110">
        <v>0</v>
      </c>
      <c r="AN20" s="114">
        <v>0</v>
      </c>
      <c r="AO20" s="114">
        <v>0</v>
      </c>
      <c r="AP20" s="114">
        <v>0</v>
      </c>
      <c r="AQ20" s="114">
        <v>282218</v>
      </c>
      <c r="AR20" s="114">
        <v>0</v>
      </c>
      <c r="AS20" s="113">
        <v>282218</v>
      </c>
      <c r="AT20" s="116">
        <v>282218</v>
      </c>
      <c r="AU20" s="110">
        <v>0</v>
      </c>
      <c r="AV20" s="114">
        <v>19379</v>
      </c>
      <c r="AW20" s="113">
        <v>19379</v>
      </c>
      <c r="AX20" s="110">
        <v>0</v>
      </c>
      <c r="AY20" s="114">
        <v>87725</v>
      </c>
      <c r="AZ20" s="114">
        <v>297585</v>
      </c>
      <c r="BA20" s="114">
        <v>36160</v>
      </c>
      <c r="BB20" s="114">
        <v>168873</v>
      </c>
      <c r="BC20" s="114">
        <v>28059</v>
      </c>
      <c r="BD20" s="113">
        <v>618402</v>
      </c>
      <c r="BE20" s="116">
        <v>637781</v>
      </c>
      <c r="BF20" s="110">
        <v>0</v>
      </c>
      <c r="BG20" s="114">
        <v>0</v>
      </c>
      <c r="BH20" s="112">
        <v>0</v>
      </c>
      <c r="BI20" s="111">
        <v>0</v>
      </c>
      <c r="BJ20" s="114">
        <v>27134</v>
      </c>
      <c r="BK20" s="114">
        <v>31039</v>
      </c>
      <c r="BL20" s="114">
        <v>0</v>
      </c>
      <c r="BM20" s="114">
        <v>0</v>
      </c>
      <c r="BN20" s="114">
        <v>31039</v>
      </c>
      <c r="BO20" s="113">
        <v>89212</v>
      </c>
      <c r="BP20" s="116">
        <v>89212</v>
      </c>
      <c r="BQ20" s="110">
        <v>10912</v>
      </c>
      <c r="BR20" s="114">
        <v>0</v>
      </c>
      <c r="BS20" s="113">
        <v>10912</v>
      </c>
      <c r="BT20" s="110">
        <v>0</v>
      </c>
      <c r="BU20" s="114">
        <v>54056</v>
      </c>
      <c r="BV20" s="114">
        <v>92640</v>
      </c>
      <c r="BW20" s="114">
        <v>91048</v>
      </c>
      <c r="BX20" s="114">
        <v>28456</v>
      </c>
      <c r="BY20" s="114">
        <v>21976</v>
      </c>
      <c r="BZ20" s="113">
        <v>288176</v>
      </c>
      <c r="CA20" s="116">
        <v>299088</v>
      </c>
      <c r="CB20" s="110">
        <v>0</v>
      </c>
      <c r="CC20" s="114">
        <v>0</v>
      </c>
      <c r="CD20" s="113">
        <v>0</v>
      </c>
      <c r="CE20" s="110">
        <v>0</v>
      </c>
      <c r="CF20" s="114">
        <v>85375</v>
      </c>
      <c r="CG20" s="114">
        <v>377900</v>
      </c>
      <c r="CH20" s="114">
        <v>567455</v>
      </c>
      <c r="CI20" s="114">
        <v>0</v>
      </c>
      <c r="CJ20" s="114">
        <v>0</v>
      </c>
      <c r="CK20" s="113">
        <v>1030730</v>
      </c>
      <c r="CL20" s="116">
        <v>1030730</v>
      </c>
      <c r="CM20" s="110">
        <v>0</v>
      </c>
      <c r="CN20" s="114">
        <v>0</v>
      </c>
      <c r="CO20" s="113">
        <v>0</v>
      </c>
      <c r="CP20" s="111">
        <v>0</v>
      </c>
      <c r="CQ20" s="114">
        <v>43477</v>
      </c>
      <c r="CR20" s="114">
        <v>332110</v>
      </c>
      <c r="CS20" s="114">
        <v>190764</v>
      </c>
      <c r="CT20" s="114">
        <v>0</v>
      </c>
      <c r="CU20" s="114">
        <v>0</v>
      </c>
      <c r="CV20" s="113">
        <v>566351</v>
      </c>
      <c r="CW20" s="116">
        <v>566351</v>
      </c>
      <c r="CX20" s="110">
        <v>0</v>
      </c>
      <c r="CY20" s="114">
        <v>0</v>
      </c>
      <c r="CZ20" s="113">
        <v>0</v>
      </c>
      <c r="DA20" s="110">
        <v>0</v>
      </c>
      <c r="DB20" s="114">
        <v>41898</v>
      </c>
      <c r="DC20" s="114">
        <v>45790</v>
      </c>
      <c r="DD20" s="114">
        <v>376691</v>
      </c>
      <c r="DE20" s="114">
        <v>0</v>
      </c>
      <c r="DF20" s="114">
        <v>0</v>
      </c>
      <c r="DG20" s="113">
        <v>464379</v>
      </c>
      <c r="DH20" s="116">
        <v>464379</v>
      </c>
      <c r="DI20" s="110">
        <v>0</v>
      </c>
      <c r="DJ20" s="114">
        <v>0</v>
      </c>
      <c r="DK20" s="112">
        <v>0</v>
      </c>
      <c r="DL20" s="111">
        <v>0</v>
      </c>
      <c r="DM20" s="114">
        <v>0</v>
      </c>
      <c r="DN20" s="114">
        <v>0</v>
      </c>
      <c r="DO20" s="114">
        <v>201040</v>
      </c>
      <c r="DP20" s="114">
        <v>562973</v>
      </c>
      <c r="DQ20" s="114">
        <v>28999</v>
      </c>
      <c r="DR20" s="113">
        <v>793012</v>
      </c>
      <c r="DS20" s="116">
        <v>793012</v>
      </c>
      <c r="DT20" s="110">
        <v>0</v>
      </c>
      <c r="DU20" s="114">
        <v>0</v>
      </c>
      <c r="DV20" s="113">
        <v>0</v>
      </c>
      <c r="DW20" s="110">
        <v>0</v>
      </c>
      <c r="DX20" s="114">
        <v>0</v>
      </c>
      <c r="DY20" s="114">
        <v>0</v>
      </c>
      <c r="DZ20" s="114">
        <v>201040</v>
      </c>
      <c r="EA20" s="114">
        <v>562973</v>
      </c>
      <c r="EB20" s="114">
        <v>28999</v>
      </c>
      <c r="EC20" s="113">
        <v>793012</v>
      </c>
      <c r="ED20" s="116">
        <v>793012</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8"/>
      <c r="FE20" s="114">
        <v>0</v>
      </c>
      <c r="FF20" s="114">
        <v>0</v>
      </c>
      <c r="FG20" s="114">
        <v>0</v>
      </c>
      <c r="FH20" s="114">
        <v>0</v>
      </c>
      <c r="FI20" s="114">
        <v>0</v>
      </c>
      <c r="FJ20" s="113">
        <v>0</v>
      </c>
      <c r="FK20" s="116">
        <v>0</v>
      </c>
      <c r="FL20" s="110">
        <v>4800</v>
      </c>
      <c r="FM20" s="114">
        <v>38000</v>
      </c>
      <c r="FN20" s="113">
        <v>42800</v>
      </c>
      <c r="FO20" s="110">
        <v>0</v>
      </c>
      <c r="FP20" s="114">
        <v>18240</v>
      </c>
      <c r="FQ20" s="114">
        <v>169792</v>
      </c>
      <c r="FR20" s="114">
        <v>85504</v>
      </c>
      <c r="FS20" s="114">
        <v>170160</v>
      </c>
      <c r="FT20" s="114">
        <v>83400</v>
      </c>
      <c r="FU20" s="113">
        <v>527096</v>
      </c>
      <c r="FV20" s="116">
        <v>569896</v>
      </c>
      <c r="FW20" s="115">
        <v>4800</v>
      </c>
      <c r="FX20" s="114">
        <v>38000</v>
      </c>
      <c r="FY20" s="112">
        <v>42800</v>
      </c>
      <c r="FZ20" s="111">
        <v>0</v>
      </c>
      <c r="GA20" s="114">
        <v>18240</v>
      </c>
      <c r="GB20" s="114">
        <v>169792</v>
      </c>
      <c r="GC20" s="114">
        <v>85504</v>
      </c>
      <c r="GD20" s="114">
        <v>151504</v>
      </c>
      <c r="GE20" s="114">
        <v>83400</v>
      </c>
      <c r="GF20" s="113">
        <v>508440</v>
      </c>
      <c r="GG20" s="319">
        <v>551240</v>
      </c>
      <c r="GH20" s="115">
        <v>0</v>
      </c>
      <c r="GI20" s="114">
        <v>0</v>
      </c>
      <c r="GJ20" s="112">
        <v>0</v>
      </c>
      <c r="GK20" s="111">
        <v>0</v>
      </c>
      <c r="GL20" s="114">
        <v>0</v>
      </c>
      <c r="GM20" s="114">
        <v>0</v>
      </c>
      <c r="GN20" s="114">
        <v>0</v>
      </c>
      <c r="GO20" s="114">
        <v>18656</v>
      </c>
      <c r="GP20" s="114">
        <v>0</v>
      </c>
      <c r="GQ20" s="113">
        <v>18656</v>
      </c>
      <c r="GR20" s="116">
        <v>18656</v>
      </c>
      <c r="GS20" s="110">
        <v>0</v>
      </c>
      <c r="GT20" s="114">
        <v>0</v>
      </c>
      <c r="GU20" s="113">
        <v>0</v>
      </c>
      <c r="GV20" s="110">
        <v>0</v>
      </c>
      <c r="GW20" s="114">
        <v>0</v>
      </c>
      <c r="GX20" s="114">
        <v>0</v>
      </c>
      <c r="GY20" s="114">
        <v>0</v>
      </c>
      <c r="GZ20" s="114">
        <v>0</v>
      </c>
      <c r="HA20" s="114">
        <v>0</v>
      </c>
      <c r="HB20" s="112">
        <v>0</v>
      </c>
      <c r="HC20" s="116">
        <v>0</v>
      </c>
      <c r="HD20" s="110">
        <v>168355</v>
      </c>
      <c r="HE20" s="114">
        <v>185951</v>
      </c>
      <c r="HF20" s="112">
        <v>354306</v>
      </c>
      <c r="HG20" s="111">
        <v>0</v>
      </c>
      <c r="HH20" s="114">
        <v>749739</v>
      </c>
      <c r="HI20" s="114">
        <v>697953</v>
      </c>
      <c r="HJ20" s="114">
        <v>957514</v>
      </c>
      <c r="HK20" s="114">
        <v>0</v>
      </c>
      <c r="HL20" s="114">
        <v>455986</v>
      </c>
      <c r="HM20" s="113">
        <v>2861192</v>
      </c>
      <c r="HN20" s="109">
        <v>3215498</v>
      </c>
      <c r="HO20" s="329"/>
      <c r="HP20" s="330"/>
      <c r="HQ20" s="331"/>
      <c r="HR20" s="332"/>
      <c r="HS20" s="330"/>
      <c r="HT20" s="330"/>
      <c r="HU20" s="330"/>
      <c r="HV20" s="330"/>
      <c r="HW20" s="330"/>
      <c r="HX20" s="333"/>
      <c r="HY20" s="334"/>
      <c r="HZ20" s="150">
        <v>0</v>
      </c>
      <c r="IA20" s="135">
        <v>0</v>
      </c>
      <c r="IB20" s="150">
        <v>0</v>
      </c>
      <c r="IC20" s="134">
        <v>0</v>
      </c>
      <c r="ID20" s="135">
        <v>600658</v>
      </c>
      <c r="IE20" s="136">
        <v>1211173</v>
      </c>
      <c r="IF20" s="137">
        <v>129861</v>
      </c>
      <c r="IG20" s="135">
        <v>1113749</v>
      </c>
      <c r="IH20" s="137">
        <v>126401</v>
      </c>
      <c r="II20" s="138">
        <v>3181842</v>
      </c>
      <c r="IJ20" s="150">
        <v>3181842</v>
      </c>
      <c r="IK20" s="232">
        <v>0</v>
      </c>
      <c r="IL20" s="236">
        <v>0</v>
      </c>
      <c r="IM20" s="237">
        <v>0</v>
      </c>
      <c r="IN20" s="140"/>
      <c r="IO20" s="119">
        <v>0</v>
      </c>
      <c r="IP20" s="119">
        <v>0</v>
      </c>
      <c r="IQ20" s="119">
        <v>0</v>
      </c>
      <c r="IR20" s="119">
        <v>0</v>
      </c>
      <c r="IS20" s="119">
        <v>0</v>
      </c>
      <c r="IT20" s="141">
        <v>0</v>
      </c>
      <c r="IU20" s="321">
        <v>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53282</v>
      </c>
      <c r="JL20" s="119">
        <v>402054</v>
      </c>
      <c r="JM20" s="119">
        <v>129861</v>
      </c>
      <c r="JN20" s="119">
        <v>-353</v>
      </c>
      <c r="JO20" s="119">
        <v>126401</v>
      </c>
      <c r="JP20" s="120">
        <v>811245</v>
      </c>
      <c r="JQ20" s="321">
        <v>811245</v>
      </c>
      <c r="JR20" s="142">
        <v>0</v>
      </c>
      <c r="JS20" s="119">
        <v>0</v>
      </c>
      <c r="JT20" s="141">
        <v>0</v>
      </c>
      <c r="JU20" s="118">
        <v>0</v>
      </c>
      <c r="JV20" s="119">
        <v>0</v>
      </c>
      <c r="JW20" s="119">
        <v>54715</v>
      </c>
      <c r="JX20" s="119">
        <v>0</v>
      </c>
      <c r="JY20" s="119">
        <v>0</v>
      </c>
      <c r="JZ20" s="119">
        <v>0</v>
      </c>
      <c r="KA20" s="120">
        <v>54715</v>
      </c>
      <c r="KB20" s="321">
        <v>54715</v>
      </c>
      <c r="KC20" s="234">
        <v>0</v>
      </c>
      <c r="KD20" s="230">
        <v>0</v>
      </c>
      <c r="KE20" s="120">
        <v>0</v>
      </c>
      <c r="KF20" s="118">
        <v>0</v>
      </c>
      <c r="KG20" s="119">
        <v>0</v>
      </c>
      <c r="KH20" s="119">
        <v>296684</v>
      </c>
      <c r="KI20" s="119">
        <v>0</v>
      </c>
      <c r="KJ20" s="119">
        <v>499301</v>
      </c>
      <c r="KK20" s="119">
        <v>0</v>
      </c>
      <c r="KL20" s="120">
        <v>795985</v>
      </c>
      <c r="KM20" s="143">
        <v>795985</v>
      </c>
      <c r="KN20" s="232">
        <v>0</v>
      </c>
      <c r="KO20" s="236">
        <v>0</v>
      </c>
      <c r="KP20" s="237">
        <v>0</v>
      </c>
      <c r="KQ20" s="140"/>
      <c r="KR20" s="119">
        <v>447376</v>
      </c>
      <c r="KS20" s="119">
        <v>457720</v>
      </c>
      <c r="KT20" s="119">
        <v>0</v>
      </c>
      <c r="KU20" s="119">
        <v>242708</v>
      </c>
      <c r="KV20" s="119">
        <v>0</v>
      </c>
      <c r="KW20" s="120">
        <v>1147804</v>
      </c>
      <c r="KX20" s="321">
        <v>1147804</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372093</v>
      </c>
      <c r="LR20" s="119">
        <v>0</v>
      </c>
      <c r="LS20" s="120">
        <v>372093</v>
      </c>
      <c r="LT20" s="321">
        <v>372093</v>
      </c>
      <c r="LU20" s="142">
        <v>0</v>
      </c>
      <c r="LV20" s="119">
        <v>0</v>
      </c>
      <c r="LW20" s="120">
        <v>0</v>
      </c>
      <c r="LX20" s="145">
        <v>0</v>
      </c>
      <c r="LY20" s="119">
        <v>0</v>
      </c>
      <c r="LZ20" s="119">
        <v>0</v>
      </c>
      <c r="MA20" s="119">
        <v>0</v>
      </c>
      <c r="MB20" s="119">
        <v>0</v>
      </c>
      <c r="MC20" s="119">
        <v>0</v>
      </c>
      <c r="MD20" s="120">
        <v>0</v>
      </c>
      <c r="ME20" s="121">
        <v>0</v>
      </c>
      <c r="MF20" s="142">
        <v>0</v>
      </c>
      <c r="MG20" s="119">
        <v>0</v>
      </c>
      <c r="MH20" s="120">
        <v>0</v>
      </c>
      <c r="MI20" s="145"/>
      <c r="MJ20" s="119">
        <v>458550</v>
      </c>
      <c r="MK20" s="119">
        <v>474069</v>
      </c>
      <c r="ML20" s="119">
        <v>1093595</v>
      </c>
      <c r="MM20" s="119">
        <v>1582266</v>
      </c>
      <c r="MN20" s="119">
        <v>574372</v>
      </c>
      <c r="MO20" s="120">
        <v>4182852</v>
      </c>
      <c r="MP20" s="143">
        <v>4182852</v>
      </c>
      <c r="MQ20" s="142">
        <v>0</v>
      </c>
      <c r="MR20" s="119">
        <v>0</v>
      </c>
      <c r="MS20" s="120">
        <v>0</v>
      </c>
      <c r="MT20" s="145">
        <v>0</v>
      </c>
      <c r="MU20" s="119">
        <v>0</v>
      </c>
      <c r="MV20" s="119">
        <v>0</v>
      </c>
      <c r="MW20" s="119">
        <v>705127</v>
      </c>
      <c r="MX20" s="119">
        <v>726466</v>
      </c>
      <c r="MY20" s="119">
        <v>0</v>
      </c>
      <c r="MZ20" s="120">
        <v>1431593</v>
      </c>
      <c r="NA20" s="143">
        <v>1431593</v>
      </c>
      <c r="NB20" s="142">
        <v>0</v>
      </c>
      <c r="NC20" s="119">
        <v>0</v>
      </c>
      <c r="ND20" s="120">
        <v>0</v>
      </c>
      <c r="NE20" s="145"/>
      <c r="NF20" s="119">
        <v>458550</v>
      </c>
      <c r="NG20" s="119">
        <v>474069</v>
      </c>
      <c r="NH20" s="119">
        <v>388468</v>
      </c>
      <c r="NI20" s="119">
        <v>855800</v>
      </c>
      <c r="NJ20" s="119">
        <v>574372</v>
      </c>
      <c r="NK20" s="120">
        <v>2751259</v>
      </c>
      <c r="NL20" s="321">
        <v>2751259</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184067</v>
      </c>
      <c r="OJ20" s="119">
        <v>243330</v>
      </c>
      <c r="OK20" s="141">
        <v>427397</v>
      </c>
      <c r="OL20" s="118">
        <v>0</v>
      </c>
      <c r="OM20" s="119">
        <v>2229162</v>
      </c>
      <c r="ON20" s="119">
        <v>3523404</v>
      </c>
      <c r="OO20" s="119">
        <v>3825788</v>
      </c>
      <c r="OP20" s="119">
        <v>3930151</v>
      </c>
      <c r="OQ20" s="119">
        <v>1595167</v>
      </c>
      <c r="OR20" s="120">
        <v>15103672</v>
      </c>
      <c r="OS20" s="143">
        <v>15531069</v>
      </c>
    </row>
    <row r="21" spans="2:409" ht="20.25" customHeight="1" x14ac:dyDescent="0.2">
      <c r="B21" s="126" t="s">
        <v>16</v>
      </c>
      <c r="C21" s="110">
        <v>365522</v>
      </c>
      <c r="D21" s="114">
        <v>849826</v>
      </c>
      <c r="E21" s="113">
        <v>1215348</v>
      </c>
      <c r="F21" s="109">
        <v>0</v>
      </c>
      <c r="G21" s="114">
        <v>4563931</v>
      </c>
      <c r="H21" s="114">
        <v>7169243</v>
      </c>
      <c r="I21" s="114">
        <v>6784651</v>
      </c>
      <c r="J21" s="114">
        <v>5436942</v>
      </c>
      <c r="K21" s="114">
        <v>2989862</v>
      </c>
      <c r="L21" s="109">
        <v>26944629</v>
      </c>
      <c r="M21" s="116">
        <v>28159977</v>
      </c>
      <c r="N21" s="110">
        <v>80694</v>
      </c>
      <c r="O21" s="114">
        <v>88065</v>
      </c>
      <c r="P21" s="113">
        <v>168759</v>
      </c>
      <c r="Q21" s="110">
        <v>0</v>
      </c>
      <c r="R21" s="114">
        <v>1018006</v>
      </c>
      <c r="S21" s="114">
        <v>1597779</v>
      </c>
      <c r="T21" s="114">
        <v>1293062</v>
      </c>
      <c r="U21" s="114">
        <v>1044269</v>
      </c>
      <c r="V21" s="114">
        <v>1125387</v>
      </c>
      <c r="W21" s="113">
        <v>6078503</v>
      </c>
      <c r="X21" s="116">
        <v>6247262</v>
      </c>
      <c r="Y21" s="110">
        <v>0</v>
      </c>
      <c r="Z21" s="114">
        <v>0</v>
      </c>
      <c r="AA21" s="113">
        <v>0</v>
      </c>
      <c r="AB21" s="110">
        <v>0</v>
      </c>
      <c r="AC21" s="114">
        <v>291511</v>
      </c>
      <c r="AD21" s="114">
        <v>363525</v>
      </c>
      <c r="AE21" s="114">
        <v>270114</v>
      </c>
      <c r="AF21" s="114">
        <v>185824</v>
      </c>
      <c r="AG21" s="114">
        <v>568220</v>
      </c>
      <c r="AH21" s="113">
        <v>1679194</v>
      </c>
      <c r="AI21" s="116">
        <v>1679194</v>
      </c>
      <c r="AJ21" s="110">
        <v>0</v>
      </c>
      <c r="AK21" s="114">
        <v>0</v>
      </c>
      <c r="AL21" s="113">
        <v>0</v>
      </c>
      <c r="AM21" s="110">
        <v>0</v>
      </c>
      <c r="AN21" s="114">
        <v>0</v>
      </c>
      <c r="AO21" s="114">
        <v>33810</v>
      </c>
      <c r="AP21" s="114">
        <v>0</v>
      </c>
      <c r="AQ21" s="114">
        <v>21414</v>
      </c>
      <c r="AR21" s="114">
        <v>80682</v>
      </c>
      <c r="AS21" s="113">
        <v>135906</v>
      </c>
      <c r="AT21" s="116">
        <v>135906</v>
      </c>
      <c r="AU21" s="110">
        <v>51974</v>
      </c>
      <c r="AV21" s="114">
        <v>68553</v>
      </c>
      <c r="AW21" s="113">
        <v>120527</v>
      </c>
      <c r="AX21" s="110">
        <v>0</v>
      </c>
      <c r="AY21" s="114">
        <v>439838</v>
      </c>
      <c r="AZ21" s="114">
        <v>982331</v>
      </c>
      <c r="BA21" s="114">
        <v>585743</v>
      </c>
      <c r="BB21" s="114">
        <v>523031</v>
      </c>
      <c r="BC21" s="114">
        <v>337529</v>
      </c>
      <c r="BD21" s="113">
        <v>2868472</v>
      </c>
      <c r="BE21" s="116">
        <v>2988999</v>
      </c>
      <c r="BF21" s="110">
        <v>0</v>
      </c>
      <c r="BG21" s="114">
        <v>0</v>
      </c>
      <c r="BH21" s="112">
        <v>0</v>
      </c>
      <c r="BI21" s="111">
        <v>0</v>
      </c>
      <c r="BJ21" s="114">
        <v>47401</v>
      </c>
      <c r="BK21" s="114">
        <v>25865</v>
      </c>
      <c r="BL21" s="114">
        <v>71101</v>
      </c>
      <c r="BM21" s="114">
        <v>0</v>
      </c>
      <c r="BN21" s="114">
        <v>23700</v>
      </c>
      <c r="BO21" s="113">
        <v>168067</v>
      </c>
      <c r="BP21" s="116">
        <v>168067</v>
      </c>
      <c r="BQ21" s="110">
        <v>28720</v>
      </c>
      <c r="BR21" s="114">
        <v>19512</v>
      </c>
      <c r="BS21" s="113">
        <v>48232</v>
      </c>
      <c r="BT21" s="110">
        <v>0</v>
      </c>
      <c r="BU21" s="114">
        <v>239256</v>
      </c>
      <c r="BV21" s="114">
        <v>192248</v>
      </c>
      <c r="BW21" s="114">
        <v>366104</v>
      </c>
      <c r="BX21" s="114">
        <v>314000</v>
      </c>
      <c r="BY21" s="114">
        <v>115256</v>
      </c>
      <c r="BZ21" s="113">
        <v>1226864</v>
      </c>
      <c r="CA21" s="116">
        <v>1275096</v>
      </c>
      <c r="CB21" s="110">
        <v>102724</v>
      </c>
      <c r="CC21" s="114">
        <v>184814</v>
      </c>
      <c r="CD21" s="113">
        <v>287538</v>
      </c>
      <c r="CE21" s="110">
        <v>0</v>
      </c>
      <c r="CF21" s="114">
        <v>1800255</v>
      </c>
      <c r="CG21" s="114">
        <v>3395509</v>
      </c>
      <c r="CH21" s="114">
        <v>1329778</v>
      </c>
      <c r="CI21" s="114">
        <v>1221173</v>
      </c>
      <c r="CJ21" s="114">
        <v>266951</v>
      </c>
      <c r="CK21" s="113">
        <v>8013666</v>
      </c>
      <c r="CL21" s="116">
        <v>8301204</v>
      </c>
      <c r="CM21" s="110">
        <v>0</v>
      </c>
      <c r="CN21" s="114">
        <v>0</v>
      </c>
      <c r="CO21" s="113">
        <v>0</v>
      </c>
      <c r="CP21" s="111">
        <v>0</v>
      </c>
      <c r="CQ21" s="114">
        <v>776811</v>
      </c>
      <c r="CR21" s="114">
        <v>1347128</v>
      </c>
      <c r="CS21" s="114">
        <v>869550</v>
      </c>
      <c r="CT21" s="114">
        <v>843801</v>
      </c>
      <c r="CU21" s="114">
        <v>266951</v>
      </c>
      <c r="CV21" s="113">
        <v>4104241</v>
      </c>
      <c r="CW21" s="116">
        <v>4104241</v>
      </c>
      <c r="CX21" s="110">
        <v>102724</v>
      </c>
      <c r="CY21" s="114">
        <v>184814</v>
      </c>
      <c r="CZ21" s="113">
        <v>287538</v>
      </c>
      <c r="DA21" s="110">
        <v>0</v>
      </c>
      <c r="DB21" s="114">
        <v>1023444</v>
      </c>
      <c r="DC21" s="114">
        <v>2048381</v>
      </c>
      <c r="DD21" s="114">
        <v>460228</v>
      </c>
      <c r="DE21" s="114">
        <v>377372</v>
      </c>
      <c r="DF21" s="114">
        <v>0</v>
      </c>
      <c r="DG21" s="113">
        <v>3909425</v>
      </c>
      <c r="DH21" s="116">
        <v>4196963</v>
      </c>
      <c r="DI21" s="110">
        <v>0</v>
      </c>
      <c r="DJ21" s="114">
        <v>0</v>
      </c>
      <c r="DK21" s="112">
        <v>0</v>
      </c>
      <c r="DL21" s="111">
        <v>0</v>
      </c>
      <c r="DM21" s="114">
        <v>59020</v>
      </c>
      <c r="DN21" s="114">
        <v>332645</v>
      </c>
      <c r="DO21" s="114">
        <v>926347</v>
      </c>
      <c r="DP21" s="114">
        <v>99698</v>
      </c>
      <c r="DQ21" s="114">
        <v>29436</v>
      </c>
      <c r="DR21" s="113">
        <v>1447146</v>
      </c>
      <c r="DS21" s="116">
        <v>1447146</v>
      </c>
      <c r="DT21" s="110">
        <v>0</v>
      </c>
      <c r="DU21" s="114">
        <v>0</v>
      </c>
      <c r="DV21" s="113">
        <v>0</v>
      </c>
      <c r="DW21" s="110">
        <v>0</v>
      </c>
      <c r="DX21" s="114">
        <v>59020</v>
      </c>
      <c r="DY21" s="114">
        <v>275857</v>
      </c>
      <c r="DZ21" s="114">
        <v>905323</v>
      </c>
      <c r="EA21" s="114">
        <v>64337</v>
      </c>
      <c r="EB21" s="114">
        <v>29436</v>
      </c>
      <c r="EC21" s="113">
        <v>1333973</v>
      </c>
      <c r="ED21" s="116">
        <v>1333973</v>
      </c>
      <c r="EE21" s="110">
        <v>0</v>
      </c>
      <c r="EF21" s="112">
        <v>0</v>
      </c>
      <c r="EG21" s="113">
        <v>0</v>
      </c>
      <c r="EH21" s="110">
        <v>0</v>
      </c>
      <c r="EI21" s="114">
        <v>0</v>
      </c>
      <c r="EJ21" s="114">
        <v>56788</v>
      </c>
      <c r="EK21" s="114">
        <v>21024</v>
      </c>
      <c r="EL21" s="114">
        <v>35361</v>
      </c>
      <c r="EM21" s="114">
        <v>0</v>
      </c>
      <c r="EN21" s="112">
        <v>113173</v>
      </c>
      <c r="EO21" s="116">
        <v>113173</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8"/>
      <c r="FE21" s="114">
        <v>0</v>
      </c>
      <c r="FF21" s="114">
        <v>0</v>
      </c>
      <c r="FG21" s="114">
        <v>0</v>
      </c>
      <c r="FH21" s="114">
        <v>0</v>
      </c>
      <c r="FI21" s="114">
        <v>0</v>
      </c>
      <c r="FJ21" s="113">
        <v>0</v>
      </c>
      <c r="FK21" s="116">
        <v>0</v>
      </c>
      <c r="FL21" s="110">
        <v>78024</v>
      </c>
      <c r="FM21" s="114">
        <v>319836</v>
      </c>
      <c r="FN21" s="113">
        <v>397860</v>
      </c>
      <c r="FO21" s="110">
        <v>0</v>
      </c>
      <c r="FP21" s="114">
        <v>207584</v>
      </c>
      <c r="FQ21" s="114">
        <v>567744</v>
      </c>
      <c r="FR21" s="114">
        <v>400960</v>
      </c>
      <c r="FS21" s="114">
        <v>455192</v>
      </c>
      <c r="FT21" s="114">
        <v>268032</v>
      </c>
      <c r="FU21" s="113">
        <v>1899512</v>
      </c>
      <c r="FV21" s="116">
        <v>2297372</v>
      </c>
      <c r="FW21" s="115">
        <v>78024</v>
      </c>
      <c r="FX21" s="114">
        <v>53600</v>
      </c>
      <c r="FY21" s="112">
        <v>131624</v>
      </c>
      <c r="FZ21" s="111">
        <v>0</v>
      </c>
      <c r="GA21" s="114">
        <v>128584</v>
      </c>
      <c r="GB21" s="114">
        <v>553344</v>
      </c>
      <c r="GC21" s="114">
        <v>400960</v>
      </c>
      <c r="GD21" s="114">
        <v>342072</v>
      </c>
      <c r="GE21" s="114">
        <v>268032</v>
      </c>
      <c r="GF21" s="113">
        <v>1692992</v>
      </c>
      <c r="GG21" s="319">
        <v>1824616</v>
      </c>
      <c r="GH21" s="115">
        <v>0</v>
      </c>
      <c r="GI21" s="114">
        <v>0</v>
      </c>
      <c r="GJ21" s="112">
        <v>0</v>
      </c>
      <c r="GK21" s="111">
        <v>0</v>
      </c>
      <c r="GL21" s="114">
        <v>19800</v>
      </c>
      <c r="GM21" s="114">
        <v>0</v>
      </c>
      <c r="GN21" s="114">
        <v>0</v>
      </c>
      <c r="GO21" s="114">
        <v>77920</v>
      </c>
      <c r="GP21" s="114">
        <v>0</v>
      </c>
      <c r="GQ21" s="113">
        <v>97720</v>
      </c>
      <c r="GR21" s="116">
        <v>97720</v>
      </c>
      <c r="GS21" s="110">
        <v>0</v>
      </c>
      <c r="GT21" s="114">
        <v>266236</v>
      </c>
      <c r="GU21" s="113">
        <v>266236</v>
      </c>
      <c r="GV21" s="110">
        <v>0</v>
      </c>
      <c r="GW21" s="114">
        <v>59200</v>
      </c>
      <c r="GX21" s="114">
        <v>14400</v>
      </c>
      <c r="GY21" s="114">
        <v>0</v>
      </c>
      <c r="GZ21" s="114">
        <v>35200</v>
      </c>
      <c r="HA21" s="114">
        <v>0</v>
      </c>
      <c r="HB21" s="112">
        <v>108800</v>
      </c>
      <c r="HC21" s="116">
        <v>375036</v>
      </c>
      <c r="HD21" s="110">
        <v>104080</v>
      </c>
      <c r="HE21" s="114">
        <v>257111</v>
      </c>
      <c r="HF21" s="112">
        <v>361191</v>
      </c>
      <c r="HG21" s="111">
        <v>0</v>
      </c>
      <c r="HH21" s="114">
        <v>1479066</v>
      </c>
      <c r="HI21" s="114">
        <v>1275566</v>
      </c>
      <c r="HJ21" s="114">
        <v>2834504</v>
      </c>
      <c r="HK21" s="114">
        <v>2616610</v>
      </c>
      <c r="HL21" s="114">
        <v>1300056</v>
      </c>
      <c r="HM21" s="113">
        <v>9505802</v>
      </c>
      <c r="HN21" s="109">
        <v>9866993</v>
      </c>
      <c r="HO21" s="329"/>
      <c r="HP21" s="330"/>
      <c r="HQ21" s="331"/>
      <c r="HR21" s="332"/>
      <c r="HS21" s="330"/>
      <c r="HT21" s="330"/>
      <c r="HU21" s="330"/>
      <c r="HV21" s="330"/>
      <c r="HW21" s="330"/>
      <c r="HX21" s="333"/>
      <c r="HY21" s="334"/>
      <c r="HZ21" s="131">
        <v>0</v>
      </c>
      <c r="IA21" s="132">
        <v>0</v>
      </c>
      <c r="IB21" s="133">
        <v>0</v>
      </c>
      <c r="IC21" s="146">
        <v>0</v>
      </c>
      <c r="ID21" s="132">
        <v>872429</v>
      </c>
      <c r="IE21" s="147">
        <v>1525043</v>
      </c>
      <c r="IF21" s="133">
        <v>2577692</v>
      </c>
      <c r="IG21" s="132">
        <v>1222656</v>
      </c>
      <c r="IH21" s="133">
        <v>500196</v>
      </c>
      <c r="II21" s="148">
        <v>6698016</v>
      </c>
      <c r="IJ21" s="139">
        <v>6698016</v>
      </c>
      <c r="IK21" s="232">
        <v>0</v>
      </c>
      <c r="IL21" s="236">
        <v>0</v>
      </c>
      <c r="IM21" s="237">
        <v>0</v>
      </c>
      <c r="IN21" s="140"/>
      <c r="IO21" s="119">
        <v>0</v>
      </c>
      <c r="IP21" s="119">
        <v>0</v>
      </c>
      <c r="IQ21" s="119">
        <v>318924</v>
      </c>
      <c r="IR21" s="119">
        <v>188168</v>
      </c>
      <c r="IS21" s="119">
        <v>0</v>
      </c>
      <c r="IT21" s="141">
        <v>507092</v>
      </c>
      <c r="IU21" s="321">
        <v>507092</v>
      </c>
      <c r="IV21" s="142">
        <v>0</v>
      </c>
      <c r="IW21" s="119">
        <v>0</v>
      </c>
      <c r="IX21" s="120">
        <v>0</v>
      </c>
      <c r="IY21" s="144"/>
      <c r="IZ21" s="119">
        <v>0</v>
      </c>
      <c r="JA21" s="119">
        <v>0</v>
      </c>
      <c r="JB21" s="119">
        <v>0</v>
      </c>
      <c r="JC21" s="119">
        <v>0</v>
      </c>
      <c r="JD21" s="119">
        <v>0</v>
      </c>
      <c r="JE21" s="120">
        <v>0</v>
      </c>
      <c r="JF21" s="121">
        <v>0</v>
      </c>
      <c r="JG21" s="142">
        <v>0</v>
      </c>
      <c r="JH21" s="119">
        <v>0</v>
      </c>
      <c r="JI21" s="141">
        <v>0</v>
      </c>
      <c r="JJ21" s="118">
        <v>0</v>
      </c>
      <c r="JK21" s="119">
        <v>317567</v>
      </c>
      <c r="JL21" s="119">
        <v>603637</v>
      </c>
      <c r="JM21" s="119">
        <v>230736</v>
      </c>
      <c r="JN21" s="119">
        <v>314981</v>
      </c>
      <c r="JO21" s="119">
        <v>0</v>
      </c>
      <c r="JP21" s="120">
        <v>1466921</v>
      </c>
      <c r="JQ21" s="321">
        <v>1466921</v>
      </c>
      <c r="JR21" s="142">
        <v>0</v>
      </c>
      <c r="JS21" s="119">
        <v>0</v>
      </c>
      <c r="JT21" s="141">
        <v>0</v>
      </c>
      <c r="JU21" s="118">
        <v>0</v>
      </c>
      <c r="JV21" s="119">
        <v>201930</v>
      </c>
      <c r="JW21" s="119">
        <v>0</v>
      </c>
      <c r="JX21" s="119">
        <v>103233</v>
      </c>
      <c r="JY21" s="119">
        <v>0</v>
      </c>
      <c r="JZ21" s="119">
        <v>0</v>
      </c>
      <c r="KA21" s="120">
        <v>305163</v>
      </c>
      <c r="KB21" s="321">
        <v>305163</v>
      </c>
      <c r="KC21" s="234">
        <v>0</v>
      </c>
      <c r="KD21" s="230">
        <v>0</v>
      </c>
      <c r="KE21" s="120">
        <v>0</v>
      </c>
      <c r="KF21" s="118">
        <v>0</v>
      </c>
      <c r="KG21" s="119">
        <v>0</v>
      </c>
      <c r="KH21" s="119">
        <v>50707</v>
      </c>
      <c r="KI21" s="119">
        <v>483666</v>
      </c>
      <c r="KJ21" s="119">
        <v>471212</v>
      </c>
      <c r="KK21" s="119">
        <v>0</v>
      </c>
      <c r="KL21" s="120">
        <v>1005585</v>
      </c>
      <c r="KM21" s="143">
        <v>1005585</v>
      </c>
      <c r="KN21" s="232">
        <v>0</v>
      </c>
      <c r="KO21" s="236">
        <v>0</v>
      </c>
      <c r="KP21" s="237">
        <v>0</v>
      </c>
      <c r="KQ21" s="140"/>
      <c r="KR21" s="119">
        <v>221461</v>
      </c>
      <c r="KS21" s="119">
        <v>701941</v>
      </c>
      <c r="KT21" s="119">
        <v>1204742</v>
      </c>
      <c r="KU21" s="119">
        <v>248295</v>
      </c>
      <c r="KV21" s="119">
        <v>500196</v>
      </c>
      <c r="KW21" s="120">
        <v>2876635</v>
      </c>
      <c r="KX21" s="321">
        <v>2876635</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1">
        <v>0</v>
      </c>
      <c r="LU21" s="142">
        <v>0</v>
      </c>
      <c r="LV21" s="119">
        <v>0</v>
      </c>
      <c r="LW21" s="120">
        <v>0</v>
      </c>
      <c r="LX21" s="145">
        <v>0</v>
      </c>
      <c r="LY21" s="119">
        <v>131471</v>
      </c>
      <c r="LZ21" s="119">
        <v>168758</v>
      </c>
      <c r="MA21" s="119">
        <v>236391</v>
      </c>
      <c r="MB21" s="119">
        <v>0</v>
      </c>
      <c r="MC21" s="119">
        <v>0</v>
      </c>
      <c r="MD21" s="120">
        <v>536620</v>
      </c>
      <c r="ME21" s="121">
        <v>536620</v>
      </c>
      <c r="MF21" s="142">
        <v>0</v>
      </c>
      <c r="MG21" s="119">
        <v>0</v>
      </c>
      <c r="MH21" s="120">
        <v>0</v>
      </c>
      <c r="MI21" s="145"/>
      <c r="MJ21" s="119">
        <v>266526</v>
      </c>
      <c r="MK21" s="119">
        <v>936440</v>
      </c>
      <c r="ML21" s="119">
        <v>2408372</v>
      </c>
      <c r="MM21" s="119">
        <v>3021577</v>
      </c>
      <c r="MN21" s="119">
        <v>2768721</v>
      </c>
      <c r="MO21" s="120">
        <v>9401636</v>
      </c>
      <c r="MP21" s="143">
        <v>9401636</v>
      </c>
      <c r="MQ21" s="142">
        <v>0</v>
      </c>
      <c r="MR21" s="119">
        <v>0</v>
      </c>
      <c r="MS21" s="120">
        <v>0</v>
      </c>
      <c r="MT21" s="145">
        <v>0</v>
      </c>
      <c r="MU21" s="119">
        <v>0</v>
      </c>
      <c r="MV21" s="119">
        <v>202277</v>
      </c>
      <c r="MW21" s="119">
        <v>883520</v>
      </c>
      <c r="MX21" s="119">
        <v>2246749</v>
      </c>
      <c r="MY21" s="119">
        <v>1646824</v>
      </c>
      <c r="MZ21" s="120">
        <v>4979370</v>
      </c>
      <c r="NA21" s="143">
        <v>4979370</v>
      </c>
      <c r="NB21" s="142">
        <v>0</v>
      </c>
      <c r="NC21" s="119">
        <v>0</v>
      </c>
      <c r="ND21" s="120">
        <v>0</v>
      </c>
      <c r="NE21" s="145"/>
      <c r="NF21" s="119">
        <v>266526</v>
      </c>
      <c r="NG21" s="119">
        <v>734163</v>
      </c>
      <c r="NH21" s="119">
        <v>1524852</v>
      </c>
      <c r="NI21" s="119">
        <v>774828</v>
      </c>
      <c r="NJ21" s="119">
        <v>724361</v>
      </c>
      <c r="NK21" s="120">
        <v>4024730</v>
      </c>
      <c r="NL21" s="321">
        <v>4024730</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397536</v>
      </c>
      <c r="OG21" s="120">
        <v>397536</v>
      </c>
      <c r="OH21" s="121">
        <v>397536</v>
      </c>
      <c r="OI21" s="142">
        <v>365522</v>
      </c>
      <c r="OJ21" s="119">
        <v>849826</v>
      </c>
      <c r="OK21" s="141">
        <v>1215348</v>
      </c>
      <c r="OL21" s="118">
        <v>0</v>
      </c>
      <c r="OM21" s="119">
        <v>5702886</v>
      </c>
      <c r="ON21" s="119">
        <v>9630726</v>
      </c>
      <c r="OO21" s="119">
        <v>11770715</v>
      </c>
      <c r="OP21" s="119">
        <v>9681175</v>
      </c>
      <c r="OQ21" s="119">
        <v>6258779</v>
      </c>
      <c r="OR21" s="120">
        <v>43044281</v>
      </c>
      <c r="OS21" s="143">
        <v>44259629</v>
      </c>
    </row>
    <row r="22" spans="2:409" ht="20.25" customHeight="1" x14ac:dyDescent="0.2">
      <c r="B22" s="126" t="s">
        <v>17</v>
      </c>
      <c r="C22" s="110">
        <v>324125</v>
      </c>
      <c r="D22" s="114">
        <v>586655</v>
      </c>
      <c r="E22" s="113">
        <v>910780</v>
      </c>
      <c r="F22" s="109">
        <v>0</v>
      </c>
      <c r="G22" s="114">
        <v>3545801</v>
      </c>
      <c r="H22" s="114">
        <v>6511107</v>
      </c>
      <c r="I22" s="114">
        <v>5899081</v>
      </c>
      <c r="J22" s="114">
        <v>5082045</v>
      </c>
      <c r="K22" s="114">
        <v>5477899</v>
      </c>
      <c r="L22" s="109">
        <v>26515933</v>
      </c>
      <c r="M22" s="116">
        <v>27426713</v>
      </c>
      <c r="N22" s="110">
        <v>98046</v>
      </c>
      <c r="O22" s="114">
        <v>134196</v>
      </c>
      <c r="P22" s="113">
        <v>232242</v>
      </c>
      <c r="Q22" s="110">
        <v>0</v>
      </c>
      <c r="R22" s="114">
        <v>621538</v>
      </c>
      <c r="S22" s="114">
        <v>1629988</v>
      </c>
      <c r="T22" s="114">
        <v>2069102</v>
      </c>
      <c r="U22" s="114">
        <v>1005460</v>
      </c>
      <c r="V22" s="114">
        <v>3707022</v>
      </c>
      <c r="W22" s="113">
        <v>9033110</v>
      </c>
      <c r="X22" s="116">
        <v>9265352</v>
      </c>
      <c r="Y22" s="110">
        <v>0</v>
      </c>
      <c r="Z22" s="114">
        <v>0</v>
      </c>
      <c r="AA22" s="113">
        <v>0</v>
      </c>
      <c r="AB22" s="110">
        <v>0</v>
      </c>
      <c r="AC22" s="114">
        <v>171431</v>
      </c>
      <c r="AD22" s="114">
        <v>943455</v>
      </c>
      <c r="AE22" s="114">
        <v>1322859</v>
      </c>
      <c r="AF22" s="114">
        <v>444616</v>
      </c>
      <c r="AG22" s="114">
        <v>2664911</v>
      </c>
      <c r="AH22" s="113">
        <v>5547272</v>
      </c>
      <c r="AI22" s="116">
        <v>5547272</v>
      </c>
      <c r="AJ22" s="110">
        <v>0</v>
      </c>
      <c r="AK22" s="114">
        <v>0</v>
      </c>
      <c r="AL22" s="113">
        <v>0</v>
      </c>
      <c r="AM22" s="110">
        <v>0</v>
      </c>
      <c r="AN22" s="114">
        <v>0</v>
      </c>
      <c r="AO22" s="114">
        <v>0</v>
      </c>
      <c r="AP22" s="114">
        <v>13501</v>
      </c>
      <c r="AQ22" s="114">
        <v>46238</v>
      </c>
      <c r="AR22" s="114">
        <v>410147</v>
      </c>
      <c r="AS22" s="113">
        <v>469886</v>
      </c>
      <c r="AT22" s="116">
        <v>469886</v>
      </c>
      <c r="AU22" s="110">
        <v>13736</v>
      </c>
      <c r="AV22" s="114">
        <v>112092</v>
      </c>
      <c r="AW22" s="113">
        <v>125828</v>
      </c>
      <c r="AX22" s="110">
        <v>0</v>
      </c>
      <c r="AY22" s="114">
        <v>313201</v>
      </c>
      <c r="AZ22" s="114">
        <v>387873</v>
      </c>
      <c r="BA22" s="114">
        <v>526726</v>
      </c>
      <c r="BB22" s="114">
        <v>239166</v>
      </c>
      <c r="BC22" s="114">
        <v>389705</v>
      </c>
      <c r="BD22" s="113">
        <v>1856671</v>
      </c>
      <c r="BE22" s="116">
        <v>1982499</v>
      </c>
      <c r="BF22" s="110">
        <v>43782</v>
      </c>
      <c r="BG22" s="114">
        <v>0</v>
      </c>
      <c r="BH22" s="112">
        <v>43782</v>
      </c>
      <c r="BI22" s="111">
        <v>0</v>
      </c>
      <c r="BJ22" s="114">
        <v>23170</v>
      </c>
      <c r="BK22" s="114">
        <v>66276</v>
      </c>
      <c r="BL22" s="114">
        <v>0</v>
      </c>
      <c r="BM22" s="114">
        <v>27400</v>
      </c>
      <c r="BN22" s="114">
        <v>11691</v>
      </c>
      <c r="BO22" s="113">
        <v>128537</v>
      </c>
      <c r="BP22" s="116">
        <v>172319</v>
      </c>
      <c r="BQ22" s="110">
        <v>40528</v>
      </c>
      <c r="BR22" s="114">
        <v>22104</v>
      </c>
      <c r="BS22" s="113">
        <v>62632</v>
      </c>
      <c r="BT22" s="110">
        <v>0</v>
      </c>
      <c r="BU22" s="114">
        <v>113736</v>
      </c>
      <c r="BV22" s="114">
        <v>232384</v>
      </c>
      <c r="BW22" s="114">
        <v>206016</v>
      </c>
      <c r="BX22" s="114">
        <v>248040</v>
      </c>
      <c r="BY22" s="114">
        <v>230568</v>
      </c>
      <c r="BZ22" s="113">
        <v>1030744</v>
      </c>
      <c r="CA22" s="116">
        <v>1093376</v>
      </c>
      <c r="CB22" s="110">
        <v>44328</v>
      </c>
      <c r="CC22" s="114">
        <v>188389</v>
      </c>
      <c r="CD22" s="113">
        <v>232717</v>
      </c>
      <c r="CE22" s="110">
        <v>0</v>
      </c>
      <c r="CF22" s="114">
        <v>1686761</v>
      </c>
      <c r="CG22" s="114">
        <v>2646776</v>
      </c>
      <c r="CH22" s="114">
        <v>1331852</v>
      </c>
      <c r="CI22" s="114">
        <v>912267</v>
      </c>
      <c r="CJ22" s="114">
        <v>472703</v>
      </c>
      <c r="CK22" s="113">
        <v>7050359</v>
      </c>
      <c r="CL22" s="116">
        <v>7283076</v>
      </c>
      <c r="CM22" s="110">
        <v>0</v>
      </c>
      <c r="CN22" s="114">
        <v>0</v>
      </c>
      <c r="CO22" s="113">
        <v>0</v>
      </c>
      <c r="CP22" s="111">
        <v>0</v>
      </c>
      <c r="CQ22" s="114">
        <v>1498201</v>
      </c>
      <c r="CR22" s="114">
        <v>1642360</v>
      </c>
      <c r="CS22" s="114">
        <v>1151009</v>
      </c>
      <c r="CT22" s="114">
        <v>748393</v>
      </c>
      <c r="CU22" s="114">
        <v>472703</v>
      </c>
      <c r="CV22" s="113">
        <v>5512666</v>
      </c>
      <c r="CW22" s="116">
        <v>5512666</v>
      </c>
      <c r="CX22" s="110">
        <v>44328</v>
      </c>
      <c r="CY22" s="114">
        <v>188389</v>
      </c>
      <c r="CZ22" s="113">
        <v>232717</v>
      </c>
      <c r="DA22" s="110">
        <v>0</v>
      </c>
      <c r="DB22" s="114">
        <v>188560</v>
      </c>
      <c r="DC22" s="114">
        <v>1004416</v>
      </c>
      <c r="DD22" s="114">
        <v>180843</v>
      </c>
      <c r="DE22" s="114">
        <v>163874</v>
      </c>
      <c r="DF22" s="114">
        <v>0</v>
      </c>
      <c r="DG22" s="113">
        <v>1537693</v>
      </c>
      <c r="DH22" s="116">
        <v>1770410</v>
      </c>
      <c r="DI22" s="110">
        <v>0</v>
      </c>
      <c r="DJ22" s="114">
        <v>0</v>
      </c>
      <c r="DK22" s="112">
        <v>0</v>
      </c>
      <c r="DL22" s="111">
        <v>0</v>
      </c>
      <c r="DM22" s="114">
        <v>326560</v>
      </c>
      <c r="DN22" s="114">
        <v>461182</v>
      </c>
      <c r="DO22" s="114">
        <v>753740</v>
      </c>
      <c r="DP22" s="114">
        <v>1141475</v>
      </c>
      <c r="DQ22" s="114">
        <v>199442</v>
      </c>
      <c r="DR22" s="113">
        <v>2882399</v>
      </c>
      <c r="DS22" s="116">
        <v>2882399</v>
      </c>
      <c r="DT22" s="110">
        <v>0</v>
      </c>
      <c r="DU22" s="114">
        <v>0</v>
      </c>
      <c r="DV22" s="113">
        <v>0</v>
      </c>
      <c r="DW22" s="110">
        <v>0</v>
      </c>
      <c r="DX22" s="114">
        <v>229466</v>
      </c>
      <c r="DY22" s="114">
        <v>234271</v>
      </c>
      <c r="DZ22" s="114">
        <v>753740</v>
      </c>
      <c r="EA22" s="114">
        <v>1093962</v>
      </c>
      <c r="EB22" s="114">
        <v>199442</v>
      </c>
      <c r="EC22" s="113">
        <v>2510881</v>
      </c>
      <c r="ED22" s="116">
        <v>2510881</v>
      </c>
      <c r="EE22" s="110">
        <v>0</v>
      </c>
      <c r="EF22" s="112">
        <v>0</v>
      </c>
      <c r="EG22" s="113">
        <v>0</v>
      </c>
      <c r="EH22" s="110">
        <v>0</v>
      </c>
      <c r="EI22" s="114">
        <v>97094</v>
      </c>
      <c r="EJ22" s="114">
        <v>226911</v>
      </c>
      <c r="EK22" s="114">
        <v>0</v>
      </c>
      <c r="EL22" s="114">
        <v>47513</v>
      </c>
      <c r="EM22" s="114">
        <v>0</v>
      </c>
      <c r="EN22" s="112">
        <v>371518</v>
      </c>
      <c r="EO22" s="116">
        <v>371518</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8"/>
      <c r="FE22" s="114">
        <v>0</v>
      </c>
      <c r="FF22" s="114">
        <v>0</v>
      </c>
      <c r="FG22" s="114">
        <v>0</v>
      </c>
      <c r="FH22" s="114">
        <v>0</v>
      </c>
      <c r="FI22" s="114">
        <v>0</v>
      </c>
      <c r="FJ22" s="113">
        <v>0</v>
      </c>
      <c r="FK22" s="116">
        <v>0</v>
      </c>
      <c r="FL22" s="110">
        <v>25968</v>
      </c>
      <c r="FM22" s="114">
        <v>133376</v>
      </c>
      <c r="FN22" s="113">
        <v>159344</v>
      </c>
      <c r="FO22" s="110">
        <v>0</v>
      </c>
      <c r="FP22" s="114">
        <v>184152</v>
      </c>
      <c r="FQ22" s="114">
        <v>918968</v>
      </c>
      <c r="FR22" s="114">
        <v>614864</v>
      </c>
      <c r="FS22" s="114">
        <v>333240</v>
      </c>
      <c r="FT22" s="114">
        <v>441048</v>
      </c>
      <c r="FU22" s="113">
        <v>2492272</v>
      </c>
      <c r="FV22" s="116">
        <v>2651616</v>
      </c>
      <c r="FW22" s="115">
        <v>25968</v>
      </c>
      <c r="FX22" s="114">
        <v>133376</v>
      </c>
      <c r="FY22" s="112">
        <v>159344</v>
      </c>
      <c r="FZ22" s="111">
        <v>0</v>
      </c>
      <c r="GA22" s="114">
        <v>162792</v>
      </c>
      <c r="GB22" s="114">
        <v>778648</v>
      </c>
      <c r="GC22" s="114">
        <v>590224</v>
      </c>
      <c r="GD22" s="114">
        <v>333240</v>
      </c>
      <c r="GE22" s="114">
        <v>441048</v>
      </c>
      <c r="GF22" s="113">
        <v>2305952</v>
      </c>
      <c r="GG22" s="319">
        <v>2465296</v>
      </c>
      <c r="GH22" s="115">
        <v>0</v>
      </c>
      <c r="GI22" s="114">
        <v>0</v>
      </c>
      <c r="GJ22" s="112">
        <v>0</v>
      </c>
      <c r="GK22" s="111">
        <v>0</v>
      </c>
      <c r="GL22" s="114">
        <v>21360</v>
      </c>
      <c r="GM22" s="114">
        <v>0</v>
      </c>
      <c r="GN22" s="114">
        <v>0</v>
      </c>
      <c r="GO22" s="114">
        <v>0</v>
      </c>
      <c r="GP22" s="114">
        <v>0</v>
      </c>
      <c r="GQ22" s="113">
        <v>21360</v>
      </c>
      <c r="GR22" s="116">
        <v>21360</v>
      </c>
      <c r="GS22" s="110">
        <v>0</v>
      </c>
      <c r="GT22" s="114">
        <v>0</v>
      </c>
      <c r="GU22" s="113">
        <v>0</v>
      </c>
      <c r="GV22" s="110">
        <v>0</v>
      </c>
      <c r="GW22" s="114">
        <v>0</v>
      </c>
      <c r="GX22" s="114">
        <v>140320</v>
      </c>
      <c r="GY22" s="114">
        <v>24640</v>
      </c>
      <c r="GZ22" s="114">
        <v>0</v>
      </c>
      <c r="HA22" s="114">
        <v>0</v>
      </c>
      <c r="HB22" s="112">
        <v>164960</v>
      </c>
      <c r="HC22" s="116">
        <v>164960</v>
      </c>
      <c r="HD22" s="110">
        <v>155783</v>
      </c>
      <c r="HE22" s="114">
        <v>130694</v>
      </c>
      <c r="HF22" s="112">
        <v>286477</v>
      </c>
      <c r="HG22" s="111">
        <v>0</v>
      </c>
      <c r="HH22" s="114">
        <v>726790</v>
      </c>
      <c r="HI22" s="114">
        <v>854193</v>
      </c>
      <c r="HJ22" s="114">
        <v>1129523</v>
      </c>
      <c r="HK22" s="114">
        <v>1689603</v>
      </c>
      <c r="HL22" s="114">
        <v>657684</v>
      </c>
      <c r="HM22" s="113">
        <v>5057793</v>
      </c>
      <c r="HN22" s="109">
        <v>5344270</v>
      </c>
      <c r="HO22" s="329"/>
      <c r="HP22" s="330"/>
      <c r="HQ22" s="331"/>
      <c r="HR22" s="332"/>
      <c r="HS22" s="330"/>
      <c r="HT22" s="330"/>
      <c r="HU22" s="330"/>
      <c r="HV22" s="330"/>
      <c r="HW22" s="330"/>
      <c r="HX22" s="333"/>
      <c r="HY22" s="334"/>
      <c r="HZ22" s="150">
        <v>0</v>
      </c>
      <c r="IA22" s="135">
        <v>0</v>
      </c>
      <c r="IB22" s="150">
        <v>0</v>
      </c>
      <c r="IC22" s="134">
        <v>0</v>
      </c>
      <c r="ID22" s="135">
        <v>1100513</v>
      </c>
      <c r="IE22" s="136">
        <v>2332139</v>
      </c>
      <c r="IF22" s="137">
        <v>2908058</v>
      </c>
      <c r="IG22" s="135">
        <v>1299495</v>
      </c>
      <c r="IH22" s="137">
        <v>637784</v>
      </c>
      <c r="II22" s="138">
        <v>8277989</v>
      </c>
      <c r="IJ22" s="150">
        <v>8277989</v>
      </c>
      <c r="IK22" s="232">
        <v>0</v>
      </c>
      <c r="IL22" s="236">
        <v>0</v>
      </c>
      <c r="IM22" s="237">
        <v>0</v>
      </c>
      <c r="IN22" s="140"/>
      <c r="IO22" s="119">
        <v>0</v>
      </c>
      <c r="IP22" s="119">
        <v>97018</v>
      </c>
      <c r="IQ22" s="119">
        <v>0</v>
      </c>
      <c r="IR22" s="119">
        <v>0</v>
      </c>
      <c r="IS22" s="119">
        <v>0</v>
      </c>
      <c r="IT22" s="141">
        <v>97018</v>
      </c>
      <c r="IU22" s="321">
        <v>97018</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626868</v>
      </c>
      <c r="JL22" s="119">
        <v>776468</v>
      </c>
      <c r="JM22" s="119">
        <v>910766</v>
      </c>
      <c r="JN22" s="119">
        <v>300455</v>
      </c>
      <c r="JO22" s="119">
        <v>99276</v>
      </c>
      <c r="JP22" s="120">
        <v>2713833</v>
      </c>
      <c r="JQ22" s="321">
        <v>2713833</v>
      </c>
      <c r="JR22" s="142">
        <v>0</v>
      </c>
      <c r="JS22" s="119">
        <v>0</v>
      </c>
      <c r="JT22" s="141">
        <v>0</v>
      </c>
      <c r="JU22" s="118">
        <v>0</v>
      </c>
      <c r="JV22" s="119">
        <v>126691</v>
      </c>
      <c r="JW22" s="119">
        <v>0</v>
      </c>
      <c r="JX22" s="119">
        <v>40942</v>
      </c>
      <c r="JY22" s="119">
        <v>0</v>
      </c>
      <c r="JZ22" s="119">
        <v>239278</v>
      </c>
      <c r="KA22" s="120">
        <v>406911</v>
      </c>
      <c r="KB22" s="321">
        <v>406911</v>
      </c>
      <c r="KC22" s="234">
        <v>0</v>
      </c>
      <c r="KD22" s="230">
        <v>0</v>
      </c>
      <c r="KE22" s="120">
        <v>0</v>
      </c>
      <c r="KF22" s="118">
        <v>0</v>
      </c>
      <c r="KG22" s="119">
        <v>0</v>
      </c>
      <c r="KH22" s="119">
        <v>319544</v>
      </c>
      <c r="KI22" s="119">
        <v>720248</v>
      </c>
      <c r="KJ22" s="119">
        <v>493872</v>
      </c>
      <c r="KK22" s="119">
        <v>299230</v>
      </c>
      <c r="KL22" s="120">
        <v>1832894</v>
      </c>
      <c r="KM22" s="143">
        <v>1832894</v>
      </c>
      <c r="KN22" s="232">
        <v>0</v>
      </c>
      <c r="KO22" s="236">
        <v>0</v>
      </c>
      <c r="KP22" s="237">
        <v>0</v>
      </c>
      <c r="KQ22" s="140"/>
      <c r="KR22" s="119">
        <v>178800</v>
      </c>
      <c r="KS22" s="119">
        <v>1139109</v>
      </c>
      <c r="KT22" s="119">
        <v>490615</v>
      </c>
      <c r="KU22" s="119">
        <v>251003</v>
      </c>
      <c r="KV22" s="119">
        <v>0</v>
      </c>
      <c r="KW22" s="120">
        <v>2059527</v>
      </c>
      <c r="KX22" s="321">
        <v>2059527</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745487</v>
      </c>
      <c r="LQ22" s="119">
        <v>254165</v>
      </c>
      <c r="LR22" s="119">
        <v>0</v>
      </c>
      <c r="LS22" s="120">
        <v>999652</v>
      </c>
      <c r="LT22" s="321">
        <v>999652</v>
      </c>
      <c r="LU22" s="142">
        <v>0</v>
      </c>
      <c r="LV22" s="119">
        <v>0</v>
      </c>
      <c r="LW22" s="120">
        <v>0</v>
      </c>
      <c r="LX22" s="145">
        <v>0</v>
      </c>
      <c r="LY22" s="119">
        <v>168154</v>
      </c>
      <c r="LZ22" s="119">
        <v>0</v>
      </c>
      <c r="MA22" s="119">
        <v>0</v>
      </c>
      <c r="MB22" s="119">
        <v>0</v>
      </c>
      <c r="MC22" s="119">
        <v>0</v>
      </c>
      <c r="MD22" s="120">
        <v>168154</v>
      </c>
      <c r="ME22" s="121">
        <v>168154</v>
      </c>
      <c r="MF22" s="142">
        <v>0</v>
      </c>
      <c r="MG22" s="119">
        <v>0</v>
      </c>
      <c r="MH22" s="120">
        <v>0</v>
      </c>
      <c r="MI22" s="145"/>
      <c r="MJ22" s="119">
        <v>249704</v>
      </c>
      <c r="MK22" s="119">
        <v>1167295</v>
      </c>
      <c r="ML22" s="119">
        <v>3634652</v>
      </c>
      <c r="MM22" s="119">
        <v>6042250</v>
      </c>
      <c r="MN22" s="119">
        <v>2909483</v>
      </c>
      <c r="MO22" s="120">
        <v>14003384</v>
      </c>
      <c r="MP22" s="143">
        <v>14003384</v>
      </c>
      <c r="MQ22" s="142">
        <v>0</v>
      </c>
      <c r="MR22" s="119">
        <v>0</v>
      </c>
      <c r="MS22" s="120">
        <v>0</v>
      </c>
      <c r="MT22" s="145">
        <v>0</v>
      </c>
      <c r="MU22" s="119">
        <v>0</v>
      </c>
      <c r="MV22" s="119">
        <v>381910</v>
      </c>
      <c r="MW22" s="119">
        <v>1787233</v>
      </c>
      <c r="MX22" s="119">
        <v>4129914</v>
      </c>
      <c r="MY22" s="119">
        <v>1065817</v>
      </c>
      <c r="MZ22" s="120">
        <v>7364874</v>
      </c>
      <c r="NA22" s="143">
        <v>7364874</v>
      </c>
      <c r="NB22" s="142">
        <v>0</v>
      </c>
      <c r="NC22" s="119">
        <v>0</v>
      </c>
      <c r="ND22" s="120">
        <v>0</v>
      </c>
      <c r="NE22" s="145"/>
      <c r="NF22" s="119">
        <v>249704</v>
      </c>
      <c r="NG22" s="119">
        <v>785385</v>
      </c>
      <c r="NH22" s="119">
        <v>1847419</v>
      </c>
      <c r="NI22" s="119">
        <v>1912336</v>
      </c>
      <c r="NJ22" s="119">
        <v>1503844</v>
      </c>
      <c r="NK22" s="120">
        <v>6298688</v>
      </c>
      <c r="NL22" s="321">
        <v>6298688</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39822</v>
      </c>
      <c r="OG22" s="120">
        <v>339822</v>
      </c>
      <c r="OH22" s="121">
        <v>339822</v>
      </c>
      <c r="OI22" s="142">
        <v>324125</v>
      </c>
      <c r="OJ22" s="119">
        <v>586655</v>
      </c>
      <c r="OK22" s="141">
        <v>910780</v>
      </c>
      <c r="OL22" s="118">
        <v>0</v>
      </c>
      <c r="OM22" s="119">
        <v>4896018</v>
      </c>
      <c r="ON22" s="119">
        <v>10010541</v>
      </c>
      <c r="OO22" s="119">
        <v>12441791</v>
      </c>
      <c r="OP22" s="119">
        <v>12423790</v>
      </c>
      <c r="OQ22" s="119">
        <v>9025166</v>
      </c>
      <c r="OR22" s="120">
        <v>48797306</v>
      </c>
      <c r="OS22" s="143">
        <v>49708086</v>
      </c>
    </row>
    <row r="23" spans="2:409" ht="20.25" customHeight="1" x14ac:dyDescent="0.2">
      <c r="B23" s="126" t="s">
        <v>18</v>
      </c>
      <c r="C23" s="110">
        <v>276970</v>
      </c>
      <c r="D23" s="114">
        <v>1054021</v>
      </c>
      <c r="E23" s="113">
        <v>1330991</v>
      </c>
      <c r="F23" s="109">
        <v>0</v>
      </c>
      <c r="G23" s="114">
        <v>6521889</v>
      </c>
      <c r="H23" s="114">
        <v>10389774</v>
      </c>
      <c r="I23" s="114">
        <v>8258106</v>
      </c>
      <c r="J23" s="114">
        <v>6731979</v>
      </c>
      <c r="K23" s="114">
        <v>3420603</v>
      </c>
      <c r="L23" s="109">
        <v>35322351</v>
      </c>
      <c r="M23" s="116">
        <v>36653342</v>
      </c>
      <c r="N23" s="110">
        <v>106579</v>
      </c>
      <c r="O23" s="114">
        <v>265382</v>
      </c>
      <c r="P23" s="113">
        <v>371961</v>
      </c>
      <c r="Q23" s="110">
        <v>0</v>
      </c>
      <c r="R23" s="114">
        <v>1652265</v>
      </c>
      <c r="S23" s="114">
        <v>3156607</v>
      </c>
      <c r="T23" s="114">
        <v>1717706</v>
      </c>
      <c r="U23" s="114">
        <v>3094861</v>
      </c>
      <c r="V23" s="114">
        <v>917533</v>
      </c>
      <c r="W23" s="113">
        <v>10538972</v>
      </c>
      <c r="X23" s="116">
        <v>10910933</v>
      </c>
      <c r="Y23" s="110">
        <v>0</v>
      </c>
      <c r="Z23" s="114">
        <v>0</v>
      </c>
      <c r="AA23" s="113">
        <v>0</v>
      </c>
      <c r="AB23" s="110">
        <v>0</v>
      </c>
      <c r="AC23" s="114">
        <v>495447</v>
      </c>
      <c r="AD23" s="114">
        <v>1712695</v>
      </c>
      <c r="AE23" s="114">
        <v>857393</v>
      </c>
      <c r="AF23" s="114">
        <v>1709815</v>
      </c>
      <c r="AG23" s="114">
        <v>422433</v>
      </c>
      <c r="AH23" s="113">
        <v>5197783</v>
      </c>
      <c r="AI23" s="116">
        <v>5197783</v>
      </c>
      <c r="AJ23" s="110">
        <v>0</v>
      </c>
      <c r="AK23" s="114">
        <v>0</v>
      </c>
      <c r="AL23" s="113">
        <v>0</v>
      </c>
      <c r="AM23" s="110">
        <v>0</v>
      </c>
      <c r="AN23" s="114">
        <v>0</v>
      </c>
      <c r="AO23" s="114">
        <v>104157</v>
      </c>
      <c r="AP23" s="114">
        <v>45641</v>
      </c>
      <c r="AQ23" s="114">
        <v>165452</v>
      </c>
      <c r="AR23" s="114">
        <v>95024</v>
      </c>
      <c r="AS23" s="113">
        <v>410274</v>
      </c>
      <c r="AT23" s="116">
        <v>410274</v>
      </c>
      <c r="AU23" s="110">
        <v>101467</v>
      </c>
      <c r="AV23" s="114">
        <v>109805</v>
      </c>
      <c r="AW23" s="113">
        <v>211272</v>
      </c>
      <c r="AX23" s="110">
        <v>0</v>
      </c>
      <c r="AY23" s="114">
        <v>704970</v>
      </c>
      <c r="AZ23" s="114">
        <v>695439</v>
      </c>
      <c r="BA23" s="114">
        <v>374024</v>
      </c>
      <c r="BB23" s="114">
        <v>718617</v>
      </c>
      <c r="BC23" s="114">
        <v>111192</v>
      </c>
      <c r="BD23" s="113">
        <v>2604242</v>
      </c>
      <c r="BE23" s="116">
        <v>2815514</v>
      </c>
      <c r="BF23" s="110">
        <v>0</v>
      </c>
      <c r="BG23" s="114">
        <v>73761</v>
      </c>
      <c r="BH23" s="112">
        <v>73761</v>
      </c>
      <c r="BI23" s="111">
        <v>0</v>
      </c>
      <c r="BJ23" s="114">
        <v>143360</v>
      </c>
      <c r="BK23" s="114">
        <v>121028</v>
      </c>
      <c r="BL23" s="114">
        <v>0</v>
      </c>
      <c r="BM23" s="114">
        <v>69705</v>
      </c>
      <c r="BN23" s="114">
        <v>78052</v>
      </c>
      <c r="BO23" s="113">
        <v>412145</v>
      </c>
      <c r="BP23" s="116">
        <v>485906</v>
      </c>
      <c r="BQ23" s="110">
        <v>5112</v>
      </c>
      <c r="BR23" s="114">
        <v>81816</v>
      </c>
      <c r="BS23" s="113">
        <v>86928</v>
      </c>
      <c r="BT23" s="110">
        <v>0</v>
      </c>
      <c r="BU23" s="114">
        <v>308488</v>
      </c>
      <c r="BV23" s="114">
        <v>523288</v>
      </c>
      <c r="BW23" s="114">
        <v>440648</v>
      </c>
      <c r="BX23" s="114">
        <v>431272</v>
      </c>
      <c r="BY23" s="114">
        <v>210832</v>
      </c>
      <c r="BZ23" s="113">
        <v>1914528</v>
      </c>
      <c r="CA23" s="116">
        <v>2001456</v>
      </c>
      <c r="CB23" s="110">
        <v>62471</v>
      </c>
      <c r="CC23" s="114">
        <v>427167</v>
      </c>
      <c r="CD23" s="113">
        <v>489638</v>
      </c>
      <c r="CE23" s="110">
        <v>0</v>
      </c>
      <c r="CF23" s="114">
        <v>2620181</v>
      </c>
      <c r="CG23" s="114">
        <v>3119136</v>
      </c>
      <c r="CH23" s="114">
        <v>2669690</v>
      </c>
      <c r="CI23" s="114">
        <v>923282</v>
      </c>
      <c r="CJ23" s="114">
        <v>595960</v>
      </c>
      <c r="CK23" s="113">
        <v>9928249</v>
      </c>
      <c r="CL23" s="116">
        <v>10417887</v>
      </c>
      <c r="CM23" s="110">
        <v>0</v>
      </c>
      <c r="CN23" s="114">
        <v>0</v>
      </c>
      <c r="CO23" s="113">
        <v>0</v>
      </c>
      <c r="CP23" s="111">
        <v>0</v>
      </c>
      <c r="CQ23" s="114">
        <v>2063919</v>
      </c>
      <c r="CR23" s="114">
        <v>2439184</v>
      </c>
      <c r="CS23" s="114">
        <v>2114681</v>
      </c>
      <c r="CT23" s="114">
        <v>593846</v>
      </c>
      <c r="CU23" s="114">
        <v>410206</v>
      </c>
      <c r="CV23" s="113">
        <v>7621836</v>
      </c>
      <c r="CW23" s="116">
        <v>7621836</v>
      </c>
      <c r="CX23" s="110">
        <v>62471</v>
      </c>
      <c r="CY23" s="114">
        <v>427167</v>
      </c>
      <c r="CZ23" s="113">
        <v>489638</v>
      </c>
      <c r="DA23" s="110">
        <v>0</v>
      </c>
      <c r="DB23" s="114">
        <v>556262</v>
      </c>
      <c r="DC23" s="114">
        <v>679952</v>
      </c>
      <c r="DD23" s="114">
        <v>555009</v>
      </c>
      <c r="DE23" s="114">
        <v>329436</v>
      </c>
      <c r="DF23" s="114">
        <v>185754</v>
      </c>
      <c r="DG23" s="113">
        <v>2306413</v>
      </c>
      <c r="DH23" s="116">
        <v>2796051</v>
      </c>
      <c r="DI23" s="110">
        <v>18584</v>
      </c>
      <c r="DJ23" s="114">
        <v>45372</v>
      </c>
      <c r="DK23" s="112">
        <v>63956</v>
      </c>
      <c r="DL23" s="111">
        <v>0</v>
      </c>
      <c r="DM23" s="114">
        <v>135054</v>
      </c>
      <c r="DN23" s="114">
        <v>1202024</v>
      </c>
      <c r="DO23" s="114">
        <v>1763660</v>
      </c>
      <c r="DP23" s="114">
        <v>511081</v>
      </c>
      <c r="DQ23" s="114">
        <v>413888</v>
      </c>
      <c r="DR23" s="113">
        <v>4025707</v>
      </c>
      <c r="DS23" s="116">
        <v>4089663</v>
      </c>
      <c r="DT23" s="110">
        <v>18584</v>
      </c>
      <c r="DU23" s="114">
        <v>45372</v>
      </c>
      <c r="DV23" s="113">
        <v>63956</v>
      </c>
      <c r="DW23" s="110">
        <v>0</v>
      </c>
      <c r="DX23" s="114">
        <v>135054</v>
      </c>
      <c r="DY23" s="114">
        <v>1202024</v>
      </c>
      <c r="DZ23" s="114">
        <v>1596628</v>
      </c>
      <c r="EA23" s="114">
        <v>511081</v>
      </c>
      <c r="EB23" s="114">
        <v>413888</v>
      </c>
      <c r="EC23" s="113">
        <v>3858675</v>
      </c>
      <c r="ED23" s="116">
        <v>3922631</v>
      </c>
      <c r="EE23" s="110">
        <v>0</v>
      </c>
      <c r="EF23" s="112">
        <v>0</v>
      </c>
      <c r="EG23" s="113">
        <v>0</v>
      </c>
      <c r="EH23" s="110">
        <v>0</v>
      </c>
      <c r="EI23" s="114">
        <v>0</v>
      </c>
      <c r="EJ23" s="114">
        <v>0</v>
      </c>
      <c r="EK23" s="114">
        <v>167032</v>
      </c>
      <c r="EL23" s="114">
        <v>0</v>
      </c>
      <c r="EM23" s="114">
        <v>0</v>
      </c>
      <c r="EN23" s="112">
        <v>167032</v>
      </c>
      <c r="EO23" s="116">
        <v>167032</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8"/>
      <c r="FE23" s="114">
        <v>0</v>
      </c>
      <c r="FF23" s="114">
        <v>0</v>
      </c>
      <c r="FG23" s="114">
        <v>0</v>
      </c>
      <c r="FH23" s="114">
        <v>0</v>
      </c>
      <c r="FI23" s="114">
        <v>0</v>
      </c>
      <c r="FJ23" s="113">
        <v>0</v>
      </c>
      <c r="FK23" s="116">
        <v>0</v>
      </c>
      <c r="FL23" s="110">
        <v>37112</v>
      </c>
      <c r="FM23" s="114">
        <v>133888</v>
      </c>
      <c r="FN23" s="113">
        <v>171000</v>
      </c>
      <c r="FO23" s="110">
        <v>0</v>
      </c>
      <c r="FP23" s="114">
        <v>313016</v>
      </c>
      <c r="FQ23" s="114">
        <v>847852</v>
      </c>
      <c r="FR23" s="114">
        <v>557416</v>
      </c>
      <c r="FS23" s="114">
        <v>633204</v>
      </c>
      <c r="FT23" s="114">
        <v>201808</v>
      </c>
      <c r="FU23" s="113">
        <v>2553296</v>
      </c>
      <c r="FV23" s="116">
        <v>2724296</v>
      </c>
      <c r="FW23" s="115">
        <v>37112</v>
      </c>
      <c r="FX23" s="114">
        <v>133888</v>
      </c>
      <c r="FY23" s="112">
        <v>171000</v>
      </c>
      <c r="FZ23" s="111">
        <v>0</v>
      </c>
      <c r="GA23" s="114">
        <v>313016</v>
      </c>
      <c r="GB23" s="114">
        <v>629452</v>
      </c>
      <c r="GC23" s="114">
        <v>516936</v>
      </c>
      <c r="GD23" s="114">
        <v>572304</v>
      </c>
      <c r="GE23" s="114">
        <v>201808</v>
      </c>
      <c r="GF23" s="113">
        <v>2233516</v>
      </c>
      <c r="GG23" s="319">
        <v>2404516</v>
      </c>
      <c r="GH23" s="115">
        <v>0</v>
      </c>
      <c r="GI23" s="114">
        <v>0</v>
      </c>
      <c r="GJ23" s="112">
        <v>0</v>
      </c>
      <c r="GK23" s="111">
        <v>0</v>
      </c>
      <c r="GL23" s="114">
        <v>0</v>
      </c>
      <c r="GM23" s="114">
        <v>0</v>
      </c>
      <c r="GN23" s="114">
        <v>0</v>
      </c>
      <c r="GO23" s="114">
        <v>26580</v>
      </c>
      <c r="GP23" s="114">
        <v>0</v>
      </c>
      <c r="GQ23" s="113">
        <v>26580</v>
      </c>
      <c r="GR23" s="116">
        <v>26580</v>
      </c>
      <c r="GS23" s="110">
        <v>0</v>
      </c>
      <c r="GT23" s="114">
        <v>0</v>
      </c>
      <c r="GU23" s="113">
        <v>0</v>
      </c>
      <c r="GV23" s="110">
        <v>0</v>
      </c>
      <c r="GW23" s="114">
        <v>0</v>
      </c>
      <c r="GX23" s="114">
        <v>218400</v>
      </c>
      <c r="GY23" s="114">
        <v>40480</v>
      </c>
      <c r="GZ23" s="114">
        <v>34320</v>
      </c>
      <c r="HA23" s="114">
        <v>0</v>
      </c>
      <c r="HB23" s="112">
        <v>293200</v>
      </c>
      <c r="HC23" s="116">
        <v>293200</v>
      </c>
      <c r="HD23" s="110">
        <v>52224</v>
      </c>
      <c r="HE23" s="114">
        <v>182212</v>
      </c>
      <c r="HF23" s="112">
        <v>234436</v>
      </c>
      <c r="HG23" s="111">
        <v>0</v>
      </c>
      <c r="HH23" s="114">
        <v>1801373</v>
      </c>
      <c r="HI23" s="114">
        <v>2064155</v>
      </c>
      <c r="HJ23" s="114">
        <v>1549634</v>
      </c>
      <c r="HK23" s="114">
        <v>1569551</v>
      </c>
      <c r="HL23" s="114">
        <v>1291414</v>
      </c>
      <c r="HM23" s="113">
        <v>8276127</v>
      </c>
      <c r="HN23" s="109">
        <v>8510563</v>
      </c>
      <c r="HO23" s="329"/>
      <c r="HP23" s="330"/>
      <c r="HQ23" s="331"/>
      <c r="HR23" s="332"/>
      <c r="HS23" s="330"/>
      <c r="HT23" s="330"/>
      <c r="HU23" s="330"/>
      <c r="HV23" s="330"/>
      <c r="HW23" s="330"/>
      <c r="HX23" s="333"/>
      <c r="HY23" s="334"/>
      <c r="HZ23" s="131">
        <v>90020</v>
      </c>
      <c r="IA23" s="132">
        <v>0</v>
      </c>
      <c r="IB23" s="133">
        <v>90020</v>
      </c>
      <c r="IC23" s="146">
        <v>0</v>
      </c>
      <c r="ID23" s="132">
        <v>1863483</v>
      </c>
      <c r="IE23" s="147">
        <v>3435238</v>
      </c>
      <c r="IF23" s="133">
        <v>2783780</v>
      </c>
      <c r="IG23" s="132">
        <v>1631553</v>
      </c>
      <c r="IH23" s="133">
        <v>913664</v>
      </c>
      <c r="II23" s="148">
        <v>10627718</v>
      </c>
      <c r="IJ23" s="139">
        <v>10717738</v>
      </c>
      <c r="IK23" s="232">
        <v>0</v>
      </c>
      <c r="IL23" s="236">
        <v>0</v>
      </c>
      <c r="IM23" s="237">
        <v>0</v>
      </c>
      <c r="IN23" s="140"/>
      <c r="IO23" s="119">
        <v>0</v>
      </c>
      <c r="IP23" s="119">
        <v>0</v>
      </c>
      <c r="IQ23" s="119">
        <v>0</v>
      </c>
      <c r="IR23" s="119">
        <v>0</v>
      </c>
      <c r="IS23" s="119">
        <v>0</v>
      </c>
      <c r="IT23" s="141">
        <v>0</v>
      </c>
      <c r="IU23" s="321">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802703</v>
      </c>
      <c r="JL23" s="119">
        <v>989454</v>
      </c>
      <c r="JM23" s="119">
        <v>273694</v>
      </c>
      <c r="JN23" s="119">
        <v>40695</v>
      </c>
      <c r="JO23" s="119">
        <v>0</v>
      </c>
      <c r="JP23" s="120">
        <v>2106546</v>
      </c>
      <c r="JQ23" s="321">
        <v>2106546</v>
      </c>
      <c r="JR23" s="142">
        <v>0</v>
      </c>
      <c r="JS23" s="119">
        <v>0</v>
      </c>
      <c r="JT23" s="141">
        <v>0</v>
      </c>
      <c r="JU23" s="118">
        <v>0</v>
      </c>
      <c r="JV23" s="119">
        <v>129141</v>
      </c>
      <c r="JW23" s="119">
        <v>0</v>
      </c>
      <c r="JX23" s="119">
        <v>109145</v>
      </c>
      <c r="JY23" s="119">
        <v>0</v>
      </c>
      <c r="JZ23" s="119">
        <v>62168</v>
      </c>
      <c r="KA23" s="120">
        <v>300454</v>
      </c>
      <c r="KB23" s="321">
        <v>300454</v>
      </c>
      <c r="KC23" s="234">
        <v>90020</v>
      </c>
      <c r="KD23" s="230">
        <v>0</v>
      </c>
      <c r="KE23" s="120">
        <v>90020</v>
      </c>
      <c r="KF23" s="118">
        <v>0</v>
      </c>
      <c r="KG23" s="119">
        <v>704591</v>
      </c>
      <c r="KH23" s="119">
        <v>1045957</v>
      </c>
      <c r="KI23" s="119">
        <v>936500</v>
      </c>
      <c r="KJ23" s="119">
        <v>137132</v>
      </c>
      <c r="KK23" s="119">
        <v>0</v>
      </c>
      <c r="KL23" s="120">
        <v>2824180</v>
      </c>
      <c r="KM23" s="143">
        <v>2914200</v>
      </c>
      <c r="KN23" s="232">
        <v>0</v>
      </c>
      <c r="KO23" s="236">
        <v>0</v>
      </c>
      <c r="KP23" s="237">
        <v>0</v>
      </c>
      <c r="KQ23" s="140"/>
      <c r="KR23" s="119">
        <v>227048</v>
      </c>
      <c r="KS23" s="119">
        <v>1399827</v>
      </c>
      <c r="KT23" s="119">
        <v>1220323</v>
      </c>
      <c r="KU23" s="119">
        <v>479026</v>
      </c>
      <c r="KV23" s="119">
        <v>851496</v>
      </c>
      <c r="KW23" s="120">
        <v>4177720</v>
      </c>
      <c r="KX23" s="321">
        <v>417772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1">
        <v>0</v>
      </c>
      <c r="LU23" s="142">
        <v>0</v>
      </c>
      <c r="LV23" s="119">
        <v>0</v>
      </c>
      <c r="LW23" s="120">
        <v>0</v>
      </c>
      <c r="LX23" s="145">
        <v>0</v>
      </c>
      <c r="LY23" s="119">
        <v>0</v>
      </c>
      <c r="LZ23" s="119">
        <v>0</v>
      </c>
      <c r="MA23" s="119">
        <v>244118</v>
      </c>
      <c r="MB23" s="119">
        <v>974700</v>
      </c>
      <c r="MC23" s="119">
        <v>0</v>
      </c>
      <c r="MD23" s="120">
        <v>1218818</v>
      </c>
      <c r="ME23" s="121">
        <v>1218818</v>
      </c>
      <c r="MF23" s="142">
        <v>0</v>
      </c>
      <c r="MG23" s="119">
        <v>0</v>
      </c>
      <c r="MH23" s="120">
        <v>0</v>
      </c>
      <c r="MI23" s="145"/>
      <c r="MJ23" s="119">
        <v>256842</v>
      </c>
      <c r="MK23" s="119">
        <v>505734</v>
      </c>
      <c r="ML23" s="119">
        <v>2873493</v>
      </c>
      <c r="MM23" s="119">
        <v>7093736</v>
      </c>
      <c r="MN23" s="119">
        <v>3128505</v>
      </c>
      <c r="MO23" s="120">
        <v>13858310</v>
      </c>
      <c r="MP23" s="143">
        <v>13858310</v>
      </c>
      <c r="MQ23" s="142">
        <v>0</v>
      </c>
      <c r="MR23" s="119">
        <v>0</v>
      </c>
      <c r="MS23" s="120">
        <v>0</v>
      </c>
      <c r="MT23" s="145">
        <v>0</v>
      </c>
      <c r="MU23" s="119">
        <v>0</v>
      </c>
      <c r="MV23" s="119">
        <v>0</v>
      </c>
      <c r="MW23" s="119">
        <v>2328901</v>
      </c>
      <c r="MX23" s="119">
        <v>5043017</v>
      </c>
      <c r="MY23" s="119">
        <v>2124446</v>
      </c>
      <c r="MZ23" s="120">
        <v>9496364</v>
      </c>
      <c r="NA23" s="143">
        <v>9496364</v>
      </c>
      <c r="NB23" s="142">
        <v>0</v>
      </c>
      <c r="NC23" s="119">
        <v>0</v>
      </c>
      <c r="ND23" s="120">
        <v>0</v>
      </c>
      <c r="NE23" s="145"/>
      <c r="NF23" s="119">
        <v>256842</v>
      </c>
      <c r="NG23" s="119">
        <v>505734</v>
      </c>
      <c r="NH23" s="119">
        <v>544592</v>
      </c>
      <c r="NI23" s="119">
        <v>1756650</v>
      </c>
      <c r="NJ23" s="119">
        <v>630275</v>
      </c>
      <c r="NK23" s="120">
        <v>3694093</v>
      </c>
      <c r="NL23" s="321">
        <v>3694093</v>
      </c>
      <c r="NM23" s="142">
        <v>0</v>
      </c>
      <c r="NN23" s="119">
        <v>0</v>
      </c>
      <c r="NO23" s="120">
        <v>0</v>
      </c>
      <c r="NP23" s="145"/>
      <c r="NQ23" s="119">
        <v>0</v>
      </c>
      <c r="NR23" s="119">
        <v>0</v>
      </c>
      <c r="NS23" s="119">
        <v>0</v>
      </c>
      <c r="NT23" s="119">
        <v>294069</v>
      </c>
      <c r="NU23" s="119">
        <v>0</v>
      </c>
      <c r="NV23" s="120">
        <v>294069</v>
      </c>
      <c r="NW23" s="121">
        <v>294069</v>
      </c>
      <c r="NX23" s="142">
        <v>0</v>
      </c>
      <c r="NY23" s="119">
        <v>0</v>
      </c>
      <c r="NZ23" s="120">
        <v>0</v>
      </c>
      <c r="OA23" s="145"/>
      <c r="OB23" s="119">
        <v>0</v>
      </c>
      <c r="OC23" s="119">
        <v>0</v>
      </c>
      <c r="OD23" s="119">
        <v>0</v>
      </c>
      <c r="OE23" s="119">
        <v>0</v>
      </c>
      <c r="OF23" s="119">
        <v>373784</v>
      </c>
      <c r="OG23" s="120">
        <v>373784</v>
      </c>
      <c r="OH23" s="121">
        <v>373784</v>
      </c>
      <c r="OI23" s="142">
        <v>366990</v>
      </c>
      <c r="OJ23" s="119">
        <v>1054021</v>
      </c>
      <c r="OK23" s="141">
        <v>1421011</v>
      </c>
      <c r="OL23" s="118">
        <v>0</v>
      </c>
      <c r="OM23" s="119">
        <v>8642214</v>
      </c>
      <c r="ON23" s="119">
        <v>14330746</v>
      </c>
      <c r="OO23" s="119">
        <v>13915379</v>
      </c>
      <c r="OP23" s="119">
        <v>15457268</v>
      </c>
      <c r="OQ23" s="119">
        <v>7462772</v>
      </c>
      <c r="OR23" s="120">
        <v>59808379</v>
      </c>
      <c r="OS23" s="143">
        <v>61229390</v>
      </c>
    </row>
    <row r="24" spans="2:409" ht="20.25" customHeight="1" x14ac:dyDescent="0.2">
      <c r="B24" s="126" t="s">
        <v>19</v>
      </c>
      <c r="C24" s="110">
        <v>227826</v>
      </c>
      <c r="D24" s="114">
        <v>394093</v>
      </c>
      <c r="E24" s="113">
        <v>621919</v>
      </c>
      <c r="F24" s="109">
        <v>0</v>
      </c>
      <c r="G24" s="114">
        <v>4222006</v>
      </c>
      <c r="H24" s="114">
        <v>4036755</v>
      </c>
      <c r="I24" s="114">
        <v>2544599</v>
      </c>
      <c r="J24" s="114">
        <v>3774548</v>
      </c>
      <c r="K24" s="114">
        <v>984786</v>
      </c>
      <c r="L24" s="109">
        <v>15562694</v>
      </c>
      <c r="M24" s="116">
        <v>16184613</v>
      </c>
      <c r="N24" s="110">
        <v>53868</v>
      </c>
      <c r="O24" s="114">
        <v>31172</v>
      </c>
      <c r="P24" s="113">
        <v>85040</v>
      </c>
      <c r="Q24" s="110">
        <v>0</v>
      </c>
      <c r="R24" s="114">
        <v>1330966</v>
      </c>
      <c r="S24" s="114">
        <v>852464</v>
      </c>
      <c r="T24" s="114">
        <v>942201</v>
      </c>
      <c r="U24" s="114">
        <v>1833470</v>
      </c>
      <c r="V24" s="114">
        <v>742918</v>
      </c>
      <c r="W24" s="113">
        <v>5702019</v>
      </c>
      <c r="X24" s="116">
        <v>5787059</v>
      </c>
      <c r="Y24" s="110">
        <v>0</v>
      </c>
      <c r="Z24" s="114">
        <v>0</v>
      </c>
      <c r="AA24" s="113">
        <v>0</v>
      </c>
      <c r="AB24" s="110">
        <v>0</v>
      </c>
      <c r="AC24" s="114">
        <v>549719</v>
      </c>
      <c r="AD24" s="114">
        <v>220991</v>
      </c>
      <c r="AE24" s="114">
        <v>355231</v>
      </c>
      <c r="AF24" s="114">
        <v>913894</v>
      </c>
      <c r="AG24" s="114">
        <v>33897</v>
      </c>
      <c r="AH24" s="113">
        <v>2073732</v>
      </c>
      <c r="AI24" s="116">
        <v>2073732</v>
      </c>
      <c r="AJ24" s="110">
        <v>0</v>
      </c>
      <c r="AK24" s="114">
        <v>0</v>
      </c>
      <c r="AL24" s="113">
        <v>0</v>
      </c>
      <c r="AM24" s="110">
        <v>0</v>
      </c>
      <c r="AN24" s="114">
        <v>0</v>
      </c>
      <c r="AO24" s="114">
        <v>11559</v>
      </c>
      <c r="AP24" s="114">
        <v>93466</v>
      </c>
      <c r="AQ24" s="114">
        <v>150791</v>
      </c>
      <c r="AR24" s="114">
        <v>198616</v>
      </c>
      <c r="AS24" s="113">
        <v>454432</v>
      </c>
      <c r="AT24" s="116">
        <v>454432</v>
      </c>
      <c r="AU24" s="110">
        <v>15612</v>
      </c>
      <c r="AV24" s="114">
        <v>17428</v>
      </c>
      <c r="AW24" s="113">
        <v>33040</v>
      </c>
      <c r="AX24" s="110">
        <v>0</v>
      </c>
      <c r="AY24" s="114">
        <v>460892</v>
      </c>
      <c r="AZ24" s="114">
        <v>428151</v>
      </c>
      <c r="BA24" s="114">
        <v>263707</v>
      </c>
      <c r="BB24" s="114">
        <v>457997</v>
      </c>
      <c r="BC24" s="114">
        <v>443005</v>
      </c>
      <c r="BD24" s="113">
        <v>2053752</v>
      </c>
      <c r="BE24" s="116">
        <v>2086792</v>
      </c>
      <c r="BF24" s="110">
        <v>0</v>
      </c>
      <c r="BG24" s="114">
        <v>0</v>
      </c>
      <c r="BH24" s="112">
        <v>0</v>
      </c>
      <c r="BI24" s="111">
        <v>0</v>
      </c>
      <c r="BJ24" s="114">
        <v>33219</v>
      </c>
      <c r="BK24" s="114">
        <v>33219</v>
      </c>
      <c r="BL24" s="114">
        <v>88709</v>
      </c>
      <c r="BM24" s="114">
        <v>31900</v>
      </c>
      <c r="BN24" s="114">
        <v>0</v>
      </c>
      <c r="BO24" s="113">
        <v>187047</v>
      </c>
      <c r="BP24" s="116">
        <v>187047</v>
      </c>
      <c r="BQ24" s="110">
        <v>38256</v>
      </c>
      <c r="BR24" s="114">
        <v>13744</v>
      </c>
      <c r="BS24" s="113">
        <v>52000</v>
      </c>
      <c r="BT24" s="110">
        <v>0</v>
      </c>
      <c r="BU24" s="114">
        <v>287136</v>
      </c>
      <c r="BV24" s="114">
        <v>158544</v>
      </c>
      <c r="BW24" s="114">
        <v>141088</v>
      </c>
      <c r="BX24" s="114">
        <v>278888</v>
      </c>
      <c r="BY24" s="114">
        <v>67400</v>
      </c>
      <c r="BZ24" s="113">
        <v>933056</v>
      </c>
      <c r="CA24" s="116">
        <v>985056</v>
      </c>
      <c r="CB24" s="110">
        <v>21158</v>
      </c>
      <c r="CC24" s="114">
        <v>78286</v>
      </c>
      <c r="CD24" s="113">
        <v>99444</v>
      </c>
      <c r="CE24" s="110">
        <v>0</v>
      </c>
      <c r="CF24" s="114">
        <v>1370016</v>
      </c>
      <c r="CG24" s="114">
        <v>1577482</v>
      </c>
      <c r="CH24" s="114">
        <v>840694</v>
      </c>
      <c r="CI24" s="114">
        <v>356757</v>
      </c>
      <c r="CJ24" s="114">
        <v>8368</v>
      </c>
      <c r="CK24" s="113">
        <v>4153317</v>
      </c>
      <c r="CL24" s="116">
        <v>4252761</v>
      </c>
      <c r="CM24" s="110">
        <v>0</v>
      </c>
      <c r="CN24" s="114">
        <v>0</v>
      </c>
      <c r="CO24" s="113">
        <v>0</v>
      </c>
      <c r="CP24" s="111">
        <v>0</v>
      </c>
      <c r="CQ24" s="114">
        <v>904081</v>
      </c>
      <c r="CR24" s="114">
        <v>1128971</v>
      </c>
      <c r="CS24" s="114">
        <v>624790</v>
      </c>
      <c r="CT24" s="114">
        <v>219204</v>
      </c>
      <c r="CU24" s="114">
        <v>8368</v>
      </c>
      <c r="CV24" s="113">
        <v>2885414</v>
      </c>
      <c r="CW24" s="116">
        <v>2885414</v>
      </c>
      <c r="CX24" s="110">
        <v>21158</v>
      </c>
      <c r="CY24" s="114">
        <v>78286</v>
      </c>
      <c r="CZ24" s="113">
        <v>99444</v>
      </c>
      <c r="DA24" s="110">
        <v>0</v>
      </c>
      <c r="DB24" s="114">
        <v>465935</v>
      </c>
      <c r="DC24" s="114">
        <v>448511</v>
      </c>
      <c r="DD24" s="114">
        <v>215904</v>
      </c>
      <c r="DE24" s="114">
        <v>137553</v>
      </c>
      <c r="DF24" s="114">
        <v>0</v>
      </c>
      <c r="DG24" s="113">
        <v>1267903</v>
      </c>
      <c r="DH24" s="116">
        <v>1367347</v>
      </c>
      <c r="DI24" s="110">
        <v>0</v>
      </c>
      <c r="DJ24" s="114">
        <v>0</v>
      </c>
      <c r="DK24" s="112">
        <v>0</v>
      </c>
      <c r="DL24" s="111">
        <v>0</v>
      </c>
      <c r="DM24" s="114">
        <v>131937</v>
      </c>
      <c r="DN24" s="114">
        <v>298477</v>
      </c>
      <c r="DO24" s="114">
        <v>194543</v>
      </c>
      <c r="DP24" s="114">
        <v>51556</v>
      </c>
      <c r="DQ24" s="114">
        <v>65132</v>
      </c>
      <c r="DR24" s="113">
        <v>741645</v>
      </c>
      <c r="DS24" s="116">
        <v>741645</v>
      </c>
      <c r="DT24" s="110">
        <v>0</v>
      </c>
      <c r="DU24" s="114">
        <v>0</v>
      </c>
      <c r="DV24" s="113">
        <v>0</v>
      </c>
      <c r="DW24" s="110">
        <v>0</v>
      </c>
      <c r="DX24" s="114">
        <v>101240</v>
      </c>
      <c r="DY24" s="114">
        <v>298477</v>
      </c>
      <c r="DZ24" s="114">
        <v>44732</v>
      </c>
      <c r="EA24" s="114">
        <v>0</v>
      </c>
      <c r="EB24" s="114">
        <v>0</v>
      </c>
      <c r="EC24" s="113">
        <v>444449</v>
      </c>
      <c r="ED24" s="116">
        <v>444449</v>
      </c>
      <c r="EE24" s="110">
        <v>0</v>
      </c>
      <c r="EF24" s="112">
        <v>0</v>
      </c>
      <c r="EG24" s="113">
        <v>0</v>
      </c>
      <c r="EH24" s="110">
        <v>0</v>
      </c>
      <c r="EI24" s="114">
        <v>30697</v>
      </c>
      <c r="EJ24" s="114">
        <v>0</v>
      </c>
      <c r="EK24" s="114">
        <v>149811</v>
      </c>
      <c r="EL24" s="114">
        <v>51556</v>
      </c>
      <c r="EM24" s="114">
        <v>65132</v>
      </c>
      <c r="EN24" s="112">
        <v>297196</v>
      </c>
      <c r="EO24" s="116">
        <v>297196</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8"/>
      <c r="FE24" s="114">
        <v>0</v>
      </c>
      <c r="FF24" s="114">
        <v>0</v>
      </c>
      <c r="FG24" s="114">
        <v>0</v>
      </c>
      <c r="FH24" s="114">
        <v>0</v>
      </c>
      <c r="FI24" s="114">
        <v>0</v>
      </c>
      <c r="FJ24" s="113">
        <v>0</v>
      </c>
      <c r="FK24" s="116">
        <v>0</v>
      </c>
      <c r="FL24" s="110">
        <v>152800</v>
      </c>
      <c r="FM24" s="114">
        <v>105933</v>
      </c>
      <c r="FN24" s="113">
        <v>258733</v>
      </c>
      <c r="FO24" s="110">
        <v>0</v>
      </c>
      <c r="FP24" s="114">
        <v>255776</v>
      </c>
      <c r="FQ24" s="114">
        <v>279584</v>
      </c>
      <c r="FR24" s="114">
        <v>184776</v>
      </c>
      <c r="FS24" s="114">
        <v>341872</v>
      </c>
      <c r="FT24" s="114">
        <v>168368</v>
      </c>
      <c r="FU24" s="113">
        <v>1230376</v>
      </c>
      <c r="FV24" s="116">
        <v>1489109</v>
      </c>
      <c r="FW24" s="115">
        <v>26640</v>
      </c>
      <c r="FX24" s="114">
        <v>49440</v>
      </c>
      <c r="FY24" s="112">
        <v>76080</v>
      </c>
      <c r="FZ24" s="111">
        <v>0</v>
      </c>
      <c r="GA24" s="114">
        <v>216352</v>
      </c>
      <c r="GB24" s="114">
        <v>279584</v>
      </c>
      <c r="GC24" s="114">
        <v>184776</v>
      </c>
      <c r="GD24" s="114">
        <v>270232</v>
      </c>
      <c r="GE24" s="114">
        <v>168368</v>
      </c>
      <c r="GF24" s="113">
        <v>1119312</v>
      </c>
      <c r="GG24" s="319">
        <v>1195392</v>
      </c>
      <c r="GH24" s="115">
        <v>23760</v>
      </c>
      <c r="GI24" s="114">
        <v>0</v>
      </c>
      <c r="GJ24" s="112">
        <v>23760</v>
      </c>
      <c r="GK24" s="111">
        <v>0</v>
      </c>
      <c r="GL24" s="114">
        <v>39424</v>
      </c>
      <c r="GM24" s="114">
        <v>0</v>
      </c>
      <c r="GN24" s="114">
        <v>0</v>
      </c>
      <c r="GO24" s="114">
        <v>23320</v>
      </c>
      <c r="GP24" s="114">
        <v>0</v>
      </c>
      <c r="GQ24" s="113">
        <v>62744</v>
      </c>
      <c r="GR24" s="116">
        <v>86504</v>
      </c>
      <c r="GS24" s="110">
        <v>102400</v>
      </c>
      <c r="GT24" s="114">
        <v>56493</v>
      </c>
      <c r="GU24" s="113">
        <v>158893</v>
      </c>
      <c r="GV24" s="110">
        <v>0</v>
      </c>
      <c r="GW24" s="114">
        <v>0</v>
      </c>
      <c r="GX24" s="114">
        <v>0</v>
      </c>
      <c r="GY24" s="114">
        <v>0</v>
      </c>
      <c r="GZ24" s="114">
        <v>48320</v>
      </c>
      <c r="HA24" s="114">
        <v>0</v>
      </c>
      <c r="HB24" s="112">
        <v>48320</v>
      </c>
      <c r="HC24" s="116">
        <v>207213</v>
      </c>
      <c r="HD24" s="110">
        <v>0</v>
      </c>
      <c r="HE24" s="114">
        <v>178702</v>
      </c>
      <c r="HF24" s="112">
        <v>178702</v>
      </c>
      <c r="HG24" s="111">
        <v>0</v>
      </c>
      <c r="HH24" s="114">
        <v>1133311</v>
      </c>
      <c r="HI24" s="114">
        <v>1028748</v>
      </c>
      <c r="HJ24" s="114">
        <v>382385</v>
      </c>
      <c r="HK24" s="114">
        <v>1190893</v>
      </c>
      <c r="HL24" s="114">
        <v>0</v>
      </c>
      <c r="HM24" s="113">
        <v>3735337</v>
      </c>
      <c r="HN24" s="109">
        <v>3914039</v>
      </c>
      <c r="HO24" s="329"/>
      <c r="HP24" s="330"/>
      <c r="HQ24" s="331"/>
      <c r="HR24" s="332"/>
      <c r="HS24" s="330"/>
      <c r="HT24" s="330"/>
      <c r="HU24" s="330"/>
      <c r="HV24" s="330"/>
      <c r="HW24" s="330"/>
      <c r="HX24" s="333"/>
      <c r="HY24" s="334"/>
      <c r="HZ24" s="150">
        <v>0</v>
      </c>
      <c r="IA24" s="135">
        <v>0</v>
      </c>
      <c r="IB24" s="150">
        <v>0</v>
      </c>
      <c r="IC24" s="134">
        <v>0</v>
      </c>
      <c r="ID24" s="135">
        <v>999164</v>
      </c>
      <c r="IE24" s="136">
        <v>1135632</v>
      </c>
      <c r="IF24" s="137">
        <v>245064</v>
      </c>
      <c r="IG24" s="135">
        <v>564704</v>
      </c>
      <c r="IH24" s="137">
        <v>887041</v>
      </c>
      <c r="II24" s="138">
        <v>3831605</v>
      </c>
      <c r="IJ24" s="150">
        <v>3831605</v>
      </c>
      <c r="IK24" s="232">
        <v>0</v>
      </c>
      <c r="IL24" s="236">
        <v>0</v>
      </c>
      <c r="IM24" s="237">
        <v>0</v>
      </c>
      <c r="IN24" s="140"/>
      <c r="IO24" s="119">
        <v>53114</v>
      </c>
      <c r="IP24" s="119">
        <v>0</v>
      </c>
      <c r="IQ24" s="119">
        <v>0</v>
      </c>
      <c r="IR24" s="119">
        <v>0</v>
      </c>
      <c r="IS24" s="119">
        <v>0</v>
      </c>
      <c r="IT24" s="141">
        <v>53114</v>
      </c>
      <c r="IU24" s="321">
        <v>53114</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221360</v>
      </c>
      <c r="JL24" s="119">
        <v>199716</v>
      </c>
      <c r="JM24" s="119">
        <v>41323</v>
      </c>
      <c r="JN24" s="119">
        <v>160753</v>
      </c>
      <c r="JO24" s="119">
        <v>0</v>
      </c>
      <c r="JP24" s="120">
        <v>623152</v>
      </c>
      <c r="JQ24" s="321">
        <v>623152</v>
      </c>
      <c r="JR24" s="142">
        <v>0</v>
      </c>
      <c r="JS24" s="119">
        <v>0</v>
      </c>
      <c r="JT24" s="141">
        <v>0</v>
      </c>
      <c r="JU24" s="118">
        <v>0</v>
      </c>
      <c r="JV24" s="119">
        <v>0</v>
      </c>
      <c r="JW24" s="119">
        <v>224306</v>
      </c>
      <c r="JX24" s="119">
        <v>0</v>
      </c>
      <c r="JY24" s="119">
        <v>0</v>
      </c>
      <c r="JZ24" s="119">
        <v>0</v>
      </c>
      <c r="KA24" s="120">
        <v>224306</v>
      </c>
      <c r="KB24" s="321">
        <v>224306</v>
      </c>
      <c r="KC24" s="234">
        <v>0</v>
      </c>
      <c r="KD24" s="230">
        <v>0</v>
      </c>
      <c r="KE24" s="120">
        <v>0</v>
      </c>
      <c r="KF24" s="118">
        <v>0</v>
      </c>
      <c r="KG24" s="119">
        <v>266112</v>
      </c>
      <c r="KH24" s="119">
        <v>476310</v>
      </c>
      <c r="KI24" s="119">
        <v>203741</v>
      </c>
      <c r="KJ24" s="119">
        <v>0</v>
      </c>
      <c r="KK24" s="119">
        <v>528376</v>
      </c>
      <c r="KL24" s="120">
        <v>1474539</v>
      </c>
      <c r="KM24" s="143">
        <v>1474539</v>
      </c>
      <c r="KN24" s="232">
        <v>0</v>
      </c>
      <c r="KO24" s="236">
        <v>0</v>
      </c>
      <c r="KP24" s="237">
        <v>0</v>
      </c>
      <c r="KQ24" s="140"/>
      <c r="KR24" s="119">
        <v>458578</v>
      </c>
      <c r="KS24" s="119">
        <v>235300</v>
      </c>
      <c r="KT24" s="119">
        <v>0</v>
      </c>
      <c r="KU24" s="119">
        <v>243526</v>
      </c>
      <c r="KV24" s="119">
        <v>0</v>
      </c>
      <c r="KW24" s="120">
        <v>937404</v>
      </c>
      <c r="KX24" s="321">
        <v>937404</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1">
        <v>0</v>
      </c>
      <c r="LU24" s="142">
        <v>0</v>
      </c>
      <c r="LV24" s="119">
        <v>0</v>
      </c>
      <c r="LW24" s="120">
        <v>0</v>
      </c>
      <c r="LX24" s="145">
        <v>0</v>
      </c>
      <c r="LY24" s="119">
        <v>0</v>
      </c>
      <c r="LZ24" s="119">
        <v>0</v>
      </c>
      <c r="MA24" s="119">
        <v>0</v>
      </c>
      <c r="MB24" s="119">
        <v>160425</v>
      </c>
      <c r="MC24" s="119">
        <v>358665</v>
      </c>
      <c r="MD24" s="120">
        <v>519090</v>
      </c>
      <c r="ME24" s="121">
        <v>519090</v>
      </c>
      <c r="MF24" s="142">
        <v>0</v>
      </c>
      <c r="MG24" s="119">
        <v>0</v>
      </c>
      <c r="MH24" s="120">
        <v>0</v>
      </c>
      <c r="MI24" s="145"/>
      <c r="MJ24" s="119">
        <v>794400</v>
      </c>
      <c r="MK24" s="119">
        <v>247464</v>
      </c>
      <c r="ML24" s="119">
        <v>1755132</v>
      </c>
      <c r="MM24" s="119">
        <v>1869306</v>
      </c>
      <c r="MN24" s="119">
        <v>1245489</v>
      </c>
      <c r="MO24" s="120">
        <v>5911791</v>
      </c>
      <c r="MP24" s="143">
        <v>5911791</v>
      </c>
      <c r="MQ24" s="142">
        <v>0</v>
      </c>
      <c r="MR24" s="119">
        <v>0</v>
      </c>
      <c r="MS24" s="120">
        <v>0</v>
      </c>
      <c r="MT24" s="145">
        <v>0</v>
      </c>
      <c r="MU24" s="119">
        <v>0</v>
      </c>
      <c r="MV24" s="119">
        <v>0</v>
      </c>
      <c r="MW24" s="119">
        <v>926008</v>
      </c>
      <c r="MX24" s="119">
        <v>1004441</v>
      </c>
      <c r="MY24" s="119">
        <v>811556</v>
      </c>
      <c r="MZ24" s="120">
        <v>2742005</v>
      </c>
      <c r="NA24" s="143">
        <v>2742005</v>
      </c>
      <c r="NB24" s="142">
        <v>0</v>
      </c>
      <c r="NC24" s="119">
        <v>0</v>
      </c>
      <c r="ND24" s="120">
        <v>0</v>
      </c>
      <c r="NE24" s="145"/>
      <c r="NF24" s="119">
        <v>794400</v>
      </c>
      <c r="NG24" s="119">
        <v>247464</v>
      </c>
      <c r="NH24" s="119">
        <v>829124</v>
      </c>
      <c r="NI24" s="119">
        <v>864865</v>
      </c>
      <c r="NJ24" s="119">
        <v>433933</v>
      </c>
      <c r="NK24" s="120">
        <v>3169786</v>
      </c>
      <c r="NL24" s="321">
        <v>3169786</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227826</v>
      </c>
      <c r="OJ24" s="119">
        <v>394093</v>
      </c>
      <c r="OK24" s="141">
        <v>621919</v>
      </c>
      <c r="OL24" s="118">
        <v>0</v>
      </c>
      <c r="OM24" s="119">
        <v>6015570</v>
      </c>
      <c r="ON24" s="119">
        <v>5419851</v>
      </c>
      <c r="OO24" s="119">
        <v>4544795</v>
      </c>
      <c r="OP24" s="119">
        <v>6208558</v>
      </c>
      <c r="OQ24" s="119">
        <v>3117316</v>
      </c>
      <c r="OR24" s="120">
        <v>25306090</v>
      </c>
      <c r="OS24" s="143">
        <v>25928009</v>
      </c>
    </row>
    <row r="25" spans="2:409" ht="20.25" customHeight="1" x14ac:dyDescent="0.2">
      <c r="B25" s="126" t="s">
        <v>20</v>
      </c>
      <c r="C25" s="110">
        <v>486078</v>
      </c>
      <c r="D25" s="114">
        <v>1111394</v>
      </c>
      <c r="E25" s="113">
        <v>1597472</v>
      </c>
      <c r="F25" s="110">
        <v>0</v>
      </c>
      <c r="G25" s="114">
        <v>4735173</v>
      </c>
      <c r="H25" s="114">
        <v>6163379</v>
      </c>
      <c r="I25" s="114">
        <v>5292757</v>
      </c>
      <c r="J25" s="114">
        <v>4991807</v>
      </c>
      <c r="K25" s="114">
        <v>916224</v>
      </c>
      <c r="L25" s="173">
        <v>22099340</v>
      </c>
      <c r="M25" s="116">
        <v>23696812</v>
      </c>
      <c r="N25" s="110">
        <v>192810</v>
      </c>
      <c r="O25" s="114">
        <v>276275</v>
      </c>
      <c r="P25" s="113">
        <v>469085</v>
      </c>
      <c r="Q25" s="110">
        <v>0</v>
      </c>
      <c r="R25" s="114">
        <v>1717260</v>
      </c>
      <c r="S25" s="114">
        <v>1949088</v>
      </c>
      <c r="T25" s="114">
        <v>1652262</v>
      </c>
      <c r="U25" s="114">
        <v>1041693</v>
      </c>
      <c r="V25" s="114">
        <v>356171</v>
      </c>
      <c r="W25" s="113">
        <v>6716474</v>
      </c>
      <c r="X25" s="116">
        <v>7185559</v>
      </c>
      <c r="Y25" s="110">
        <v>0</v>
      </c>
      <c r="Z25" s="114">
        <v>0</v>
      </c>
      <c r="AA25" s="113">
        <v>0</v>
      </c>
      <c r="AB25" s="110">
        <v>0</v>
      </c>
      <c r="AC25" s="114">
        <v>614932</v>
      </c>
      <c r="AD25" s="114">
        <v>869022</v>
      </c>
      <c r="AE25" s="114">
        <v>666013</v>
      </c>
      <c r="AF25" s="114">
        <v>464729</v>
      </c>
      <c r="AG25" s="114">
        <v>0</v>
      </c>
      <c r="AH25" s="113">
        <v>2614696</v>
      </c>
      <c r="AI25" s="116">
        <v>2614696</v>
      </c>
      <c r="AJ25" s="110">
        <v>0</v>
      </c>
      <c r="AK25" s="114">
        <v>0</v>
      </c>
      <c r="AL25" s="113">
        <v>0</v>
      </c>
      <c r="AM25" s="110">
        <v>0</v>
      </c>
      <c r="AN25" s="114">
        <v>0</v>
      </c>
      <c r="AO25" s="114">
        <v>0</v>
      </c>
      <c r="AP25" s="114">
        <v>46897</v>
      </c>
      <c r="AQ25" s="114">
        <v>35173</v>
      </c>
      <c r="AR25" s="114">
        <v>164142</v>
      </c>
      <c r="AS25" s="113">
        <v>246212</v>
      </c>
      <c r="AT25" s="116">
        <v>246212</v>
      </c>
      <c r="AU25" s="110">
        <v>115942</v>
      </c>
      <c r="AV25" s="114">
        <v>109397</v>
      </c>
      <c r="AW25" s="113">
        <v>225339</v>
      </c>
      <c r="AX25" s="110">
        <v>0</v>
      </c>
      <c r="AY25" s="114">
        <v>746563</v>
      </c>
      <c r="AZ25" s="114">
        <v>659664</v>
      </c>
      <c r="BA25" s="114">
        <v>507665</v>
      </c>
      <c r="BB25" s="114">
        <v>193850</v>
      </c>
      <c r="BC25" s="114">
        <v>141029</v>
      </c>
      <c r="BD25" s="113">
        <v>2248771</v>
      </c>
      <c r="BE25" s="116">
        <v>2474110</v>
      </c>
      <c r="BF25" s="110">
        <v>49068</v>
      </c>
      <c r="BG25" s="114">
        <v>93606</v>
      </c>
      <c r="BH25" s="112">
        <v>142674</v>
      </c>
      <c r="BI25" s="111">
        <v>0</v>
      </c>
      <c r="BJ25" s="114">
        <v>171989</v>
      </c>
      <c r="BK25" s="114">
        <v>97754</v>
      </c>
      <c r="BL25" s="114">
        <v>77127</v>
      </c>
      <c r="BM25" s="114">
        <v>64461</v>
      </c>
      <c r="BN25" s="114">
        <v>0</v>
      </c>
      <c r="BO25" s="113">
        <v>411331</v>
      </c>
      <c r="BP25" s="116">
        <v>554005</v>
      </c>
      <c r="BQ25" s="110">
        <v>27800</v>
      </c>
      <c r="BR25" s="114">
        <v>73272</v>
      </c>
      <c r="BS25" s="113">
        <v>101072</v>
      </c>
      <c r="BT25" s="110">
        <v>0</v>
      </c>
      <c r="BU25" s="114">
        <v>183776</v>
      </c>
      <c r="BV25" s="114">
        <v>322648</v>
      </c>
      <c r="BW25" s="114">
        <v>354560</v>
      </c>
      <c r="BX25" s="114">
        <v>283480</v>
      </c>
      <c r="BY25" s="114">
        <v>51000</v>
      </c>
      <c r="BZ25" s="113">
        <v>1195464</v>
      </c>
      <c r="CA25" s="116">
        <v>1296536</v>
      </c>
      <c r="CB25" s="110">
        <v>123684</v>
      </c>
      <c r="CC25" s="114">
        <v>109117</v>
      </c>
      <c r="CD25" s="113">
        <v>232801</v>
      </c>
      <c r="CE25" s="110">
        <v>0</v>
      </c>
      <c r="CF25" s="114">
        <v>1643985</v>
      </c>
      <c r="CG25" s="114">
        <v>1825046</v>
      </c>
      <c r="CH25" s="114">
        <v>1270953</v>
      </c>
      <c r="CI25" s="114">
        <v>769958</v>
      </c>
      <c r="CJ25" s="114">
        <v>59874</v>
      </c>
      <c r="CK25" s="113">
        <v>5569816</v>
      </c>
      <c r="CL25" s="116">
        <v>5802617</v>
      </c>
      <c r="CM25" s="110">
        <v>0</v>
      </c>
      <c r="CN25" s="114">
        <v>0</v>
      </c>
      <c r="CO25" s="113">
        <v>0</v>
      </c>
      <c r="CP25" s="111">
        <v>0</v>
      </c>
      <c r="CQ25" s="114">
        <v>986623</v>
      </c>
      <c r="CR25" s="114">
        <v>1190841</v>
      </c>
      <c r="CS25" s="114">
        <v>885732</v>
      </c>
      <c r="CT25" s="114">
        <v>426181</v>
      </c>
      <c r="CU25" s="114">
        <v>0</v>
      </c>
      <c r="CV25" s="113">
        <v>3489377</v>
      </c>
      <c r="CW25" s="116">
        <v>3489377</v>
      </c>
      <c r="CX25" s="110">
        <v>123684</v>
      </c>
      <c r="CY25" s="114">
        <v>109117</v>
      </c>
      <c r="CZ25" s="113">
        <v>232801</v>
      </c>
      <c r="DA25" s="110">
        <v>0</v>
      </c>
      <c r="DB25" s="114">
        <v>657362</v>
      </c>
      <c r="DC25" s="114">
        <v>634205</v>
      </c>
      <c r="DD25" s="114">
        <v>385221</v>
      </c>
      <c r="DE25" s="114">
        <v>343777</v>
      </c>
      <c r="DF25" s="114">
        <v>59874</v>
      </c>
      <c r="DG25" s="113">
        <v>2080439</v>
      </c>
      <c r="DH25" s="116">
        <v>2313240</v>
      </c>
      <c r="DI25" s="110">
        <v>0</v>
      </c>
      <c r="DJ25" s="114">
        <v>22880</v>
      </c>
      <c r="DK25" s="112">
        <v>22880</v>
      </c>
      <c r="DL25" s="111">
        <v>0</v>
      </c>
      <c r="DM25" s="114">
        <v>233810</v>
      </c>
      <c r="DN25" s="114">
        <v>49774</v>
      </c>
      <c r="DO25" s="114">
        <v>785420</v>
      </c>
      <c r="DP25" s="114">
        <v>1419107</v>
      </c>
      <c r="DQ25" s="114">
        <v>0</v>
      </c>
      <c r="DR25" s="113">
        <v>2488111</v>
      </c>
      <c r="DS25" s="116">
        <v>2510991</v>
      </c>
      <c r="DT25" s="110">
        <v>0</v>
      </c>
      <c r="DU25" s="114">
        <v>22880</v>
      </c>
      <c r="DV25" s="113">
        <v>22880</v>
      </c>
      <c r="DW25" s="110">
        <v>0</v>
      </c>
      <c r="DX25" s="114">
        <v>233810</v>
      </c>
      <c r="DY25" s="114">
        <v>49774</v>
      </c>
      <c r="DZ25" s="114">
        <v>728328</v>
      </c>
      <c r="EA25" s="114">
        <v>1261894</v>
      </c>
      <c r="EB25" s="114">
        <v>0</v>
      </c>
      <c r="EC25" s="113">
        <v>2273806</v>
      </c>
      <c r="ED25" s="116">
        <v>2296686</v>
      </c>
      <c r="EE25" s="110">
        <v>0</v>
      </c>
      <c r="EF25" s="112">
        <v>0</v>
      </c>
      <c r="EG25" s="113">
        <v>0</v>
      </c>
      <c r="EH25" s="110">
        <v>0</v>
      </c>
      <c r="EI25" s="114">
        <v>0</v>
      </c>
      <c r="EJ25" s="114">
        <v>0</v>
      </c>
      <c r="EK25" s="114">
        <v>57092</v>
      </c>
      <c r="EL25" s="114">
        <v>157213</v>
      </c>
      <c r="EM25" s="114">
        <v>0</v>
      </c>
      <c r="EN25" s="112">
        <v>214305</v>
      </c>
      <c r="EO25" s="116">
        <v>214305</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8"/>
      <c r="FE25" s="114">
        <v>0</v>
      </c>
      <c r="FF25" s="114">
        <v>0</v>
      </c>
      <c r="FG25" s="114">
        <v>0</v>
      </c>
      <c r="FH25" s="114">
        <v>0</v>
      </c>
      <c r="FI25" s="114">
        <v>0</v>
      </c>
      <c r="FJ25" s="113">
        <v>0</v>
      </c>
      <c r="FK25" s="116">
        <v>0</v>
      </c>
      <c r="FL25" s="110">
        <v>67536</v>
      </c>
      <c r="FM25" s="114">
        <v>382960</v>
      </c>
      <c r="FN25" s="113">
        <v>450496</v>
      </c>
      <c r="FO25" s="110">
        <v>0</v>
      </c>
      <c r="FP25" s="114">
        <v>427624</v>
      </c>
      <c r="FQ25" s="114">
        <v>607496</v>
      </c>
      <c r="FR25" s="114">
        <v>323688</v>
      </c>
      <c r="FS25" s="114">
        <v>366256</v>
      </c>
      <c r="FT25" s="114">
        <v>39600</v>
      </c>
      <c r="FU25" s="113">
        <v>1764664</v>
      </c>
      <c r="FV25" s="116">
        <v>2215160</v>
      </c>
      <c r="FW25" s="115">
        <v>67536</v>
      </c>
      <c r="FX25" s="114">
        <v>125456</v>
      </c>
      <c r="FY25" s="112">
        <v>192992</v>
      </c>
      <c r="FZ25" s="111">
        <v>0</v>
      </c>
      <c r="GA25" s="114">
        <v>427624</v>
      </c>
      <c r="GB25" s="114">
        <v>485576</v>
      </c>
      <c r="GC25" s="114">
        <v>323688</v>
      </c>
      <c r="GD25" s="114">
        <v>273456</v>
      </c>
      <c r="GE25" s="114">
        <v>39600</v>
      </c>
      <c r="GF25" s="113">
        <v>1549944</v>
      </c>
      <c r="GG25" s="319">
        <v>1742936</v>
      </c>
      <c r="GH25" s="115">
        <v>0</v>
      </c>
      <c r="GI25" s="114">
        <v>0</v>
      </c>
      <c r="GJ25" s="112">
        <v>0</v>
      </c>
      <c r="GK25" s="111">
        <v>0</v>
      </c>
      <c r="GL25" s="114">
        <v>0</v>
      </c>
      <c r="GM25" s="114">
        <v>121920</v>
      </c>
      <c r="GN25" s="114">
        <v>0</v>
      </c>
      <c r="GO25" s="114">
        <v>0</v>
      </c>
      <c r="GP25" s="114">
        <v>0</v>
      </c>
      <c r="GQ25" s="113">
        <v>121920</v>
      </c>
      <c r="GR25" s="116">
        <v>121920</v>
      </c>
      <c r="GS25" s="110">
        <v>0</v>
      </c>
      <c r="GT25" s="114">
        <v>257504</v>
      </c>
      <c r="GU25" s="113">
        <v>257504</v>
      </c>
      <c r="GV25" s="110">
        <v>0</v>
      </c>
      <c r="GW25" s="114">
        <v>0</v>
      </c>
      <c r="GX25" s="114">
        <v>0</v>
      </c>
      <c r="GY25" s="114">
        <v>0</v>
      </c>
      <c r="GZ25" s="114">
        <v>92800</v>
      </c>
      <c r="HA25" s="114">
        <v>0</v>
      </c>
      <c r="HB25" s="112">
        <v>92800</v>
      </c>
      <c r="HC25" s="116">
        <v>350304</v>
      </c>
      <c r="HD25" s="110">
        <v>102048</v>
      </c>
      <c r="HE25" s="114">
        <v>320162</v>
      </c>
      <c r="HF25" s="112">
        <v>422210</v>
      </c>
      <c r="HG25" s="111">
        <v>0</v>
      </c>
      <c r="HH25" s="114">
        <v>712494</v>
      </c>
      <c r="HI25" s="114">
        <v>1731975</v>
      </c>
      <c r="HJ25" s="114">
        <v>1260434</v>
      </c>
      <c r="HK25" s="114">
        <v>1394793</v>
      </c>
      <c r="HL25" s="114">
        <v>460579</v>
      </c>
      <c r="HM25" s="113">
        <v>5560275</v>
      </c>
      <c r="HN25" s="109">
        <v>5982485</v>
      </c>
      <c r="HO25" s="329"/>
      <c r="HP25" s="330"/>
      <c r="HQ25" s="331"/>
      <c r="HR25" s="332"/>
      <c r="HS25" s="330"/>
      <c r="HT25" s="330"/>
      <c r="HU25" s="330"/>
      <c r="HV25" s="330"/>
      <c r="HW25" s="330"/>
      <c r="HX25" s="333"/>
      <c r="HY25" s="334"/>
      <c r="HZ25" s="131">
        <v>0</v>
      </c>
      <c r="IA25" s="132">
        <v>0</v>
      </c>
      <c r="IB25" s="133">
        <v>0</v>
      </c>
      <c r="IC25" s="146">
        <v>0</v>
      </c>
      <c r="ID25" s="132">
        <v>758886</v>
      </c>
      <c r="IE25" s="147">
        <v>625234</v>
      </c>
      <c r="IF25" s="133">
        <v>732138</v>
      </c>
      <c r="IG25" s="132">
        <v>1246185</v>
      </c>
      <c r="IH25" s="133">
        <v>0</v>
      </c>
      <c r="II25" s="148">
        <v>3362443</v>
      </c>
      <c r="IJ25" s="139">
        <v>3362443</v>
      </c>
      <c r="IK25" s="232">
        <v>0</v>
      </c>
      <c r="IL25" s="236">
        <v>0</v>
      </c>
      <c r="IM25" s="237">
        <v>0</v>
      </c>
      <c r="IN25" s="140"/>
      <c r="IO25" s="119">
        <v>0</v>
      </c>
      <c r="IP25" s="119">
        <v>0</v>
      </c>
      <c r="IQ25" s="119">
        <v>0</v>
      </c>
      <c r="IR25" s="119">
        <v>0</v>
      </c>
      <c r="IS25" s="119">
        <v>0</v>
      </c>
      <c r="IT25" s="141">
        <v>0</v>
      </c>
      <c r="IU25" s="321">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15896</v>
      </c>
      <c r="JL25" s="119">
        <v>381036</v>
      </c>
      <c r="JM25" s="119">
        <v>338203</v>
      </c>
      <c r="JN25" s="119">
        <v>167336</v>
      </c>
      <c r="JO25" s="119">
        <v>0</v>
      </c>
      <c r="JP25" s="120">
        <v>1302471</v>
      </c>
      <c r="JQ25" s="321">
        <v>1302471</v>
      </c>
      <c r="JR25" s="142">
        <v>0</v>
      </c>
      <c r="JS25" s="119">
        <v>0</v>
      </c>
      <c r="JT25" s="141">
        <v>0</v>
      </c>
      <c r="JU25" s="118">
        <v>0</v>
      </c>
      <c r="JV25" s="119">
        <v>0</v>
      </c>
      <c r="JW25" s="119">
        <v>0</v>
      </c>
      <c r="JX25" s="119">
        <v>142519</v>
      </c>
      <c r="JY25" s="119">
        <v>96246</v>
      </c>
      <c r="JZ25" s="119">
        <v>0</v>
      </c>
      <c r="KA25" s="120">
        <v>238765</v>
      </c>
      <c r="KB25" s="321">
        <v>238765</v>
      </c>
      <c r="KC25" s="234">
        <v>0</v>
      </c>
      <c r="KD25" s="230">
        <v>0</v>
      </c>
      <c r="KE25" s="120">
        <v>0</v>
      </c>
      <c r="KF25" s="118">
        <v>0</v>
      </c>
      <c r="KG25" s="119">
        <v>108902</v>
      </c>
      <c r="KH25" s="119">
        <v>0</v>
      </c>
      <c r="KI25" s="119">
        <v>0</v>
      </c>
      <c r="KJ25" s="119">
        <v>0</v>
      </c>
      <c r="KK25" s="119">
        <v>0</v>
      </c>
      <c r="KL25" s="120">
        <v>108902</v>
      </c>
      <c r="KM25" s="143">
        <v>108902</v>
      </c>
      <c r="KN25" s="232">
        <v>0</v>
      </c>
      <c r="KO25" s="236">
        <v>0</v>
      </c>
      <c r="KP25" s="237">
        <v>0</v>
      </c>
      <c r="KQ25" s="140"/>
      <c r="KR25" s="119">
        <v>234088</v>
      </c>
      <c r="KS25" s="119">
        <v>244198</v>
      </c>
      <c r="KT25" s="119">
        <v>251416</v>
      </c>
      <c r="KU25" s="119">
        <v>982603</v>
      </c>
      <c r="KV25" s="119">
        <v>0</v>
      </c>
      <c r="KW25" s="120">
        <v>1712305</v>
      </c>
      <c r="KX25" s="321">
        <v>1712305</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1">
        <v>0</v>
      </c>
      <c r="LU25" s="142">
        <v>0</v>
      </c>
      <c r="LV25" s="119">
        <v>0</v>
      </c>
      <c r="LW25" s="120">
        <v>0</v>
      </c>
      <c r="LX25" s="145">
        <v>0</v>
      </c>
      <c r="LY25" s="119">
        <v>0</v>
      </c>
      <c r="LZ25" s="119">
        <v>0</v>
      </c>
      <c r="MA25" s="119">
        <v>0</v>
      </c>
      <c r="MB25" s="119">
        <v>0</v>
      </c>
      <c r="MC25" s="119">
        <v>0</v>
      </c>
      <c r="MD25" s="120">
        <v>0</v>
      </c>
      <c r="ME25" s="121">
        <v>0</v>
      </c>
      <c r="MF25" s="142">
        <v>0</v>
      </c>
      <c r="MG25" s="119">
        <v>0</v>
      </c>
      <c r="MH25" s="120">
        <v>0</v>
      </c>
      <c r="MI25" s="145"/>
      <c r="MJ25" s="119">
        <v>421058</v>
      </c>
      <c r="MK25" s="119">
        <v>461390</v>
      </c>
      <c r="ML25" s="119">
        <v>2332557</v>
      </c>
      <c r="MM25" s="119">
        <v>2062543</v>
      </c>
      <c r="MN25" s="119">
        <v>1838839</v>
      </c>
      <c r="MO25" s="120">
        <v>7116387</v>
      </c>
      <c r="MP25" s="143">
        <v>7116387</v>
      </c>
      <c r="MQ25" s="142">
        <v>0</v>
      </c>
      <c r="MR25" s="119">
        <v>0</v>
      </c>
      <c r="MS25" s="120">
        <v>0</v>
      </c>
      <c r="MT25" s="145">
        <v>0</v>
      </c>
      <c r="MU25" s="119">
        <v>0</v>
      </c>
      <c r="MV25" s="119">
        <v>0</v>
      </c>
      <c r="MW25" s="119">
        <v>957053</v>
      </c>
      <c r="MX25" s="119">
        <v>1770451</v>
      </c>
      <c r="MY25" s="119">
        <v>1126671</v>
      </c>
      <c r="MZ25" s="120">
        <v>3854175</v>
      </c>
      <c r="NA25" s="143">
        <v>3854175</v>
      </c>
      <c r="NB25" s="142">
        <v>0</v>
      </c>
      <c r="NC25" s="119">
        <v>0</v>
      </c>
      <c r="ND25" s="120">
        <v>0</v>
      </c>
      <c r="NE25" s="145"/>
      <c r="NF25" s="119">
        <v>421058</v>
      </c>
      <c r="NG25" s="119">
        <v>461390</v>
      </c>
      <c r="NH25" s="119">
        <v>1375504</v>
      </c>
      <c r="NI25" s="119">
        <v>292092</v>
      </c>
      <c r="NJ25" s="119">
        <v>0</v>
      </c>
      <c r="NK25" s="120">
        <v>2550044</v>
      </c>
      <c r="NL25" s="321">
        <v>2550044</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712168</v>
      </c>
      <c r="OG25" s="120">
        <v>712168</v>
      </c>
      <c r="OH25" s="121">
        <v>712168</v>
      </c>
      <c r="OI25" s="142">
        <v>486078</v>
      </c>
      <c r="OJ25" s="119">
        <v>1111394</v>
      </c>
      <c r="OK25" s="141">
        <v>1597472</v>
      </c>
      <c r="OL25" s="118">
        <v>0</v>
      </c>
      <c r="OM25" s="119">
        <v>5915117</v>
      </c>
      <c r="ON25" s="119">
        <v>7250003</v>
      </c>
      <c r="OO25" s="119">
        <v>8357452</v>
      </c>
      <c r="OP25" s="119">
        <v>8300535</v>
      </c>
      <c r="OQ25" s="119">
        <v>2755063</v>
      </c>
      <c r="OR25" s="120">
        <v>32578170</v>
      </c>
      <c r="OS25" s="143">
        <v>34175642</v>
      </c>
    </row>
    <row r="26" spans="2:409" ht="20.25" customHeight="1" x14ac:dyDescent="0.2">
      <c r="B26" s="126" t="s">
        <v>21</v>
      </c>
      <c r="C26" s="110">
        <v>296842</v>
      </c>
      <c r="D26" s="114">
        <v>341642</v>
      </c>
      <c r="E26" s="113">
        <v>638484</v>
      </c>
      <c r="F26" s="109">
        <v>0</v>
      </c>
      <c r="G26" s="114">
        <v>4254117</v>
      </c>
      <c r="H26" s="114">
        <v>4096707</v>
      </c>
      <c r="I26" s="114">
        <v>4576674</v>
      </c>
      <c r="J26" s="114">
        <v>3311555</v>
      </c>
      <c r="K26" s="114">
        <v>4786233</v>
      </c>
      <c r="L26" s="173">
        <v>21025286</v>
      </c>
      <c r="M26" s="116">
        <v>21663770</v>
      </c>
      <c r="N26" s="110">
        <v>150828</v>
      </c>
      <c r="O26" s="114">
        <v>128533</v>
      </c>
      <c r="P26" s="113">
        <v>279361</v>
      </c>
      <c r="Q26" s="110">
        <v>0</v>
      </c>
      <c r="R26" s="114">
        <v>1415092</v>
      </c>
      <c r="S26" s="114">
        <v>1102505</v>
      </c>
      <c r="T26" s="114">
        <v>968460</v>
      </c>
      <c r="U26" s="114">
        <v>1998956</v>
      </c>
      <c r="V26" s="114">
        <v>1902289</v>
      </c>
      <c r="W26" s="113">
        <v>7387302</v>
      </c>
      <c r="X26" s="116">
        <v>7666663</v>
      </c>
      <c r="Y26" s="110">
        <v>0</v>
      </c>
      <c r="Z26" s="114">
        <v>0</v>
      </c>
      <c r="AA26" s="113">
        <v>0</v>
      </c>
      <c r="AB26" s="110">
        <v>0</v>
      </c>
      <c r="AC26" s="114">
        <v>581181</v>
      </c>
      <c r="AD26" s="114">
        <v>220414</v>
      </c>
      <c r="AE26" s="114">
        <v>408900</v>
      </c>
      <c r="AF26" s="114">
        <v>892660</v>
      </c>
      <c r="AG26" s="114">
        <v>1242523</v>
      </c>
      <c r="AH26" s="113">
        <v>3345678</v>
      </c>
      <c r="AI26" s="116">
        <v>3345678</v>
      </c>
      <c r="AJ26" s="110">
        <v>0</v>
      </c>
      <c r="AK26" s="114">
        <v>0</v>
      </c>
      <c r="AL26" s="113">
        <v>0</v>
      </c>
      <c r="AM26" s="110">
        <v>0</v>
      </c>
      <c r="AN26" s="114">
        <v>0</v>
      </c>
      <c r="AO26" s="114">
        <v>0</v>
      </c>
      <c r="AP26" s="114">
        <v>46292</v>
      </c>
      <c r="AQ26" s="114">
        <v>143220</v>
      </c>
      <c r="AR26" s="114">
        <v>259434</v>
      </c>
      <c r="AS26" s="113">
        <v>448946</v>
      </c>
      <c r="AT26" s="116">
        <v>448946</v>
      </c>
      <c r="AU26" s="110">
        <v>101980</v>
      </c>
      <c r="AV26" s="114">
        <v>101623</v>
      </c>
      <c r="AW26" s="113">
        <v>203603</v>
      </c>
      <c r="AX26" s="110">
        <v>0</v>
      </c>
      <c r="AY26" s="114">
        <v>535334</v>
      </c>
      <c r="AZ26" s="114">
        <v>582926</v>
      </c>
      <c r="BA26" s="114">
        <v>294413</v>
      </c>
      <c r="BB26" s="114">
        <v>624364</v>
      </c>
      <c r="BC26" s="114">
        <v>230188</v>
      </c>
      <c r="BD26" s="113">
        <v>2267225</v>
      </c>
      <c r="BE26" s="116">
        <v>2470828</v>
      </c>
      <c r="BF26" s="110">
        <v>0</v>
      </c>
      <c r="BG26" s="114">
        <v>20390</v>
      </c>
      <c r="BH26" s="112">
        <v>20390</v>
      </c>
      <c r="BI26" s="111">
        <v>0</v>
      </c>
      <c r="BJ26" s="114">
        <v>48841</v>
      </c>
      <c r="BK26" s="114">
        <v>101965</v>
      </c>
      <c r="BL26" s="114">
        <v>8007</v>
      </c>
      <c r="BM26" s="114">
        <v>102736</v>
      </c>
      <c r="BN26" s="114">
        <v>0</v>
      </c>
      <c r="BO26" s="113">
        <v>261549</v>
      </c>
      <c r="BP26" s="116">
        <v>281939</v>
      </c>
      <c r="BQ26" s="110">
        <v>48848</v>
      </c>
      <c r="BR26" s="114">
        <v>6520</v>
      </c>
      <c r="BS26" s="113">
        <v>55368</v>
      </c>
      <c r="BT26" s="110">
        <v>0</v>
      </c>
      <c r="BU26" s="114">
        <v>249736</v>
      </c>
      <c r="BV26" s="114">
        <v>197200</v>
      </c>
      <c r="BW26" s="114">
        <v>210848</v>
      </c>
      <c r="BX26" s="114">
        <v>235976</v>
      </c>
      <c r="BY26" s="114">
        <v>170144</v>
      </c>
      <c r="BZ26" s="113">
        <v>1063904</v>
      </c>
      <c r="CA26" s="116">
        <v>1119272</v>
      </c>
      <c r="CB26" s="110">
        <v>19563</v>
      </c>
      <c r="CC26" s="114">
        <v>75173</v>
      </c>
      <c r="CD26" s="113">
        <v>94736</v>
      </c>
      <c r="CE26" s="110">
        <v>0</v>
      </c>
      <c r="CF26" s="114">
        <v>1007992</v>
      </c>
      <c r="CG26" s="114">
        <v>1503011</v>
      </c>
      <c r="CH26" s="114">
        <v>1108151</v>
      </c>
      <c r="CI26" s="114">
        <v>179720</v>
      </c>
      <c r="CJ26" s="114">
        <v>591303</v>
      </c>
      <c r="CK26" s="113">
        <v>4390177</v>
      </c>
      <c r="CL26" s="116">
        <v>4484913</v>
      </c>
      <c r="CM26" s="110">
        <v>0</v>
      </c>
      <c r="CN26" s="114">
        <v>0</v>
      </c>
      <c r="CO26" s="113">
        <v>0</v>
      </c>
      <c r="CP26" s="111">
        <v>0</v>
      </c>
      <c r="CQ26" s="114">
        <v>731509</v>
      </c>
      <c r="CR26" s="114">
        <v>979458</v>
      </c>
      <c r="CS26" s="114">
        <v>831788</v>
      </c>
      <c r="CT26" s="114">
        <v>151548</v>
      </c>
      <c r="CU26" s="114">
        <v>591303</v>
      </c>
      <c r="CV26" s="113">
        <v>3285606</v>
      </c>
      <c r="CW26" s="116">
        <v>3285606</v>
      </c>
      <c r="CX26" s="110">
        <v>19563</v>
      </c>
      <c r="CY26" s="114">
        <v>75173</v>
      </c>
      <c r="CZ26" s="113">
        <v>94736</v>
      </c>
      <c r="DA26" s="110">
        <v>0</v>
      </c>
      <c r="DB26" s="114">
        <v>276483</v>
      </c>
      <c r="DC26" s="114">
        <v>523553</v>
      </c>
      <c r="DD26" s="114">
        <v>276363</v>
      </c>
      <c r="DE26" s="114">
        <v>28172</v>
      </c>
      <c r="DF26" s="114">
        <v>0</v>
      </c>
      <c r="DG26" s="113">
        <v>1104571</v>
      </c>
      <c r="DH26" s="116">
        <v>1199307</v>
      </c>
      <c r="DI26" s="110">
        <v>0</v>
      </c>
      <c r="DJ26" s="114">
        <v>0</v>
      </c>
      <c r="DK26" s="112">
        <v>0</v>
      </c>
      <c r="DL26" s="111">
        <v>0</v>
      </c>
      <c r="DM26" s="114">
        <v>238035</v>
      </c>
      <c r="DN26" s="114">
        <v>308823</v>
      </c>
      <c r="DO26" s="114">
        <v>1053972</v>
      </c>
      <c r="DP26" s="114">
        <v>404603</v>
      </c>
      <c r="DQ26" s="114">
        <v>1152143</v>
      </c>
      <c r="DR26" s="113">
        <v>3157576</v>
      </c>
      <c r="DS26" s="116">
        <v>3157576</v>
      </c>
      <c r="DT26" s="110">
        <v>0</v>
      </c>
      <c r="DU26" s="114">
        <v>0</v>
      </c>
      <c r="DV26" s="113">
        <v>0</v>
      </c>
      <c r="DW26" s="110">
        <v>0</v>
      </c>
      <c r="DX26" s="114">
        <v>238035</v>
      </c>
      <c r="DY26" s="114">
        <v>130379</v>
      </c>
      <c r="DZ26" s="114">
        <v>1053972</v>
      </c>
      <c r="EA26" s="114">
        <v>404603</v>
      </c>
      <c r="EB26" s="114">
        <v>1152143</v>
      </c>
      <c r="EC26" s="113">
        <v>2979132</v>
      </c>
      <c r="ED26" s="116">
        <v>2979132</v>
      </c>
      <c r="EE26" s="110">
        <v>0</v>
      </c>
      <c r="EF26" s="112">
        <v>0</v>
      </c>
      <c r="EG26" s="113">
        <v>0</v>
      </c>
      <c r="EH26" s="110">
        <v>0</v>
      </c>
      <c r="EI26" s="114">
        <v>0</v>
      </c>
      <c r="EJ26" s="114">
        <v>178444</v>
      </c>
      <c r="EK26" s="114">
        <v>0</v>
      </c>
      <c r="EL26" s="114">
        <v>0</v>
      </c>
      <c r="EM26" s="114">
        <v>0</v>
      </c>
      <c r="EN26" s="112">
        <v>178444</v>
      </c>
      <c r="EO26" s="116">
        <v>178444</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8"/>
      <c r="FE26" s="114">
        <v>0</v>
      </c>
      <c r="FF26" s="114">
        <v>0</v>
      </c>
      <c r="FG26" s="114">
        <v>0</v>
      </c>
      <c r="FH26" s="114">
        <v>0</v>
      </c>
      <c r="FI26" s="114">
        <v>0</v>
      </c>
      <c r="FJ26" s="113">
        <v>0</v>
      </c>
      <c r="FK26" s="116">
        <v>0</v>
      </c>
      <c r="FL26" s="110">
        <v>13312</v>
      </c>
      <c r="FM26" s="114">
        <v>67712</v>
      </c>
      <c r="FN26" s="113">
        <v>81024</v>
      </c>
      <c r="FO26" s="110">
        <v>0</v>
      </c>
      <c r="FP26" s="114">
        <v>318192</v>
      </c>
      <c r="FQ26" s="114">
        <v>500120</v>
      </c>
      <c r="FR26" s="114">
        <v>277376</v>
      </c>
      <c r="FS26" s="114">
        <v>361056</v>
      </c>
      <c r="FT26" s="114">
        <v>212208</v>
      </c>
      <c r="FU26" s="113">
        <v>1668952</v>
      </c>
      <c r="FV26" s="116">
        <v>1749976</v>
      </c>
      <c r="FW26" s="115">
        <v>13312</v>
      </c>
      <c r="FX26" s="114">
        <v>43952</v>
      </c>
      <c r="FY26" s="112">
        <v>57264</v>
      </c>
      <c r="FZ26" s="111">
        <v>0</v>
      </c>
      <c r="GA26" s="114">
        <v>162784</v>
      </c>
      <c r="GB26" s="114">
        <v>445240</v>
      </c>
      <c r="GC26" s="114">
        <v>277376</v>
      </c>
      <c r="GD26" s="114">
        <v>361056</v>
      </c>
      <c r="GE26" s="114">
        <v>174192</v>
      </c>
      <c r="GF26" s="113">
        <v>1420648</v>
      </c>
      <c r="GG26" s="319">
        <v>1477912</v>
      </c>
      <c r="GH26" s="115">
        <v>0</v>
      </c>
      <c r="GI26" s="114">
        <v>23760</v>
      </c>
      <c r="GJ26" s="112">
        <v>23760</v>
      </c>
      <c r="GK26" s="111">
        <v>0</v>
      </c>
      <c r="GL26" s="114">
        <v>36608</v>
      </c>
      <c r="GM26" s="114">
        <v>0</v>
      </c>
      <c r="GN26" s="114">
        <v>0</v>
      </c>
      <c r="GO26" s="114">
        <v>0</v>
      </c>
      <c r="GP26" s="114">
        <v>38016</v>
      </c>
      <c r="GQ26" s="113">
        <v>74624</v>
      </c>
      <c r="GR26" s="116">
        <v>98384</v>
      </c>
      <c r="GS26" s="110">
        <v>0</v>
      </c>
      <c r="GT26" s="114">
        <v>0</v>
      </c>
      <c r="GU26" s="113">
        <v>0</v>
      </c>
      <c r="GV26" s="110">
        <v>0</v>
      </c>
      <c r="GW26" s="114">
        <v>118800</v>
      </c>
      <c r="GX26" s="114">
        <v>54880</v>
      </c>
      <c r="GY26" s="114">
        <v>0</v>
      </c>
      <c r="GZ26" s="114">
        <v>0</v>
      </c>
      <c r="HA26" s="114">
        <v>0</v>
      </c>
      <c r="HB26" s="112">
        <v>173680</v>
      </c>
      <c r="HC26" s="116">
        <v>173680</v>
      </c>
      <c r="HD26" s="110">
        <v>113139</v>
      </c>
      <c r="HE26" s="114">
        <v>70224</v>
      </c>
      <c r="HF26" s="112">
        <v>183363</v>
      </c>
      <c r="HG26" s="111">
        <v>0</v>
      </c>
      <c r="HH26" s="114">
        <v>1274806</v>
      </c>
      <c r="HI26" s="114">
        <v>682248</v>
      </c>
      <c r="HJ26" s="114">
        <v>1168715</v>
      </c>
      <c r="HK26" s="114">
        <v>367220</v>
      </c>
      <c r="HL26" s="114">
        <v>928290</v>
      </c>
      <c r="HM26" s="113">
        <v>4421279</v>
      </c>
      <c r="HN26" s="109">
        <v>4604642</v>
      </c>
      <c r="HO26" s="329"/>
      <c r="HP26" s="330"/>
      <c r="HQ26" s="331"/>
      <c r="HR26" s="332"/>
      <c r="HS26" s="330"/>
      <c r="HT26" s="330"/>
      <c r="HU26" s="330"/>
      <c r="HV26" s="330"/>
      <c r="HW26" s="330"/>
      <c r="HX26" s="333"/>
      <c r="HY26" s="334"/>
      <c r="HZ26" s="150">
        <v>0</v>
      </c>
      <c r="IA26" s="135">
        <v>0</v>
      </c>
      <c r="IB26" s="150">
        <v>0</v>
      </c>
      <c r="IC26" s="134">
        <v>0</v>
      </c>
      <c r="ID26" s="135">
        <v>458550</v>
      </c>
      <c r="IE26" s="136">
        <v>823165</v>
      </c>
      <c r="IF26" s="137">
        <v>935290</v>
      </c>
      <c r="IG26" s="135">
        <v>431600</v>
      </c>
      <c r="IH26" s="137">
        <v>0</v>
      </c>
      <c r="II26" s="138">
        <v>2648605</v>
      </c>
      <c r="IJ26" s="150">
        <v>2648605</v>
      </c>
      <c r="IK26" s="232">
        <v>0</v>
      </c>
      <c r="IL26" s="236">
        <v>0</v>
      </c>
      <c r="IM26" s="237">
        <v>0</v>
      </c>
      <c r="IN26" s="140"/>
      <c r="IO26" s="119">
        <v>0</v>
      </c>
      <c r="IP26" s="119">
        <v>0</v>
      </c>
      <c r="IQ26" s="119">
        <v>0</v>
      </c>
      <c r="IR26" s="119">
        <v>0</v>
      </c>
      <c r="IS26" s="119">
        <v>0</v>
      </c>
      <c r="IT26" s="141">
        <v>0</v>
      </c>
      <c r="IU26" s="321">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231209</v>
      </c>
      <c r="JL26" s="119">
        <v>397809</v>
      </c>
      <c r="JM26" s="119">
        <v>264064</v>
      </c>
      <c r="JN26" s="119">
        <v>182464</v>
      </c>
      <c r="JO26" s="119">
        <v>0</v>
      </c>
      <c r="JP26" s="120">
        <v>1075546</v>
      </c>
      <c r="JQ26" s="321">
        <v>1075546</v>
      </c>
      <c r="JR26" s="142">
        <v>0</v>
      </c>
      <c r="JS26" s="119">
        <v>0</v>
      </c>
      <c r="JT26" s="141">
        <v>0</v>
      </c>
      <c r="JU26" s="118">
        <v>0</v>
      </c>
      <c r="JV26" s="119">
        <v>0</v>
      </c>
      <c r="JW26" s="119">
        <v>0</v>
      </c>
      <c r="JX26" s="119">
        <v>0</v>
      </c>
      <c r="JY26" s="119">
        <v>0</v>
      </c>
      <c r="JZ26" s="119">
        <v>0</v>
      </c>
      <c r="KA26" s="120">
        <v>0</v>
      </c>
      <c r="KB26" s="321">
        <v>0</v>
      </c>
      <c r="KC26" s="234">
        <v>0</v>
      </c>
      <c r="KD26" s="230">
        <v>0</v>
      </c>
      <c r="KE26" s="120">
        <v>0</v>
      </c>
      <c r="KF26" s="118">
        <v>0</v>
      </c>
      <c r="KG26" s="119">
        <v>0</v>
      </c>
      <c r="KH26" s="119">
        <v>0</v>
      </c>
      <c r="KI26" s="119">
        <v>671226</v>
      </c>
      <c r="KJ26" s="119">
        <v>0</v>
      </c>
      <c r="KK26" s="119">
        <v>0</v>
      </c>
      <c r="KL26" s="120">
        <v>671226</v>
      </c>
      <c r="KM26" s="143">
        <v>671226</v>
      </c>
      <c r="KN26" s="232">
        <v>0</v>
      </c>
      <c r="KO26" s="236">
        <v>0</v>
      </c>
      <c r="KP26" s="237">
        <v>0</v>
      </c>
      <c r="KQ26" s="140"/>
      <c r="KR26" s="119">
        <v>227341</v>
      </c>
      <c r="KS26" s="119">
        <v>425356</v>
      </c>
      <c r="KT26" s="119">
        <v>0</v>
      </c>
      <c r="KU26" s="119">
        <v>249136</v>
      </c>
      <c r="KV26" s="119">
        <v>0</v>
      </c>
      <c r="KW26" s="120">
        <v>901833</v>
      </c>
      <c r="KX26" s="321">
        <v>901833</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1">
        <v>0</v>
      </c>
      <c r="LU26" s="142">
        <v>0</v>
      </c>
      <c r="LV26" s="119">
        <v>0</v>
      </c>
      <c r="LW26" s="120">
        <v>0</v>
      </c>
      <c r="LX26" s="145">
        <v>0</v>
      </c>
      <c r="LY26" s="119">
        <v>0</v>
      </c>
      <c r="LZ26" s="119">
        <v>0</v>
      </c>
      <c r="MA26" s="119">
        <v>0</v>
      </c>
      <c r="MB26" s="119">
        <v>0</v>
      </c>
      <c r="MC26" s="119">
        <v>0</v>
      </c>
      <c r="MD26" s="120">
        <v>0</v>
      </c>
      <c r="ME26" s="121">
        <v>0</v>
      </c>
      <c r="MF26" s="142">
        <v>0</v>
      </c>
      <c r="MG26" s="119">
        <v>0</v>
      </c>
      <c r="MH26" s="120">
        <v>0</v>
      </c>
      <c r="MI26" s="145"/>
      <c r="MJ26" s="119">
        <v>0</v>
      </c>
      <c r="MK26" s="119">
        <v>231814</v>
      </c>
      <c r="ML26" s="119">
        <v>2335415</v>
      </c>
      <c r="MM26" s="119">
        <v>3333698</v>
      </c>
      <c r="MN26" s="119">
        <v>2325590</v>
      </c>
      <c r="MO26" s="120">
        <v>8226517</v>
      </c>
      <c r="MP26" s="143">
        <v>8226517</v>
      </c>
      <c r="MQ26" s="142">
        <v>0</v>
      </c>
      <c r="MR26" s="119">
        <v>0</v>
      </c>
      <c r="MS26" s="120">
        <v>0</v>
      </c>
      <c r="MT26" s="145">
        <v>0</v>
      </c>
      <c r="MU26" s="119">
        <v>0</v>
      </c>
      <c r="MV26" s="119">
        <v>0</v>
      </c>
      <c r="MW26" s="119">
        <v>2112363</v>
      </c>
      <c r="MX26" s="119">
        <v>1898551</v>
      </c>
      <c r="MY26" s="119">
        <v>1979963</v>
      </c>
      <c r="MZ26" s="120">
        <v>5990877</v>
      </c>
      <c r="NA26" s="143">
        <v>5990877</v>
      </c>
      <c r="NB26" s="142">
        <v>0</v>
      </c>
      <c r="NC26" s="119">
        <v>0</v>
      </c>
      <c r="ND26" s="120">
        <v>0</v>
      </c>
      <c r="NE26" s="145"/>
      <c r="NF26" s="119">
        <v>0</v>
      </c>
      <c r="NG26" s="119">
        <v>231814</v>
      </c>
      <c r="NH26" s="119">
        <v>223052</v>
      </c>
      <c r="NI26" s="119">
        <v>714644</v>
      </c>
      <c r="NJ26" s="119">
        <v>345627</v>
      </c>
      <c r="NK26" s="120">
        <v>1515137</v>
      </c>
      <c r="NL26" s="321">
        <v>1515137</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720503</v>
      </c>
      <c r="OF26" s="119">
        <v>0</v>
      </c>
      <c r="OG26" s="120">
        <v>720503</v>
      </c>
      <c r="OH26" s="121">
        <v>720503</v>
      </c>
      <c r="OI26" s="142">
        <v>296842</v>
      </c>
      <c r="OJ26" s="119">
        <v>341642</v>
      </c>
      <c r="OK26" s="141">
        <v>638484</v>
      </c>
      <c r="OL26" s="118">
        <v>0</v>
      </c>
      <c r="OM26" s="119">
        <v>4712667</v>
      </c>
      <c r="ON26" s="119">
        <v>5151686</v>
      </c>
      <c r="OO26" s="119">
        <v>7847379</v>
      </c>
      <c r="OP26" s="119">
        <v>7076853</v>
      </c>
      <c r="OQ26" s="119">
        <v>7111823</v>
      </c>
      <c r="OR26" s="120">
        <v>31900408</v>
      </c>
      <c r="OS26" s="143">
        <v>32538892</v>
      </c>
    </row>
    <row r="27" spans="2:409" ht="20.25" customHeight="1" x14ac:dyDescent="0.2">
      <c r="B27" s="126" t="s">
        <v>22</v>
      </c>
      <c r="C27" s="110">
        <v>6400</v>
      </c>
      <c r="D27" s="114">
        <v>210416</v>
      </c>
      <c r="E27" s="113">
        <v>216816</v>
      </c>
      <c r="F27" s="109">
        <v>0</v>
      </c>
      <c r="G27" s="114">
        <v>1278035</v>
      </c>
      <c r="H27" s="114">
        <v>2172763</v>
      </c>
      <c r="I27" s="114">
        <v>1454392</v>
      </c>
      <c r="J27" s="114">
        <v>1511087</v>
      </c>
      <c r="K27" s="114">
        <v>1697864</v>
      </c>
      <c r="L27" s="173">
        <v>8114141</v>
      </c>
      <c r="M27" s="116">
        <v>8330957</v>
      </c>
      <c r="N27" s="110">
        <v>0</v>
      </c>
      <c r="O27" s="114">
        <v>0</v>
      </c>
      <c r="P27" s="113">
        <v>0</v>
      </c>
      <c r="Q27" s="110">
        <v>0</v>
      </c>
      <c r="R27" s="114">
        <v>276201</v>
      </c>
      <c r="S27" s="114">
        <v>512990</v>
      </c>
      <c r="T27" s="114">
        <v>212484</v>
      </c>
      <c r="U27" s="114">
        <v>524708</v>
      </c>
      <c r="V27" s="114">
        <v>621816</v>
      </c>
      <c r="W27" s="113">
        <v>2148199</v>
      </c>
      <c r="X27" s="116">
        <v>2148199</v>
      </c>
      <c r="Y27" s="110">
        <v>0</v>
      </c>
      <c r="Z27" s="114">
        <v>0</v>
      </c>
      <c r="AA27" s="113">
        <v>0</v>
      </c>
      <c r="AB27" s="110">
        <v>0</v>
      </c>
      <c r="AC27" s="114">
        <v>115993</v>
      </c>
      <c r="AD27" s="114">
        <v>261415</v>
      </c>
      <c r="AE27" s="114">
        <v>23052</v>
      </c>
      <c r="AF27" s="114">
        <v>240640</v>
      </c>
      <c r="AG27" s="114">
        <v>436830</v>
      </c>
      <c r="AH27" s="113">
        <v>1077930</v>
      </c>
      <c r="AI27" s="116">
        <v>1077930</v>
      </c>
      <c r="AJ27" s="110">
        <v>0</v>
      </c>
      <c r="AK27" s="114">
        <v>0</v>
      </c>
      <c r="AL27" s="113">
        <v>0</v>
      </c>
      <c r="AM27" s="110">
        <v>0</v>
      </c>
      <c r="AN27" s="114">
        <v>0</v>
      </c>
      <c r="AO27" s="114">
        <v>0</v>
      </c>
      <c r="AP27" s="114">
        <v>43264</v>
      </c>
      <c r="AQ27" s="114">
        <v>86528</v>
      </c>
      <c r="AR27" s="114">
        <v>12536</v>
      </c>
      <c r="AS27" s="113">
        <v>142328</v>
      </c>
      <c r="AT27" s="116">
        <v>142328</v>
      </c>
      <c r="AU27" s="110">
        <v>0</v>
      </c>
      <c r="AV27" s="114">
        <v>0</v>
      </c>
      <c r="AW27" s="113">
        <v>0</v>
      </c>
      <c r="AX27" s="110">
        <v>0</v>
      </c>
      <c r="AY27" s="114">
        <v>61600</v>
      </c>
      <c r="AZ27" s="114">
        <v>75645</v>
      </c>
      <c r="BA27" s="114">
        <v>86104</v>
      </c>
      <c r="BB27" s="114">
        <v>130668</v>
      </c>
      <c r="BC27" s="114">
        <v>59808</v>
      </c>
      <c r="BD27" s="113">
        <v>413825</v>
      </c>
      <c r="BE27" s="116">
        <v>413825</v>
      </c>
      <c r="BF27" s="110">
        <v>0</v>
      </c>
      <c r="BG27" s="114">
        <v>0</v>
      </c>
      <c r="BH27" s="112">
        <v>0</v>
      </c>
      <c r="BI27" s="111">
        <v>0</v>
      </c>
      <c r="BJ27" s="114">
        <v>60640</v>
      </c>
      <c r="BK27" s="114">
        <v>70642</v>
      </c>
      <c r="BL27" s="114">
        <v>0</v>
      </c>
      <c r="BM27" s="114">
        <v>20576</v>
      </c>
      <c r="BN27" s="114">
        <v>70642</v>
      </c>
      <c r="BO27" s="113">
        <v>222500</v>
      </c>
      <c r="BP27" s="116">
        <v>222500</v>
      </c>
      <c r="BQ27" s="110">
        <v>0</v>
      </c>
      <c r="BR27" s="114">
        <v>0</v>
      </c>
      <c r="BS27" s="113">
        <v>0</v>
      </c>
      <c r="BT27" s="110">
        <v>0</v>
      </c>
      <c r="BU27" s="114">
        <v>37968</v>
      </c>
      <c r="BV27" s="114">
        <v>105288</v>
      </c>
      <c r="BW27" s="114">
        <v>60064</v>
      </c>
      <c r="BX27" s="114">
        <v>46296</v>
      </c>
      <c r="BY27" s="114">
        <v>42000</v>
      </c>
      <c r="BZ27" s="113">
        <v>291616</v>
      </c>
      <c r="CA27" s="116">
        <v>291616</v>
      </c>
      <c r="CB27" s="110">
        <v>0</v>
      </c>
      <c r="CC27" s="114">
        <v>0</v>
      </c>
      <c r="CD27" s="113">
        <v>0</v>
      </c>
      <c r="CE27" s="110">
        <v>0</v>
      </c>
      <c r="CF27" s="114">
        <v>566756</v>
      </c>
      <c r="CG27" s="114">
        <v>1086733</v>
      </c>
      <c r="CH27" s="114">
        <v>319168</v>
      </c>
      <c r="CI27" s="114">
        <v>178856</v>
      </c>
      <c r="CJ27" s="114">
        <v>707896</v>
      </c>
      <c r="CK27" s="113">
        <v>2859409</v>
      </c>
      <c r="CL27" s="116">
        <v>2859409</v>
      </c>
      <c r="CM27" s="110">
        <v>0</v>
      </c>
      <c r="CN27" s="114">
        <v>0</v>
      </c>
      <c r="CO27" s="113">
        <v>0</v>
      </c>
      <c r="CP27" s="111">
        <v>0</v>
      </c>
      <c r="CQ27" s="114">
        <v>350911</v>
      </c>
      <c r="CR27" s="114">
        <v>962909</v>
      </c>
      <c r="CS27" s="114">
        <v>278000</v>
      </c>
      <c r="CT27" s="114">
        <v>101280</v>
      </c>
      <c r="CU27" s="114">
        <v>548072</v>
      </c>
      <c r="CV27" s="113">
        <v>2241172</v>
      </c>
      <c r="CW27" s="116">
        <v>2241172</v>
      </c>
      <c r="CX27" s="110">
        <v>0</v>
      </c>
      <c r="CY27" s="114">
        <v>0</v>
      </c>
      <c r="CZ27" s="113">
        <v>0</v>
      </c>
      <c r="DA27" s="110">
        <v>0</v>
      </c>
      <c r="DB27" s="114">
        <v>215845</v>
      </c>
      <c r="DC27" s="114">
        <v>123824</v>
      </c>
      <c r="DD27" s="114">
        <v>41168</v>
      </c>
      <c r="DE27" s="114">
        <v>77576</v>
      </c>
      <c r="DF27" s="114">
        <v>159824</v>
      </c>
      <c r="DG27" s="113">
        <v>618237</v>
      </c>
      <c r="DH27" s="116">
        <v>618237</v>
      </c>
      <c r="DI27" s="110">
        <v>0</v>
      </c>
      <c r="DJ27" s="114">
        <v>0</v>
      </c>
      <c r="DK27" s="112">
        <v>0</v>
      </c>
      <c r="DL27" s="111">
        <v>0</v>
      </c>
      <c r="DM27" s="114">
        <v>72784</v>
      </c>
      <c r="DN27" s="114">
        <v>70688</v>
      </c>
      <c r="DO27" s="114">
        <v>379284</v>
      </c>
      <c r="DP27" s="114">
        <v>178043</v>
      </c>
      <c r="DQ27" s="114">
        <v>0</v>
      </c>
      <c r="DR27" s="113">
        <v>700799</v>
      </c>
      <c r="DS27" s="116">
        <v>700799</v>
      </c>
      <c r="DT27" s="110">
        <v>0</v>
      </c>
      <c r="DU27" s="114">
        <v>0</v>
      </c>
      <c r="DV27" s="113">
        <v>0</v>
      </c>
      <c r="DW27" s="110">
        <v>0</v>
      </c>
      <c r="DX27" s="114">
        <v>54640</v>
      </c>
      <c r="DY27" s="114">
        <v>0</v>
      </c>
      <c r="DZ27" s="114">
        <v>360580</v>
      </c>
      <c r="EA27" s="114">
        <v>178043</v>
      </c>
      <c r="EB27" s="114">
        <v>0</v>
      </c>
      <c r="EC27" s="113">
        <v>593263</v>
      </c>
      <c r="ED27" s="116">
        <v>593263</v>
      </c>
      <c r="EE27" s="110">
        <v>0</v>
      </c>
      <c r="EF27" s="112">
        <v>0</v>
      </c>
      <c r="EG27" s="113">
        <v>0</v>
      </c>
      <c r="EH27" s="110">
        <v>0</v>
      </c>
      <c r="EI27" s="114">
        <v>18144</v>
      </c>
      <c r="EJ27" s="114">
        <v>70688</v>
      </c>
      <c r="EK27" s="114">
        <v>18704</v>
      </c>
      <c r="EL27" s="114">
        <v>0</v>
      </c>
      <c r="EM27" s="114">
        <v>0</v>
      </c>
      <c r="EN27" s="112">
        <v>107536</v>
      </c>
      <c r="EO27" s="116">
        <v>107536</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8"/>
      <c r="FE27" s="114">
        <v>0</v>
      </c>
      <c r="FF27" s="114">
        <v>0</v>
      </c>
      <c r="FG27" s="114">
        <v>0</v>
      </c>
      <c r="FH27" s="114">
        <v>0</v>
      </c>
      <c r="FI27" s="114">
        <v>0</v>
      </c>
      <c r="FJ27" s="113">
        <v>0</v>
      </c>
      <c r="FK27" s="116">
        <v>0</v>
      </c>
      <c r="FL27" s="110">
        <v>6400</v>
      </c>
      <c r="FM27" s="114">
        <v>126128</v>
      </c>
      <c r="FN27" s="113">
        <v>132528</v>
      </c>
      <c r="FO27" s="110">
        <v>0</v>
      </c>
      <c r="FP27" s="114">
        <v>62520</v>
      </c>
      <c r="FQ27" s="114">
        <v>174496</v>
      </c>
      <c r="FR27" s="114">
        <v>361328</v>
      </c>
      <c r="FS27" s="114">
        <v>231520</v>
      </c>
      <c r="FT27" s="114">
        <v>151096</v>
      </c>
      <c r="FU27" s="113">
        <v>980960</v>
      </c>
      <c r="FV27" s="116">
        <v>1113488</v>
      </c>
      <c r="FW27" s="115">
        <v>6400</v>
      </c>
      <c r="FX27" s="114">
        <v>42848</v>
      </c>
      <c r="FY27" s="112">
        <v>49248</v>
      </c>
      <c r="FZ27" s="111">
        <v>0</v>
      </c>
      <c r="GA27" s="114">
        <v>62520</v>
      </c>
      <c r="GB27" s="114">
        <v>174496</v>
      </c>
      <c r="GC27" s="114">
        <v>161328</v>
      </c>
      <c r="GD27" s="114">
        <v>231520</v>
      </c>
      <c r="GE27" s="114">
        <v>151096</v>
      </c>
      <c r="GF27" s="113">
        <v>780960</v>
      </c>
      <c r="GG27" s="319">
        <v>830208</v>
      </c>
      <c r="GH27" s="115">
        <v>0</v>
      </c>
      <c r="GI27" s="114">
        <v>0</v>
      </c>
      <c r="GJ27" s="112">
        <v>0</v>
      </c>
      <c r="GK27" s="111">
        <v>0</v>
      </c>
      <c r="GL27" s="114">
        <v>0</v>
      </c>
      <c r="GM27" s="114">
        <v>0</v>
      </c>
      <c r="GN27" s="114">
        <v>0</v>
      </c>
      <c r="GO27" s="114">
        <v>0</v>
      </c>
      <c r="GP27" s="114">
        <v>0</v>
      </c>
      <c r="GQ27" s="113">
        <v>0</v>
      </c>
      <c r="GR27" s="116">
        <v>0</v>
      </c>
      <c r="GS27" s="110">
        <v>0</v>
      </c>
      <c r="GT27" s="114">
        <v>83280</v>
      </c>
      <c r="GU27" s="113">
        <v>83280</v>
      </c>
      <c r="GV27" s="110">
        <v>0</v>
      </c>
      <c r="GW27" s="114">
        <v>0</v>
      </c>
      <c r="GX27" s="114">
        <v>0</v>
      </c>
      <c r="GY27" s="114">
        <v>200000</v>
      </c>
      <c r="GZ27" s="114">
        <v>0</v>
      </c>
      <c r="HA27" s="114">
        <v>0</v>
      </c>
      <c r="HB27" s="112">
        <v>200000</v>
      </c>
      <c r="HC27" s="116">
        <v>283280</v>
      </c>
      <c r="HD27" s="110">
        <v>0</v>
      </c>
      <c r="HE27" s="114">
        <v>84288</v>
      </c>
      <c r="HF27" s="112">
        <v>84288</v>
      </c>
      <c r="HG27" s="111">
        <v>0</v>
      </c>
      <c r="HH27" s="114">
        <v>299774</v>
      </c>
      <c r="HI27" s="114">
        <v>327856</v>
      </c>
      <c r="HJ27" s="114">
        <v>182128</v>
      </c>
      <c r="HK27" s="114">
        <v>397960</v>
      </c>
      <c r="HL27" s="114">
        <v>217056</v>
      </c>
      <c r="HM27" s="113">
        <v>1424774</v>
      </c>
      <c r="HN27" s="109">
        <v>1509062</v>
      </c>
      <c r="HO27" s="329"/>
      <c r="HP27" s="330"/>
      <c r="HQ27" s="331"/>
      <c r="HR27" s="332"/>
      <c r="HS27" s="330"/>
      <c r="HT27" s="330"/>
      <c r="HU27" s="330"/>
      <c r="HV27" s="330"/>
      <c r="HW27" s="330"/>
      <c r="HX27" s="333"/>
      <c r="HY27" s="334"/>
      <c r="HZ27" s="131">
        <v>0</v>
      </c>
      <c r="IA27" s="132">
        <v>0</v>
      </c>
      <c r="IB27" s="133">
        <v>0</v>
      </c>
      <c r="IC27" s="146">
        <v>0</v>
      </c>
      <c r="ID27" s="132">
        <v>958666</v>
      </c>
      <c r="IE27" s="147">
        <v>1236688</v>
      </c>
      <c r="IF27" s="133">
        <v>329589</v>
      </c>
      <c r="IG27" s="132">
        <v>1419656</v>
      </c>
      <c r="IH27" s="133">
        <v>0</v>
      </c>
      <c r="II27" s="148">
        <v>3944599</v>
      </c>
      <c r="IJ27" s="139">
        <v>3944599</v>
      </c>
      <c r="IK27" s="232">
        <v>0</v>
      </c>
      <c r="IL27" s="236">
        <v>0</v>
      </c>
      <c r="IM27" s="237">
        <v>0</v>
      </c>
      <c r="IN27" s="140"/>
      <c r="IO27" s="119">
        <v>0</v>
      </c>
      <c r="IP27" s="119">
        <v>93752</v>
      </c>
      <c r="IQ27" s="119">
        <v>156168</v>
      </c>
      <c r="IR27" s="119">
        <v>0</v>
      </c>
      <c r="IS27" s="119">
        <v>0</v>
      </c>
      <c r="IT27" s="141">
        <v>249920</v>
      </c>
      <c r="IU27" s="321">
        <v>249920</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28120</v>
      </c>
      <c r="JL27" s="119">
        <v>156016</v>
      </c>
      <c r="JM27" s="119">
        <v>99546</v>
      </c>
      <c r="JN27" s="119">
        <v>272120</v>
      </c>
      <c r="JO27" s="119">
        <v>0</v>
      </c>
      <c r="JP27" s="120">
        <v>655802</v>
      </c>
      <c r="JQ27" s="321">
        <v>655802</v>
      </c>
      <c r="JR27" s="142">
        <v>0</v>
      </c>
      <c r="JS27" s="119">
        <v>0</v>
      </c>
      <c r="JT27" s="141">
        <v>0</v>
      </c>
      <c r="JU27" s="118">
        <v>0</v>
      </c>
      <c r="JV27" s="119">
        <v>95080</v>
      </c>
      <c r="JW27" s="119">
        <v>0</v>
      </c>
      <c r="JX27" s="119">
        <v>73875</v>
      </c>
      <c r="JY27" s="119">
        <v>140656</v>
      </c>
      <c r="JZ27" s="119">
        <v>0</v>
      </c>
      <c r="KA27" s="120">
        <v>309611</v>
      </c>
      <c r="KB27" s="321">
        <v>309611</v>
      </c>
      <c r="KC27" s="234">
        <v>0</v>
      </c>
      <c r="KD27" s="230">
        <v>0</v>
      </c>
      <c r="KE27" s="120">
        <v>0</v>
      </c>
      <c r="KF27" s="118">
        <v>0</v>
      </c>
      <c r="KG27" s="119">
        <v>516808</v>
      </c>
      <c r="KH27" s="119">
        <v>533160</v>
      </c>
      <c r="KI27" s="119">
        <v>0</v>
      </c>
      <c r="KJ27" s="119">
        <v>0</v>
      </c>
      <c r="KK27" s="119">
        <v>0</v>
      </c>
      <c r="KL27" s="120">
        <v>1049968</v>
      </c>
      <c r="KM27" s="143">
        <v>1049968</v>
      </c>
      <c r="KN27" s="232">
        <v>0</v>
      </c>
      <c r="KO27" s="236">
        <v>0</v>
      </c>
      <c r="KP27" s="237">
        <v>0</v>
      </c>
      <c r="KQ27" s="140"/>
      <c r="KR27" s="119">
        <v>218658</v>
      </c>
      <c r="KS27" s="119">
        <v>453760</v>
      </c>
      <c r="KT27" s="119">
        <v>0</v>
      </c>
      <c r="KU27" s="119">
        <v>0</v>
      </c>
      <c r="KV27" s="119">
        <v>0</v>
      </c>
      <c r="KW27" s="120">
        <v>672418</v>
      </c>
      <c r="KX27" s="321">
        <v>672418</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1006880</v>
      </c>
      <c r="LR27" s="119">
        <v>0</v>
      </c>
      <c r="LS27" s="120">
        <v>1006880</v>
      </c>
      <c r="LT27" s="321">
        <v>1006880</v>
      </c>
      <c r="LU27" s="142">
        <v>0</v>
      </c>
      <c r="LV27" s="119">
        <v>0</v>
      </c>
      <c r="LW27" s="120">
        <v>0</v>
      </c>
      <c r="LX27" s="145">
        <v>0</v>
      </c>
      <c r="LY27" s="119">
        <v>0</v>
      </c>
      <c r="LZ27" s="119">
        <v>0</v>
      </c>
      <c r="MA27" s="119">
        <v>0</v>
      </c>
      <c r="MB27" s="119">
        <v>0</v>
      </c>
      <c r="MC27" s="119">
        <v>0</v>
      </c>
      <c r="MD27" s="120">
        <v>0</v>
      </c>
      <c r="ME27" s="121">
        <v>0</v>
      </c>
      <c r="MF27" s="142">
        <v>0</v>
      </c>
      <c r="MG27" s="119">
        <v>0</v>
      </c>
      <c r="MH27" s="120">
        <v>0</v>
      </c>
      <c r="MI27" s="145"/>
      <c r="MJ27" s="119">
        <v>0</v>
      </c>
      <c r="MK27" s="119">
        <v>0</v>
      </c>
      <c r="ML27" s="119">
        <v>976740</v>
      </c>
      <c r="MM27" s="119">
        <v>864016</v>
      </c>
      <c r="MN27" s="119">
        <v>0</v>
      </c>
      <c r="MO27" s="120">
        <v>1840756</v>
      </c>
      <c r="MP27" s="143">
        <v>1840756</v>
      </c>
      <c r="MQ27" s="142">
        <v>0</v>
      </c>
      <c r="MR27" s="119">
        <v>0</v>
      </c>
      <c r="MS27" s="120">
        <v>0</v>
      </c>
      <c r="MT27" s="145">
        <v>0</v>
      </c>
      <c r="MU27" s="119">
        <v>0</v>
      </c>
      <c r="MV27" s="119">
        <v>0</v>
      </c>
      <c r="MW27" s="119">
        <v>706788</v>
      </c>
      <c r="MX27" s="119">
        <v>437796</v>
      </c>
      <c r="MY27" s="119">
        <v>0</v>
      </c>
      <c r="MZ27" s="120">
        <v>1144584</v>
      </c>
      <c r="NA27" s="143">
        <v>1144584</v>
      </c>
      <c r="NB27" s="142">
        <v>0</v>
      </c>
      <c r="NC27" s="119">
        <v>0</v>
      </c>
      <c r="ND27" s="120">
        <v>0</v>
      </c>
      <c r="NE27" s="145"/>
      <c r="NF27" s="119">
        <v>0</v>
      </c>
      <c r="NG27" s="119">
        <v>0</v>
      </c>
      <c r="NH27" s="119">
        <v>269952</v>
      </c>
      <c r="NI27" s="119">
        <v>426220</v>
      </c>
      <c r="NJ27" s="119">
        <v>0</v>
      </c>
      <c r="NK27" s="120">
        <v>696172</v>
      </c>
      <c r="NL27" s="321">
        <v>696172</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6400</v>
      </c>
      <c r="OJ27" s="119">
        <v>210416</v>
      </c>
      <c r="OK27" s="141">
        <v>216816</v>
      </c>
      <c r="OL27" s="118">
        <v>0</v>
      </c>
      <c r="OM27" s="119">
        <v>2236701</v>
      </c>
      <c r="ON27" s="119">
        <v>3409451</v>
      </c>
      <c r="OO27" s="119">
        <v>2760721</v>
      </c>
      <c r="OP27" s="119">
        <v>3794759</v>
      </c>
      <c r="OQ27" s="119">
        <v>1697864</v>
      </c>
      <c r="OR27" s="120">
        <v>13899496</v>
      </c>
      <c r="OS27" s="143">
        <v>14116312</v>
      </c>
    </row>
    <row r="28" spans="2:409" ht="20.25" customHeight="1" x14ac:dyDescent="0.2">
      <c r="B28" s="126" t="s">
        <v>23</v>
      </c>
      <c r="C28" s="110">
        <v>150214</v>
      </c>
      <c r="D28" s="114">
        <v>278058</v>
      </c>
      <c r="E28" s="113">
        <v>428272</v>
      </c>
      <c r="F28" s="109">
        <v>0</v>
      </c>
      <c r="G28" s="114">
        <v>2808030</v>
      </c>
      <c r="H28" s="114">
        <v>2302787</v>
      </c>
      <c r="I28" s="114">
        <v>2598715</v>
      </c>
      <c r="J28" s="114">
        <v>2335672</v>
      </c>
      <c r="K28" s="114">
        <v>1020872</v>
      </c>
      <c r="L28" s="173">
        <v>11066076</v>
      </c>
      <c r="M28" s="116">
        <v>11494348</v>
      </c>
      <c r="N28" s="110">
        <v>85982</v>
      </c>
      <c r="O28" s="114">
        <v>78954</v>
      </c>
      <c r="P28" s="113">
        <v>164936</v>
      </c>
      <c r="Q28" s="110">
        <v>0</v>
      </c>
      <c r="R28" s="114">
        <v>624911</v>
      </c>
      <c r="S28" s="114">
        <v>757439</v>
      </c>
      <c r="T28" s="114">
        <v>594983</v>
      </c>
      <c r="U28" s="114">
        <v>829980</v>
      </c>
      <c r="V28" s="114">
        <v>302374</v>
      </c>
      <c r="W28" s="113">
        <v>3109687</v>
      </c>
      <c r="X28" s="116">
        <v>3274623</v>
      </c>
      <c r="Y28" s="110">
        <v>0</v>
      </c>
      <c r="Z28" s="114">
        <v>0</v>
      </c>
      <c r="AA28" s="113">
        <v>0</v>
      </c>
      <c r="AB28" s="110">
        <v>0</v>
      </c>
      <c r="AC28" s="114">
        <v>155104</v>
      </c>
      <c r="AD28" s="114">
        <v>263089</v>
      </c>
      <c r="AE28" s="114">
        <v>388490</v>
      </c>
      <c r="AF28" s="114">
        <v>473789</v>
      </c>
      <c r="AG28" s="114">
        <v>157194</v>
      </c>
      <c r="AH28" s="113">
        <v>1437666</v>
      </c>
      <c r="AI28" s="116">
        <v>1437666</v>
      </c>
      <c r="AJ28" s="110">
        <v>0</v>
      </c>
      <c r="AK28" s="114">
        <v>0</v>
      </c>
      <c r="AL28" s="113">
        <v>0</v>
      </c>
      <c r="AM28" s="110">
        <v>0</v>
      </c>
      <c r="AN28" s="114">
        <v>0</v>
      </c>
      <c r="AO28" s="114">
        <v>0</v>
      </c>
      <c r="AP28" s="114">
        <v>0</v>
      </c>
      <c r="AQ28" s="114">
        <v>46292</v>
      </c>
      <c r="AR28" s="114">
        <v>0</v>
      </c>
      <c r="AS28" s="113">
        <v>46292</v>
      </c>
      <c r="AT28" s="116">
        <v>46292</v>
      </c>
      <c r="AU28" s="110">
        <v>44814</v>
      </c>
      <c r="AV28" s="114">
        <v>65210</v>
      </c>
      <c r="AW28" s="113">
        <v>110024</v>
      </c>
      <c r="AX28" s="110">
        <v>0</v>
      </c>
      <c r="AY28" s="114">
        <v>320439</v>
      </c>
      <c r="AZ28" s="114">
        <v>364850</v>
      </c>
      <c r="BA28" s="114">
        <v>82917</v>
      </c>
      <c r="BB28" s="114">
        <v>173723</v>
      </c>
      <c r="BC28" s="114">
        <v>73204</v>
      </c>
      <c r="BD28" s="113">
        <v>1015133</v>
      </c>
      <c r="BE28" s="116">
        <v>1125157</v>
      </c>
      <c r="BF28" s="110">
        <v>0</v>
      </c>
      <c r="BG28" s="114">
        <v>0</v>
      </c>
      <c r="BH28" s="112">
        <v>0</v>
      </c>
      <c r="BI28" s="111">
        <v>0</v>
      </c>
      <c r="BJ28" s="114">
        <v>0</v>
      </c>
      <c r="BK28" s="114">
        <v>42708</v>
      </c>
      <c r="BL28" s="114">
        <v>0</v>
      </c>
      <c r="BM28" s="114">
        <v>0</v>
      </c>
      <c r="BN28" s="114">
        <v>0</v>
      </c>
      <c r="BO28" s="113">
        <v>42708</v>
      </c>
      <c r="BP28" s="116">
        <v>42708</v>
      </c>
      <c r="BQ28" s="110">
        <v>41168</v>
      </c>
      <c r="BR28" s="114">
        <v>13744</v>
      </c>
      <c r="BS28" s="113">
        <v>54912</v>
      </c>
      <c r="BT28" s="110">
        <v>0</v>
      </c>
      <c r="BU28" s="114">
        <v>149368</v>
      </c>
      <c r="BV28" s="114">
        <v>86792</v>
      </c>
      <c r="BW28" s="114">
        <v>123576</v>
      </c>
      <c r="BX28" s="114">
        <v>136176</v>
      </c>
      <c r="BY28" s="114">
        <v>71976</v>
      </c>
      <c r="BZ28" s="113">
        <v>567888</v>
      </c>
      <c r="CA28" s="116">
        <v>622800</v>
      </c>
      <c r="CB28" s="110">
        <v>0</v>
      </c>
      <c r="CC28" s="114">
        <v>0</v>
      </c>
      <c r="CD28" s="113">
        <v>0</v>
      </c>
      <c r="CE28" s="110">
        <v>0</v>
      </c>
      <c r="CF28" s="114">
        <v>839359</v>
      </c>
      <c r="CG28" s="114">
        <v>975101</v>
      </c>
      <c r="CH28" s="114">
        <v>1085339</v>
      </c>
      <c r="CI28" s="114">
        <v>994144</v>
      </c>
      <c r="CJ28" s="114">
        <v>80222</v>
      </c>
      <c r="CK28" s="113">
        <v>3974165</v>
      </c>
      <c r="CL28" s="116">
        <v>3974165</v>
      </c>
      <c r="CM28" s="110">
        <v>0</v>
      </c>
      <c r="CN28" s="114">
        <v>0</v>
      </c>
      <c r="CO28" s="113">
        <v>0</v>
      </c>
      <c r="CP28" s="111">
        <v>0</v>
      </c>
      <c r="CQ28" s="114">
        <v>661108</v>
      </c>
      <c r="CR28" s="114">
        <v>758005</v>
      </c>
      <c r="CS28" s="114">
        <v>928195</v>
      </c>
      <c r="CT28" s="114">
        <v>720430</v>
      </c>
      <c r="CU28" s="114">
        <v>80222</v>
      </c>
      <c r="CV28" s="113">
        <v>3147960</v>
      </c>
      <c r="CW28" s="116">
        <v>3147960</v>
      </c>
      <c r="CX28" s="110">
        <v>0</v>
      </c>
      <c r="CY28" s="114">
        <v>0</v>
      </c>
      <c r="CZ28" s="113">
        <v>0</v>
      </c>
      <c r="DA28" s="110">
        <v>0</v>
      </c>
      <c r="DB28" s="114">
        <v>178251</v>
      </c>
      <c r="DC28" s="114">
        <v>217096</v>
      </c>
      <c r="DD28" s="114">
        <v>157144</v>
      </c>
      <c r="DE28" s="114">
        <v>273714</v>
      </c>
      <c r="DF28" s="114">
        <v>0</v>
      </c>
      <c r="DG28" s="113">
        <v>826205</v>
      </c>
      <c r="DH28" s="116">
        <v>826205</v>
      </c>
      <c r="DI28" s="110">
        <v>0</v>
      </c>
      <c r="DJ28" s="114">
        <v>0</v>
      </c>
      <c r="DK28" s="112">
        <v>0</v>
      </c>
      <c r="DL28" s="111">
        <v>0</v>
      </c>
      <c r="DM28" s="114">
        <v>19696</v>
      </c>
      <c r="DN28" s="114">
        <v>57654</v>
      </c>
      <c r="DO28" s="114">
        <v>102367</v>
      </c>
      <c r="DP28" s="114">
        <v>131475</v>
      </c>
      <c r="DQ28" s="114">
        <v>0</v>
      </c>
      <c r="DR28" s="113">
        <v>311192</v>
      </c>
      <c r="DS28" s="116">
        <v>311192</v>
      </c>
      <c r="DT28" s="110">
        <v>0</v>
      </c>
      <c r="DU28" s="114">
        <v>0</v>
      </c>
      <c r="DV28" s="113">
        <v>0</v>
      </c>
      <c r="DW28" s="110">
        <v>0</v>
      </c>
      <c r="DX28" s="114">
        <v>0</v>
      </c>
      <c r="DY28" s="114">
        <v>57654</v>
      </c>
      <c r="DZ28" s="114">
        <v>102367</v>
      </c>
      <c r="EA28" s="114">
        <v>131475</v>
      </c>
      <c r="EB28" s="114">
        <v>0</v>
      </c>
      <c r="EC28" s="113">
        <v>291496</v>
      </c>
      <c r="ED28" s="116">
        <v>291496</v>
      </c>
      <c r="EE28" s="110">
        <v>0</v>
      </c>
      <c r="EF28" s="112">
        <v>0</v>
      </c>
      <c r="EG28" s="113">
        <v>0</v>
      </c>
      <c r="EH28" s="110">
        <v>0</v>
      </c>
      <c r="EI28" s="114">
        <v>19696</v>
      </c>
      <c r="EJ28" s="114">
        <v>0</v>
      </c>
      <c r="EK28" s="114">
        <v>0</v>
      </c>
      <c r="EL28" s="114">
        <v>0</v>
      </c>
      <c r="EM28" s="114">
        <v>0</v>
      </c>
      <c r="EN28" s="112">
        <v>19696</v>
      </c>
      <c r="EO28" s="116">
        <v>19696</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8"/>
      <c r="FE28" s="114">
        <v>0</v>
      </c>
      <c r="FF28" s="114">
        <v>0</v>
      </c>
      <c r="FG28" s="114">
        <v>0</v>
      </c>
      <c r="FH28" s="114">
        <v>0</v>
      </c>
      <c r="FI28" s="114">
        <v>0</v>
      </c>
      <c r="FJ28" s="113">
        <v>0</v>
      </c>
      <c r="FK28" s="116">
        <v>0</v>
      </c>
      <c r="FL28" s="110">
        <v>11280</v>
      </c>
      <c r="FM28" s="114">
        <v>21776</v>
      </c>
      <c r="FN28" s="113">
        <v>33056</v>
      </c>
      <c r="FO28" s="110">
        <v>0</v>
      </c>
      <c r="FP28" s="114">
        <v>64000</v>
      </c>
      <c r="FQ28" s="114">
        <v>337360</v>
      </c>
      <c r="FR28" s="114">
        <v>74560</v>
      </c>
      <c r="FS28" s="114">
        <v>128288</v>
      </c>
      <c r="FT28" s="114">
        <v>48432</v>
      </c>
      <c r="FU28" s="113">
        <v>652640</v>
      </c>
      <c r="FV28" s="116">
        <v>685696</v>
      </c>
      <c r="FW28" s="115">
        <v>11280</v>
      </c>
      <c r="FX28" s="114">
        <v>21776</v>
      </c>
      <c r="FY28" s="112">
        <v>33056</v>
      </c>
      <c r="FZ28" s="111">
        <v>0</v>
      </c>
      <c r="GA28" s="114">
        <v>64000</v>
      </c>
      <c r="GB28" s="114">
        <v>337360</v>
      </c>
      <c r="GC28" s="114">
        <v>74560</v>
      </c>
      <c r="GD28" s="114">
        <v>128288</v>
      </c>
      <c r="GE28" s="114">
        <v>48432</v>
      </c>
      <c r="GF28" s="113">
        <v>652640</v>
      </c>
      <c r="GG28" s="319">
        <v>685696</v>
      </c>
      <c r="GH28" s="115">
        <v>0</v>
      </c>
      <c r="GI28" s="114">
        <v>0</v>
      </c>
      <c r="GJ28" s="112">
        <v>0</v>
      </c>
      <c r="GK28" s="111">
        <v>0</v>
      </c>
      <c r="GL28" s="114">
        <v>0</v>
      </c>
      <c r="GM28" s="114">
        <v>0</v>
      </c>
      <c r="GN28" s="114">
        <v>0</v>
      </c>
      <c r="GO28" s="114">
        <v>0</v>
      </c>
      <c r="GP28" s="114">
        <v>0</v>
      </c>
      <c r="GQ28" s="113">
        <v>0</v>
      </c>
      <c r="GR28" s="116">
        <v>0</v>
      </c>
      <c r="GS28" s="110">
        <v>0</v>
      </c>
      <c r="GT28" s="114">
        <v>0</v>
      </c>
      <c r="GU28" s="113">
        <v>0</v>
      </c>
      <c r="GV28" s="110">
        <v>0</v>
      </c>
      <c r="GW28" s="114">
        <v>0</v>
      </c>
      <c r="GX28" s="114">
        <v>0</v>
      </c>
      <c r="GY28" s="114">
        <v>0</v>
      </c>
      <c r="GZ28" s="114">
        <v>0</v>
      </c>
      <c r="HA28" s="114">
        <v>0</v>
      </c>
      <c r="HB28" s="112">
        <v>0</v>
      </c>
      <c r="HC28" s="116">
        <v>0</v>
      </c>
      <c r="HD28" s="110">
        <v>52952</v>
      </c>
      <c r="HE28" s="114">
        <v>177328</v>
      </c>
      <c r="HF28" s="112">
        <v>230280</v>
      </c>
      <c r="HG28" s="111">
        <v>0</v>
      </c>
      <c r="HH28" s="114">
        <v>1260064</v>
      </c>
      <c r="HI28" s="114">
        <v>175233</v>
      </c>
      <c r="HJ28" s="114">
        <v>741466</v>
      </c>
      <c r="HK28" s="114">
        <v>251785</v>
      </c>
      <c r="HL28" s="114">
        <v>589844</v>
      </c>
      <c r="HM28" s="113">
        <v>3018392</v>
      </c>
      <c r="HN28" s="109">
        <v>3248672</v>
      </c>
      <c r="HO28" s="329"/>
      <c r="HP28" s="330"/>
      <c r="HQ28" s="331"/>
      <c r="HR28" s="332"/>
      <c r="HS28" s="330"/>
      <c r="HT28" s="330"/>
      <c r="HU28" s="330"/>
      <c r="HV28" s="330"/>
      <c r="HW28" s="330"/>
      <c r="HX28" s="333"/>
      <c r="HY28" s="334"/>
      <c r="HZ28" s="150">
        <v>0</v>
      </c>
      <c r="IA28" s="135">
        <v>0</v>
      </c>
      <c r="IB28" s="150">
        <v>0</v>
      </c>
      <c r="IC28" s="134">
        <v>0</v>
      </c>
      <c r="ID28" s="135">
        <v>861628</v>
      </c>
      <c r="IE28" s="136">
        <v>311818</v>
      </c>
      <c r="IF28" s="137">
        <v>775311</v>
      </c>
      <c r="IG28" s="135">
        <v>907042</v>
      </c>
      <c r="IH28" s="137">
        <v>0</v>
      </c>
      <c r="II28" s="138">
        <v>2855799</v>
      </c>
      <c r="IJ28" s="150">
        <v>2855799</v>
      </c>
      <c r="IK28" s="232">
        <v>0</v>
      </c>
      <c r="IL28" s="236">
        <v>0</v>
      </c>
      <c r="IM28" s="237">
        <v>0</v>
      </c>
      <c r="IN28" s="140"/>
      <c r="IO28" s="119">
        <v>0</v>
      </c>
      <c r="IP28" s="119">
        <v>0</v>
      </c>
      <c r="IQ28" s="119">
        <v>0</v>
      </c>
      <c r="IR28" s="119">
        <v>0</v>
      </c>
      <c r="IS28" s="119">
        <v>0</v>
      </c>
      <c r="IT28" s="141">
        <v>0</v>
      </c>
      <c r="IU28" s="321">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176971</v>
      </c>
      <c r="JL28" s="119">
        <v>76518</v>
      </c>
      <c r="JM28" s="119">
        <v>37887</v>
      </c>
      <c r="JN28" s="119">
        <v>408102</v>
      </c>
      <c r="JO28" s="119">
        <v>0</v>
      </c>
      <c r="JP28" s="120">
        <v>699478</v>
      </c>
      <c r="JQ28" s="321">
        <v>699478</v>
      </c>
      <c r="JR28" s="142">
        <v>0</v>
      </c>
      <c r="JS28" s="119">
        <v>0</v>
      </c>
      <c r="JT28" s="141">
        <v>0</v>
      </c>
      <c r="JU28" s="118">
        <v>0</v>
      </c>
      <c r="JV28" s="119">
        <v>0</v>
      </c>
      <c r="JW28" s="119">
        <v>0</v>
      </c>
      <c r="JX28" s="119">
        <v>0</v>
      </c>
      <c r="JY28" s="119">
        <v>0</v>
      </c>
      <c r="JZ28" s="119">
        <v>0</v>
      </c>
      <c r="KA28" s="120">
        <v>0</v>
      </c>
      <c r="KB28" s="321">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684657</v>
      </c>
      <c r="KS28" s="119">
        <v>235300</v>
      </c>
      <c r="KT28" s="119">
        <v>737424</v>
      </c>
      <c r="KU28" s="119">
        <v>498940</v>
      </c>
      <c r="KV28" s="119">
        <v>0</v>
      </c>
      <c r="KW28" s="120">
        <v>2156321</v>
      </c>
      <c r="KX28" s="321">
        <v>2156321</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1">
        <v>0</v>
      </c>
      <c r="LU28" s="142">
        <v>0</v>
      </c>
      <c r="LV28" s="119">
        <v>0</v>
      </c>
      <c r="LW28" s="120">
        <v>0</v>
      </c>
      <c r="LX28" s="145">
        <v>0</v>
      </c>
      <c r="LY28" s="119">
        <v>0</v>
      </c>
      <c r="LZ28" s="119">
        <v>0</v>
      </c>
      <c r="MA28" s="119">
        <v>0</v>
      </c>
      <c r="MB28" s="119">
        <v>0</v>
      </c>
      <c r="MC28" s="119">
        <v>0</v>
      </c>
      <c r="MD28" s="120">
        <v>0</v>
      </c>
      <c r="ME28" s="121">
        <v>0</v>
      </c>
      <c r="MF28" s="142">
        <v>0</v>
      </c>
      <c r="MG28" s="119">
        <v>0</v>
      </c>
      <c r="MH28" s="120">
        <v>0</v>
      </c>
      <c r="MI28" s="145"/>
      <c r="MJ28" s="119">
        <v>216607</v>
      </c>
      <c r="MK28" s="119">
        <v>0</v>
      </c>
      <c r="ML28" s="119">
        <v>848834</v>
      </c>
      <c r="MM28" s="119">
        <v>1238458</v>
      </c>
      <c r="MN28" s="119">
        <v>299816</v>
      </c>
      <c r="MO28" s="120">
        <v>2603715</v>
      </c>
      <c r="MP28" s="143">
        <v>2603715</v>
      </c>
      <c r="MQ28" s="142">
        <v>0</v>
      </c>
      <c r="MR28" s="119">
        <v>0</v>
      </c>
      <c r="MS28" s="120">
        <v>0</v>
      </c>
      <c r="MT28" s="145">
        <v>0</v>
      </c>
      <c r="MU28" s="119">
        <v>216607</v>
      </c>
      <c r="MV28" s="119">
        <v>0</v>
      </c>
      <c r="MW28" s="119">
        <v>557589</v>
      </c>
      <c r="MX28" s="119">
        <v>627591</v>
      </c>
      <c r="MY28" s="119">
        <v>0</v>
      </c>
      <c r="MZ28" s="120">
        <v>1401787</v>
      </c>
      <c r="NA28" s="143">
        <v>1401787</v>
      </c>
      <c r="NB28" s="142">
        <v>0</v>
      </c>
      <c r="NC28" s="119">
        <v>0</v>
      </c>
      <c r="ND28" s="120">
        <v>0</v>
      </c>
      <c r="NE28" s="145"/>
      <c r="NF28" s="119">
        <v>0</v>
      </c>
      <c r="NG28" s="119">
        <v>0</v>
      </c>
      <c r="NH28" s="119">
        <v>291245</v>
      </c>
      <c r="NI28" s="119">
        <v>610867</v>
      </c>
      <c r="NJ28" s="119">
        <v>299816</v>
      </c>
      <c r="NK28" s="120">
        <v>1201928</v>
      </c>
      <c r="NL28" s="321">
        <v>1201928</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150214</v>
      </c>
      <c r="OJ28" s="119">
        <v>278058</v>
      </c>
      <c r="OK28" s="141">
        <v>428272</v>
      </c>
      <c r="OL28" s="118">
        <v>0</v>
      </c>
      <c r="OM28" s="119">
        <v>3886265</v>
      </c>
      <c r="ON28" s="119">
        <v>2614605</v>
      </c>
      <c r="OO28" s="119">
        <v>4222860</v>
      </c>
      <c r="OP28" s="119">
        <v>4481172</v>
      </c>
      <c r="OQ28" s="119">
        <v>1320688</v>
      </c>
      <c r="OR28" s="120">
        <v>16525590</v>
      </c>
      <c r="OS28" s="143">
        <v>16953862</v>
      </c>
    </row>
    <row r="29" spans="2:409" ht="20.25" customHeight="1" x14ac:dyDescent="0.2">
      <c r="B29" s="126" t="s">
        <v>24</v>
      </c>
      <c r="C29" s="110">
        <v>419613</v>
      </c>
      <c r="D29" s="114">
        <v>413974</v>
      </c>
      <c r="E29" s="113">
        <v>833587</v>
      </c>
      <c r="F29" s="109">
        <v>0</v>
      </c>
      <c r="G29" s="114">
        <v>3112037</v>
      </c>
      <c r="H29" s="114">
        <v>2018343</v>
      </c>
      <c r="I29" s="114">
        <v>1750223</v>
      </c>
      <c r="J29" s="114">
        <v>1429337</v>
      </c>
      <c r="K29" s="114">
        <v>1265379</v>
      </c>
      <c r="L29" s="173">
        <v>9575319</v>
      </c>
      <c r="M29" s="116">
        <v>10408906</v>
      </c>
      <c r="N29" s="110">
        <v>58772</v>
      </c>
      <c r="O29" s="114">
        <v>131668</v>
      </c>
      <c r="P29" s="113">
        <v>190440</v>
      </c>
      <c r="Q29" s="110">
        <v>0</v>
      </c>
      <c r="R29" s="114">
        <v>1076925</v>
      </c>
      <c r="S29" s="114">
        <v>660348</v>
      </c>
      <c r="T29" s="114">
        <v>446087</v>
      </c>
      <c r="U29" s="114">
        <v>855171</v>
      </c>
      <c r="V29" s="114">
        <v>736372</v>
      </c>
      <c r="W29" s="113">
        <v>3774903</v>
      </c>
      <c r="X29" s="116">
        <v>3965343</v>
      </c>
      <c r="Y29" s="110">
        <v>0</v>
      </c>
      <c r="Z29" s="114">
        <v>0</v>
      </c>
      <c r="AA29" s="113">
        <v>0</v>
      </c>
      <c r="AB29" s="110">
        <v>0</v>
      </c>
      <c r="AC29" s="114">
        <v>404465</v>
      </c>
      <c r="AD29" s="114">
        <v>267457</v>
      </c>
      <c r="AE29" s="114">
        <v>47721</v>
      </c>
      <c r="AF29" s="114">
        <v>536685</v>
      </c>
      <c r="AG29" s="114">
        <v>201663</v>
      </c>
      <c r="AH29" s="113">
        <v>1457991</v>
      </c>
      <c r="AI29" s="116">
        <v>1457991</v>
      </c>
      <c r="AJ29" s="110">
        <v>0</v>
      </c>
      <c r="AK29" s="114">
        <v>0</v>
      </c>
      <c r="AL29" s="113">
        <v>0</v>
      </c>
      <c r="AM29" s="110">
        <v>0</v>
      </c>
      <c r="AN29" s="114">
        <v>0</v>
      </c>
      <c r="AO29" s="114">
        <v>0</v>
      </c>
      <c r="AP29" s="114">
        <v>0</v>
      </c>
      <c r="AQ29" s="114">
        <v>23903</v>
      </c>
      <c r="AR29" s="114">
        <v>186922</v>
      </c>
      <c r="AS29" s="113">
        <v>210825</v>
      </c>
      <c r="AT29" s="116">
        <v>210825</v>
      </c>
      <c r="AU29" s="110">
        <v>32852</v>
      </c>
      <c r="AV29" s="114">
        <v>47780</v>
      </c>
      <c r="AW29" s="113">
        <v>80632</v>
      </c>
      <c r="AX29" s="110">
        <v>0</v>
      </c>
      <c r="AY29" s="114">
        <v>423816</v>
      </c>
      <c r="AZ29" s="114">
        <v>298475</v>
      </c>
      <c r="BA29" s="114">
        <v>272702</v>
      </c>
      <c r="BB29" s="114">
        <v>152867</v>
      </c>
      <c r="BC29" s="114">
        <v>252035</v>
      </c>
      <c r="BD29" s="113">
        <v>1399895</v>
      </c>
      <c r="BE29" s="116">
        <v>1480527</v>
      </c>
      <c r="BF29" s="110">
        <v>0</v>
      </c>
      <c r="BG29" s="114">
        <v>41592</v>
      </c>
      <c r="BH29" s="112">
        <v>41592</v>
      </c>
      <c r="BI29" s="111">
        <v>0</v>
      </c>
      <c r="BJ29" s="114">
        <v>75292</v>
      </c>
      <c r="BK29" s="114">
        <v>0</v>
      </c>
      <c r="BL29" s="114">
        <v>0</v>
      </c>
      <c r="BM29" s="114">
        <v>83892</v>
      </c>
      <c r="BN29" s="114">
        <v>0</v>
      </c>
      <c r="BO29" s="113">
        <v>159184</v>
      </c>
      <c r="BP29" s="116">
        <v>200776</v>
      </c>
      <c r="BQ29" s="110">
        <v>25920</v>
      </c>
      <c r="BR29" s="114">
        <v>42296</v>
      </c>
      <c r="BS29" s="113">
        <v>68216</v>
      </c>
      <c r="BT29" s="110">
        <v>0</v>
      </c>
      <c r="BU29" s="114">
        <v>173352</v>
      </c>
      <c r="BV29" s="114">
        <v>94416</v>
      </c>
      <c r="BW29" s="114">
        <v>125664</v>
      </c>
      <c r="BX29" s="114">
        <v>57824</v>
      </c>
      <c r="BY29" s="114">
        <v>95752</v>
      </c>
      <c r="BZ29" s="113">
        <v>547008</v>
      </c>
      <c r="CA29" s="116">
        <v>615224</v>
      </c>
      <c r="CB29" s="110">
        <v>60352</v>
      </c>
      <c r="CC29" s="114">
        <v>111480</v>
      </c>
      <c r="CD29" s="113">
        <v>171832</v>
      </c>
      <c r="CE29" s="110">
        <v>0</v>
      </c>
      <c r="CF29" s="114">
        <v>729079</v>
      </c>
      <c r="CG29" s="114">
        <v>648450</v>
      </c>
      <c r="CH29" s="114">
        <v>684524</v>
      </c>
      <c r="CI29" s="114">
        <v>123503</v>
      </c>
      <c r="CJ29" s="114">
        <v>0</v>
      </c>
      <c r="CK29" s="113">
        <v>2185556</v>
      </c>
      <c r="CL29" s="116">
        <v>2357388</v>
      </c>
      <c r="CM29" s="110">
        <v>0</v>
      </c>
      <c r="CN29" s="114">
        <v>0</v>
      </c>
      <c r="CO29" s="113">
        <v>0</v>
      </c>
      <c r="CP29" s="111">
        <v>0</v>
      </c>
      <c r="CQ29" s="114">
        <v>614617</v>
      </c>
      <c r="CR29" s="114">
        <v>407908</v>
      </c>
      <c r="CS29" s="114">
        <v>548756</v>
      </c>
      <c r="CT29" s="114">
        <v>123503</v>
      </c>
      <c r="CU29" s="114">
        <v>0</v>
      </c>
      <c r="CV29" s="113">
        <v>1694784</v>
      </c>
      <c r="CW29" s="116">
        <v>1694784</v>
      </c>
      <c r="CX29" s="110">
        <v>60352</v>
      </c>
      <c r="CY29" s="114">
        <v>111480</v>
      </c>
      <c r="CZ29" s="113">
        <v>171832</v>
      </c>
      <c r="DA29" s="110">
        <v>0</v>
      </c>
      <c r="DB29" s="114">
        <v>114462</v>
      </c>
      <c r="DC29" s="114">
        <v>240542</v>
      </c>
      <c r="DD29" s="114">
        <v>135768</v>
      </c>
      <c r="DE29" s="114">
        <v>0</v>
      </c>
      <c r="DF29" s="114">
        <v>0</v>
      </c>
      <c r="DG29" s="113">
        <v>490772</v>
      </c>
      <c r="DH29" s="116">
        <v>662604</v>
      </c>
      <c r="DI29" s="110">
        <v>0</v>
      </c>
      <c r="DJ29" s="114">
        <v>0</v>
      </c>
      <c r="DK29" s="112">
        <v>0</v>
      </c>
      <c r="DL29" s="111">
        <v>0</v>
      </c>
      <c r="DM29" s="114">
        <v>59368</v>
      </c>
      <c r="DN29" s="114">
        <v>116305</v>
      </c>
      <c r="DO29" s="114">
        <v>161312</v>
      </c>
      <c r="DP29" s="114">
        <v>67731</v>
      </c>
      <c r="DQ29" s="114">
        <v>74805</v>
      </c>
      <c r="DR29" s="113">
        <v>479521</v>
      </c>
      <c r="DS29" s="116">
        <v>479521</v>
      </c>
      <c r="DT29" s="110">
        <v>0</v>
      </c>
      <c r="DU29" s="114">
        <v>0</v>
      </c>
      <c r="DV29" s="113">
        <v>0</v>
      </c>
      <c r="DW29" s="110">
        <v>0</v>
      </c>
      <c r="DX29" s="114">
        <v>59368</v>
      </c>
      <c r="DY29" s="114">
        <v>0</v>
      </c>
      <c r="DZ29" s="114">
        <v>161312</v>
      </c>
      <c r="EA29" s="114">
        <v>67731</v>
      </c>
      <c r="EB29" s="114">
        <v>74805</v>
      </c>
      <c r="EC29" s="113">
        <v>363216</v>
      </c>
      <c r="ED29" s="116">
        <v>363216</v>
      </c>
      <c r="EE29" s="110">
        <v>0</v>
      </c>
      <c r="EF29" s="112">
        <v>0</v>
      </c>
      <c r="EG29" s="113">
        <v>0</v>
      </c>
      <c r="EH29" s="110">
        <v>0</v>
      </c>
      <c r="EI29" s="114">
        <v>0</v>
      </c>
      <c r="EJ29" s="114">
        <v>116305</v>
      </c>
      <c r="EK29" s="114">
        <v>0</v>
      </c>
      <c r="EL29" s="114">
        <v>0</v>
      </c>
      <c r="EM29" s="114">
        <v>0</v>
      </c>
      <c r="EN29" s="112">
        <v>116305</v>
      </c>
      <c r="EO29" s="116">
        <v>116305</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8"/>
      <c r="FE29" s="114">
        <v>0</v>
      </c>
      <c r="FF29" s="114">
        <v>0</v>
      </c>
      <c r="FG29" s="114">
        <v>0</v>
      </c>
      <c r="FH29" s="114">
        <v>0</v>
      </c>
      <c r="FI29" s="114">
        <v>0</v>
      </c>
      <c r="FJ29" s="113">
        <v>0</v>
      </c>
      <c r="FK29" s="116">
        <v>0</v>
      </c>
      <c r="FL29" s="110">
        <v>195600</v>
      </c>
      <c r="FM29" s="114">
        <v>84000</v>
      </c>
      <c r="FN29" s="113">
        <v>279600</v>
      </c>
      <c r="FO29" s="110">
        <v>0</v>
      </c>
      <c r="FP29" s="114">
        <v>110976</v>
      </c>
      <c r="FQ29" s="114">
        <v>164464</v>
      </c>
      <c r="FR29" s="114">
        <v>75640</v>
      </c>
      <c r="FS29" s="114">
        <v>175696</v>
      </c>
      <c r="FT29" s="114">
        <v>54216</v>
      </c>
      <c r="FU29" s="113">
        <v>580992</v>
      </c>
      <c r="FV29" s="116">
        <v>860592</v>
      </c>
      <c r="FW29" s="115">
        <v>35600</v>
      </c>
      <c r="FX29" s="114">
        <v>23280</v>
      </c>
      <c r="FY29" s="112">
        <v>58880</v>
      </c>
      <c r="FZ29" s="111">
        <v>0</v>
      </c>
      <c r="GA29" s="114">
        <v>110976</v>
      </c>
      <c r="GB29" s="114">
        <v>164464</v>
      </c>
      <c r="GC29" s="114">
        <v>75640</v>
      </c>
      <c r="GD29" s="114">
        <v>175696</v>
      </c>
      <c r="GE29" s="114">
        <v>54216</v>
      </c>
      <c r="GF29" s="113">
        <v>580992</v>
      </c>
      <c r="GG29" s="319">
        <v>639872</v>
      </c>
      <c r="GH29" s="115">
        <v>0</v>
      </c>
      <c r="GI29" s="114">
        <v>0</v>
      </c>
      <c r="GJ29" s="112">
        <v>0</v>
      </c>
      <c r="GK29" s="111">
        <v>0</v>
      </c>
      <c r="GL29" s="114">
        <v>0</v>
      </c>
      <c r="GM29" s="114">
        <v>0</v>
      </c>
      <c r="GN29" s="114">
        <v>0</v>
      </c>
      <c r="GO29" s="114">
        <v>0</v>
      </c>
      <c r="GP29" s="114">
        <v>0</v>
      </c>
      <c r="GQ29" s="113">
        <v>0</v>
      </c>
      <c r="GR29" s="116">
        <v>0</v>
      </c>
      <c r="GS29" s="110">
        <v>160000</v>
      </c>
      <c r="GT29" s="114">
        <v>60720</v>
      </c>
      <c r="GU29" s="113">
        <v>220720</v>
      </c>
      <c r="GV29" s="110">
        <v>0</v>
      </c>
      <c r="GW29" s="114">
        <v>0</v>
      </c>
      <c r="GX29" s="114">
        <v>0</v>
      </c>
      <c r="GY29" s="114">
        <v>0</v>
      </c>
      <c r="GZ29" s="114">
        <v>0</v>
      </c>
      <c r="HA29" s="114">
        <v>0</v>
      </c>
      <c r="HB29" s="112">
        <v>0</v>
      </c>
      <c r="HC29" s="116">
        <v>220720</v>
      </c>
      <c r="HD29" s="110">
        <v>104889</v>
      </c>
      <c r="HE29" s="114">
        <v>86826</v>
      </c>
      <c r="HF29" s="112">
        <v>191715</v>
      </c>
      <c r="HG29" s="111">
        <v>0</v>
      </c>
      <c r="HH29" s="114">
        <v>1135689</v>
      </c>
      <c r="HI29" s="114">
        <v>428776</v>
      </c>
      <c r="HJ29" s="114">
        <v>382660</v>
      </c>
      <c r="HK29" s="114">
        <v>207236</v>
      </c>
      <c r="HL29" s="114">
        <v>399986</v>
      </c>
      <c r="HM29" s="113">
        <v>2554347</v>
      </c>
      <c r="HN29" s="109">
        <v>2746062</v>
      </c>
      <c r="HO29" s="329"/>
      <c r="HP29" s="330"/>
      <c r="HQ29" s="331"/>
      <c r="HR29" s="332"/>
      <c r="HS29" s="330"/>
      <c r="HT29" s="330"/>
      <c r="HU29" s="330"/>
      <c r="HV29" s="330"/>
      <c r="HW29" s="330"/>
      <c r="HX29" s="333"/>
      <c r="HY29" s="334"/>
      <c r="HZ29" s="131">
        <v>0</v>
      </c>
      <c r="IA29" s="132">
        <v>0</v>
      </c>
      <c r="IB29" s="133">
        <v>0</v>
      </c>
      <c r="IC29" s="146">
        <v>0</v>
      </c>
      <c r="ID29" s="132">
        <v>249241</v>
      </c>
      <c r="IE29" s="147">
        <v>406868</v>
      </c>
      <c r="IF29" s="133">
        <v>1005823</v>
      </c>
      <c r="IG29" s="132">
        <v>0</v>
      </c>
      <c r="IH29" s="133">
        <v>238699</v>
      </c>
      <c r="II29" s="148">
        <v>1900631</v>
      </c>
      <c r="IJ29" s="139">
        <v>1900631</v>
      </c>
      <c r="IK29" s="232">
        <v>0</v>
      </c>
      <c r="IL29" s="236">
        <v>0</v>
      </c>
      <c r="IM29" s="237">
        <v>0</v>
      </c>
      <c r="IN29" s="140"/>
      <c r="IO29" s="119">
        <v>0</v>
      </c>
      <c r="IP29" s="119">
        <v>0</v>
      </c>
      <c r="IQ29" s="119">
        <v>155540</v>
      </c>
      <c r="IR29" s="119">
        <v>0</v>
      </c>
      <c r="IS29" s="119">
        <v>0</v>
      </c>
      <c r="IT29" s="141">
        <v>155540</v>
      </c>
      <c r="IU29" s="321">
        <v>155540</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40860</v>
      </c>
      <c r="JL29" s="119">
        <v>0</v>
      </c>
      <c r="JM29" s="119">
        <v>244778</v>
      </c>
      <c r="JN29" s="119">
        <v>0</v>
      </c>
      <c r="JO29" s="119">
        <v>0</v>
      </c>
      <c r="JP29" s="120">
        <v>385638</v>
      </c>
      <c r="JQ29" s="321">
        <v>385638</v>
      </c>
      <c r="JR29" s="142">
        <v>0</v>
      </c>
      <c r="JS29" s="119">
        <v>0</v>
      </c>
      <c r="JT29" s="141">
        <v>0</v>
      </c>
      <c r="JU29" s="118">
        <v>0</v>
      </c>
      <c r="JV29" s="119">
        <v>0</v>
      </c>
      <c r="JW29" s="119">
        <v>0</v>
      </c>
      <c r="JX29" s="119">
        <v>146561</v>
      </c>
      <c r="JY29" s="119">
        <v>0</v>
      </c>
      <c r="JZ29" s="119">
        <v>0</v>
      </c>
      <c r="KA29" s="120">
        <v>146561</v>
      </c>
      <c r="KB29" s="321">
        <v>146561</v>
      </c>
      <c r="KC29" s="234">
        <v>0</v>
      </c>
      <c r="KD29" s="230">
        <v>0</v>
      </c>
      <c r="KE29" s="120">
        <v>0</v>
      </c>
      <c r="KF29" s="118">
        <v>0</v>
      </c>
      <c r="KG29" s="119">
        <v>108381</v>
      </c>
      <c r="KH29" s="119">
        <v>406868</v>
      </c>
      <c r="KI29" s="119">
        <v>0</v>
      </c>
      <c r="KJ29" s="119">
        <v>0</v>
      </c>
      <c r="KK29" s="119">
        <v>0</v>
      </c>
      <c r="KL29" s="120">
        <v>515249</v>
      </c>
      <c r="KM29" s="143">
        <v>515249</v>
      </c>
      <c r="KN29" s="232">
        <v>0</v>
      </c>
      <c r="KO29" s="236">
        <v>0</v>
      </c>
      <c r="KP29" s="237">
        <v>0</v>
      </c>
      <c r="KQ29" s="140"/>
      <c r="KR29" s="119">
        <v>0</v>
      </c>
      <c r="KS29" s="119">
        <v>0</v>
      </c>
      <c r="KT29" s="119">
        <v>458944</v>
      </c>
      <c r="KU29" s="119">
        <v>0</v>
      </c>
      <c r="KV29" s="119">
        <v>238699</v>
      </c>
      <c r="KW29" s="120">
        <v>697643</v>
      </c>
      <c r="KX29" s="321">
        <v>697643</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1">
        <v>0</v>
      </c>
      <c r="LU29" s="142">
        <v>0</v>
      </c>
      <c r="LV29" s="119">
        <v>0</v>
      </c>
      <c r="LW29" s="120">
        <v>0</v>
      </c>
      <c r="LX29" s="145">
        <v>0</v>
      </c>
      <c r="LY29" s="119">
        <v>0</v>
      </c>
      <c r="LZ29" s="119">
        <v>0</v>
      </c>
      <c r="MA29" s="119">
        <v>0</v>
      </c>
      <c r="MB29" s="119">
        <v>0</v>
      </c>
      <c r="MC29" s="119">
        <v>0</v>
      </c>
      <c r="MD29" s="120">
        <v>0</v>
      </c>
      <c r="ME29" s="121">
        <v>0</v>
      </c>
      <c r="MF29" s="142">
        <v>0</v>
      </c>
      <c r="MG29" s="119">
        <v>0</v>
      </c>
      <c r="MH29" s="120">
        <v>0</v>
      </c>
      <c r="MI29" s="145"/>
      <c r="MJ29" s="119">
        <v>0</v>
      </c>
      <c r="MK29" s="119">
        <v>0</v>
      </c>
      <c r="ML29" s="119">
        <v>1222948</v>
      </c>
      <c r="MM29" s="119">
        <v>1995557</v>
      </c>
      <c r="MN29" s="119">
        <v>773262</v>
      </c>
      <c r="MO29" s="120">
        <v>3991767</v>
      </c>
      <c r="MP29" s="143">
        <v>3991767</v>
      </c>
      <c r="MQ29" s="142">
        <v>0</v>
      </c>
      <c r="MR29" s="119">
        <v>0</v>
      </c>
      <c r="MS29" s="120">
        <v>0</v>
      </c>
      <c r="MT29" s="145">
        <v>0</v>
      </c>
      <c r="MU29" s="119">
        <v>0</v>
      </c>
      <c r="MV29" s="119">
        <v>0</v>
      </c>
      <c r="MW29" s="119">
        <v>0</v>
      </c>
      <c r="MX29" s="119">
        <v>1168129</v>
      </c>
      <c r="MY29" s="119">
        <v>773262</v>
      </c>
      <c r="MZ29" s="120">
        <v>1941391</v>
      </c>
      <c r="NA29" s="143">
        <v>1941391</v>
      </c>
      <c r="NB29" s="142">
        <v>0</v>
      </c>
      <c r="NC29" s="119">
        <v>0</v>
      </c>
      <c r="ND29" s="120">
        <v>0</v>
      </c>
      <c r="NE29" s="145"/>
      <c r="NF29" s="119">
        <v>0</v>
      </c>
      <c r="NG29" s="119">
        <v>0</v>
      </c>
      <c r="NH29" s="119">
        <v>1222948</v>
      </c>
      <c r="NI29" s="119">
        <v>827428</v>
      </c>
      <c r="NJ29" s="119">
        <v>0</v>
      </c>
      <c r="NK29" s="120">
        <v>2050376</v>
      </c>
      <c r="NL29" s="321">
        <v>2050376</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419613</v>
      </c>
      <c r="OJ29" s="119">
        <v>413974</v>
      </c>
      <c r="OK29" s="141">
        <v>833587</v>
      </c>
      <c r="OL29" s="118">
        <v>0</v>
      </c>
      <c r="OM29" s="119">
        <v>3361278</v>
      </c>
      <c r="ON29" s="119">
        <v>2425211</v>
      </c>
      <c r="OO29" s="119">
        <v>3978994</v>
      </c>
      <c r="OP29" s="119">
        <v>3424894</v>
      </c>
      <c r="OQ29" s="119">
        <v>2277340</v>
      </c>
      <c r="OR29" s="120">
        <v>15467717</v>
      </c>
      <c r="OS29" s="143">
        <v>16301304</v>
      </c>
    </row>
    <row r="30" spans="2:409" ht="20.25" customHeight="1" x14ac:dyDescent="0.2">
      <c r="B30" s="126" t="s">
        <v>25</v>
      </c>
      <c r="C30" s="110">
        <v>108809</v>
      </c>
      <c r="D30" s="114">
        <v>262035</v>
      </c>
      <c r="E30" s="113">
        <v>370844</v>
      </c>
      <c r="F30" s="109">
        <v>0</v>
      </c>
      <c r="G30" s="114">
        <v>2009010</v>
      </c>
      <c r="H30" s="114">
        <v>675638</v>
      </c>
      <c r="I30" s="114">
        <v>1477834</v>
      </c>
      <c r="J30" s="114">
        <v>1454599</v>
      </c>
      <c r="K30" s="114">
        <v>139306</v>
      </c>
      <c r="L30" s="173">
        <v>5756387</v>
      </c>
      <c r="M30" s="116">
        <v>6127231</v>
      </c>
      <c r="N30" s="110">
        <v>33897</v>
      </c>
      <c r="O30" s="114">
        <v>132931</v>
      </c>
      <c r="P30" s="113">
        <v>166828</v>
      </c>
      <c r="Q30" s="110">
        <v>0</v>
      </c>
      <c r="R30" s="114">
        <v>356880</v>
      </c>
      <c r="S30" s="114">
        <v>208339</v>
      </c>
      <c r="T30" s="114">
        <v>597486</v>
      </c>
      <c r="U30" s="114">
        <v>99460</v>
      </c>
      <c r="V30" s="114">
        <v>93930</v>
      </c>
      <c r="W30" s="113">
        <v>1356095</v>
      </c>
      <c r="X30" s="116">
        <v>1522923</v>
      </c>
      <c r="Y30" s="110">
        <v>0</v>
      </c>
      <c r="Z30" s="114">
        <v>0</v>
      </c>
      <c r="AA30" s="113">
        <v>0</v>
      </c>
      <c r="AB30" s="110">
        <v>0</v>
      </c>
      <c r="AC30" s="114">
        <v>110458</v>
      </c>
      <c r="AD30" s="114">
        <v>108993</v>
      </c>
      <c r="AE30" s="114">
        <v>361247</v>
      </c>
      <c r="AF30" s="114">
        <v>0</v>
      </c>
      <c r="AG30" s="114">
        <v>0</v>
      </c>
      <c r="AH30" s="113">
        <v>580698</v>
      </c>
      <c r="AI30" s="116">
        <v>580698</v>
      </c>
      <c r="AJ30" s="110">
        <v>0</v>
      </c>
      <c r="AK30" s="114">
        <v>0</v>
      </c>
      <c r="AL30" s="113">
        <v>0</v>
      </c>
      <c r="AM30" s="110">
        <v>0</v>
      </c>
      <c r="AN30" s="114">
        <v>0</v>
      </c>
      <c r="AO30" s="114">
        <v>0</v>
      </c>
      <c r="AP30" s="114">
        <v>70276</v>
      </c>
      <c r="AQ30" s="114">
        <v>36708</v>
      </c>
      <c r="AR30" s="114">
        <v>45641</v>
      </c>
      <c r="AS30" s="113">
        <v>152625</v>
      </c>
      <c r="AT30" s="116">
        <v>152625</v>
      </c>
      <c r="AU30" s="110">
        <v>33897</v>
      </c>
      <c r="AV30" s="114">
        <v>83544</v>
      </c>
      <c r="AW30" s="113">
        <v>117441</v>
      </c>
      <c r="AX30" s="110">
        <v>0</v>
      </c>
      <c r="AY30" s="114">
        <v>159646</v>
      </c>
      <c r="AZ30" s="114">
        <v>95202</v>
      </c>
      <c r="BA30" s="114">
        <v>94053</v>
      </c>
      <c r="BB30" s="114">
        <v>21712</v>
      </c>
      <c r="BC30" s="114">
        <v>29625</v>
      </c>
      <c r="BD30" s="113">
        <v>400238</v>
      </c>
      <c r="BE30" s="116">
        <v>517679</v>
      </c>
      <c r="BF30" s="110">
        <v>0</v>
      </c>
      <c r="BG30" s="114">
        <v>42267</v>
      </c>
      <c r="BH30" s="112">
        <v>42267</v>
      </c>
      <c r="BI30" s="111">
        <v>0</v>
      </c>
      <c r="BJ30" s="114">
        <v>0</v>
      </c>
      <c r="BK30" s="114">
        <v>0</v>
      </c>
      <c r="BL30" s="114">
        <v>27134</v>
      </c>
      <c r="BM30" s="114">
        <v>0</v>
      </c>
      <c r="BN30" s="114">
        <v>16280</v>
      </c>
      <c r="BO30" s="113">
        <v>43414</v>
      </c>
      <c r="BP30" s="116">
        <v>85681</v>
      </c>
      <c r="BQ30" s="110">
        <v>0</v>
      </c>
      <c r="BR30" s="114">
        <v>7120</v>
      </c>
      <c r="BS30" s="113">
        <v>7120</v>
      </c>
      <c r="BT30" s="110">
        <v>0</v>
      </c>
      <c r="BU30" s="114">
        <v>86776</v>
      </c>
      <c r="BV30" s="114">
        <v>4144</v>
      </c>
      <c r="BW30" s="114">
        <v>44776</v>
      </c>
      <c r="BX30" s="114">
        <v>41040</v>
      </c>
      <c r="BY30" s="114">
        <v>2384</v>
      </c>
      <c r="BZ30" s="113">
        <v>179120</v>
      </c>
      <c r="CA30" s="116">
        <v>186240</v>
      </c>
      <c r="CB30" s="110">
        <v>58688</v>
      </c>
      <c r="CC30" s="114">
        <v>0</v>
      </c>
      <c r="CD30" s="113">
        <v>58688</v>
      </c>
      <c r="CE30" s="110">
        <v>0</v>
      </c>
      <c r="CF30" s="114">
        <v>702225</v>
      </c>
      <c r="CG30" s="114">
        <v>356515</v>
      </c>
      <c r="CH30" s="114">
        <v>443251</v>
      </c>
      <c r="CI30" s="114">
        <v>563573</v>
      </c>
      <c r="CJ30" s="114">
        <v>0</v>
      </c>
      <c r="CK30" s="113">
        <v>2065564</v>
      </c>
      <c r="CL30" s="116">
        <v>2124252</v>
      </c>
      <c r="CM30" s="110">
        <v>0</v>
      </c>
      <c r="CN30" s="114">
        <v>0</v>
      </c>
      <c r="CO30" s="113">
        <v>0</v>
      </c>
      <c r="CP30" s="111">
        <v>0</v>
      </c>
      <c r="CQ30" s="114">
        <v>564888</v>
      </c>
      <c r="CR30" s="114">
        <v>111604</v>
      </c>
      <c r="CS30" s="114">
        <v>294972</v>
      </c>
      <c r="CT30" s="114">
        <v>493328</v>
      </c>
      <c r="CU30" s="114">
        <v>0</v>
      </c>
      <c r="CV30" s="113">
        <v>1464792</v>
      </c>
      <c r="CW30" s="116">
        <v>1464792</v>
      </c>
      <c r="CX30" s="110">
        <v>58688</v>
      </c>
      <c r="CY30" s="114">
        <v>0</v>
      </c>
      <c r="CZ30" s="113">
        <v>58688</v>
      </c>
      <c r="DA30" s="110">
        <v>0</v>
      </c>
      <c r="DB30" s="114">
        <v>137337</v>
      </c>
      <c r="DC30" s="114">
        <v>244911</v>
      </c>
      <c r="DD30" s="114">
        <v>148279</v>
      </c>
      <c r="DE30" s="114">
        <v>70245</v>
      </c>
      <c r="DF30" s="114">
        <v>0</v>
      </c>
      <c r="DG30" s="113">
        <v>600772</v>
      </c>
      <c r="DH30" s="116">
        <v>659460</v>
      </c>
      <c r="DI30" s="110">
        <v>0</v>
      </c>
      <c r="DJ30" s="114">
        <v>0</v>
      </c>
      <c r="DK30" s="112">
        <v>0</v>
      </c>
      <c r="DL30" s="111">
        <v>0</v>
      </c>
      <c r="DM30" s="114">
        <v>138851</v>
      </c>
      <c r="DN30" s="114">
        <v>0</v>
      </c>
      <c r="DO30" s="114">
        <v>115814</v>
      </c>
      <c r="DP30" s="114">
        <v>27151</v>
      </c>
      <c r="DQ30" s="114">
        <v>0</v>
      </c>
      <c r="DR30" s="113">
        <v>281816</v>
      </c>
      <c r="DS30" s="116">
        <v>281816</v>
      </c>
      <c r="DT30" s="110">
        <v>0</v>
      </c>
      <c r="DU30" s="114">
        <v>0</v>
      </c>
      <c r="DV30" s="113">
        <v>0</v>
      </c>
      <c r="DW30" s="110">
        <v>0</v>
      </c>
      <c r="DX30" s="114">
        <v>101026</v>
      </c>
      <c r="DY30" s="114">
        <v>0</v>
      </c>
      <c r="DZ30" s="114">
        <v>78588</v>
      </c>
      <c r="EA30" s="114">
        <v>27151</v>
      </c>
      <c r="EB30" s="114">
        <v>0</v>
      </c>
      <c r="EC30" s="113">
        <v>206765</v>
      </c>
      <c r="ED30" s="116">
        <v>206765</v>
      </c>
      <c r="EE30" s="110">
        <v>0</v>
      </c>
      <c r="EF30" s="112">
        <v>0</v>
      </c>
      <c r="EG30" s="113">
        <v>0</v>
      </c>
      <c r="EH30" s="110">
        <v>0</v>
      </c>
      <c r="EI30" s="114">
        <v>37825</v>
      </c>
      <c r="EJ30" s="114">
        <v>0</v>
      </c>
      <c r="EK30" s="114">
        <v>37226</v>
      </c>
      <c r="EL30" s="114">
        <v>0</v>
      </c>
      <c r="EM30" s="114">
        <v>0</v>
      </c>
      <c r="EN30" s="112">
        <v>75051</v>
      </c>
      <c r="EO30" s="116">
        <v>75051</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8"/>
      <c r="FE30" s="114">
        <v>0</v>
      </c>
      <c r="FF30" s="114">
        <v>0</v>
      </c>
      <c r="FG30" s="114">
        <v>0</v>
      </c>
      <c r="FH30" s="114">
        <v>0</v>
      </c>
      <c r="FI30" s="114">
        <v>0</v>
      </c>
      <c r="FJ30" s="113">
        <v>0</v>
      </c>
      <c r="FK30" s="116">
        <v>0</v>
      </c>
      <c r="FL30" s="110">
        <v>16224</v>
      </c>
      <c r="FM30" s="114">
        <v>41400</v>
      </c>
      <c r="FN30" s="113">
        <v>57624</v>
      </c>
      <c r="FO30" s="110">
        <v>0</v>
      </c>
      <c r="FP30" s="114">
        <v>61384</v>
      </c>
      <c r="FQ30" s="114">
        <v>110784</v>
      </c>
      <c r="FR30" s="114">
        <v>124581</v>
      </c>
      <c r="FS30" s="114">
        <v>142560</v>
      </c>
      <c r="FT30" s="114">
        <v>45376</v>
      </c>
      <c r="FU30" s="113">
        <v>484685</v>
      </c>
      <c r="FV30" s="116">
        <v>542309</v>
      </c>
      <c r="FW30" s="115">
        <v>16224</v>
      </c>
      <c r="FX30" s="114">
        <v>18080</v>
      </c>
      <c r="FY30" s="112">
        <v>34304</v>
      </c>
      <c r="FZ30" s="111">
        <v>0</v>
      </c>
      <c r="GA30" s="114">
        <v>61384</v>
      </c>
      <c r="GB30" s="114">
        <v>110784</v>
      </c>
      <c r="GC30" s="114">
        <v>104760</v>
      </c>
      <c r="GD30" s="114">
        <v>91960</v>
      </c>
      <c r="GE30" s="114">
        <v>45376</v>
      </c>
      <c r="GF30" s="113">
        <v>414264</v>
      </c>
      <c r="GG30" s="319">
        <v>448568</v>
      </c>
      <c r="GH30" s="115">
        <v>0</v>
      </c>
      <c r="GI30" s="114">
        <v>23320</v>
      </c>
      <c r="GJ30" s="112">
        <v>23320</v>
      </c>
      <c r="GK30" s="111">
        <v>0</v>
      </c>
      <c r="GL30" s="114">
        <v>0</v>
      </c>
      <c r="GM30" s="114">
        <v>0</v>
      </c>
      <c r="GN30" s="114">
        <v>19821</v>
      </c>
      <c r="GO30" s="114">
        <v>0</v>
      </c>
      <c r="GP30" s="114">
        <v>0</v>
      </c>
      <c r="GQ30" s="113">
        <v>19821</v>
      </c>
      <c r="GR30" s="116">
        <v>43141</v>
      </c>
      <c r="GS30" s="110">
        <v>0</v>
      </c>
      <c r="GT30" s="114">
        <v>0</v>
      </c>
      <c r="GU30" s="113">
        <v>0</v>
      </c>
      <c r="GV30" s="110">
        <v>0</v>
      </c>
      <c r="GW30" s="114">
        <v>0</v>
      </c>
      <c r="GX30" s="114">
        <v>0</v>
      </c>
      <c r="GY30" s="114">
        <v>0</v>
      </c>
      <c r="GZ30" s="114">
        <v>50600</v>
      </c>
      <c r="HA30" s="114">
        <v>0</v>
      </c>
      <c r="HB30" s="112">
        <v>50600</v>
      </c>
      <c r="HC30" s="116">
        <v>50600</v>
      </c>
      <c r="HD30" s="110">
        <v>0</v>
      </c>
      <c r="HE30" s="114">
        <v>87704</v>
      </c>
      <c r="HF30" s="112">
        <v>87704</v>
      </c>
      <c r="HG30" s="111">
        <v>0</v>
      </c>
      <c r="HH30" s="114">
        <v>749670</v>
      </c>
      <c r="HI30" s="114">
        <v>0</v>
      </c>
      <c r="HJ30" s="114">
        <v>196702</v>
      </c>
      <c r="HK30" s="114">
        <v>621855</v>
      </c>
      <c r="HL30" s="114">
        <v>0</v>
      </c>
      <c r="HM30" s="113">
        <v>1568227</v>
      </c>
      <c r="HN30" s="109">
        <v>1655931</v>
      </c>
      <c r="HO30" s="329"/>
      <c r="HP30" s="330"/>
      <c r="HQ30" s="331"/>
      <c r="HR30" s="332"/>
      <c r="HS30" s="330"/>
      <c r="HT30" s="330"/>
      <c r="HU30" s="330"/>
      <c r="HV30" s="330"/>
      <c r="HW30" s="330"/>
      <c r="HX30" s="333"/>
      <c r="HY30" s="334"/>
      <c r="HZ30" s="150">
        <v>0</v>
      </c>
      <c r="IA30" s="135">
        <v>0</v>
      </c>
      <c r="IB30" s="150">
        <v>0</v>
      </c>
      <c r="IC30" s="134">
        <v>0</v>
      </c>
      <c r="ID30" s="135">
        <v>304020</v>
      </c>
      <c r="IE30" s="136">
        <v>0</v>
      </c>
      <c r="IF30" s="137">
        <v>0</v>
      </c>
      <c r="IG30" s="135">
        <v>0</v>
      </c>
      <c r="IH30" s="137">
        <v>0</v>
      </c>
      <c r="II30" s="138">
        <v>304020</v>
      </c>
      <c r="IJ30" s="150">
        <v>304020</v>
      </c>
      <c r="IK30" s="232">
        <v>0</v>
      </c>
      <c r="IL30" s="236">
        <v>0</v>
      </c>
      <c r="IM30" s="237">
        <v>0</v>
      </c>
      <c r="IN30" s="140"/>
      <c r="IO30" s="119">
        <v>0</v>
      </c>
      <c r="IP30" s="119">
        <v>0</v>
      </c>
      <c r="IQ30" s="119">
        <v>0</v>
      </c>
      <c r="IR30" s="119">
        <v>0</v>
      </c>
      <c r="IS30" s="119">
        <v>0</v>
      </c>
      <c r="IT30" s="141">
        <v>0</v>
      </c>
      <c r="IU30" s="321">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304020</v>
      </c>
      <c r="JL30" s="119">
        <v>0</v>
      </c>
      <c r="JM30" s="119">
        <v>0</v>
      </c>
      <c r="JN30" s="119">
        <v>0</v>
      </c>
      <c r="JO30" s="119">
        <v>0</v>
      </c>
      <c r="JP30" s="120">
        <v>304020</v>
      </c>
      <c r="JQ30" s="321">
        <v>304020</v>
      </c>
      <c r="JR30" s="142">
        <v>0</v>
      </c>
      <c r="JS30" s="119">
        <v>0</v>
      </c>
      <c r="JT30" s="141">
        <v>0</v>
      </c>
      <c r="JU30" s="118">
        <v>0</v>
      </c>
      <c r="JV30" s="119">
        <v>0</v>
      </c>
      <c r="JW30" s="119">
        <v>0</v>
      </c>
      <c r="JX30" s="119">
        <v>0</v>
      </c>
      <c r="JY30" s="119">
        <v>0</v>
      </c>
      <c r="JZ30" s="119">
        <v>0</v>
      </c>
      <c r="KA30" s="120">
        <v>0</v>
      </c>
      <c r="KB30" s="321">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0</v>
      </c>
      <c r="KS30" s="119">
        <v>0</v>
      </c>
      <c r="KT30" s="119">
        <v>0</v>
      </c>
      <c r="KU30" s="119">
        <v>0</v>
      </c>
      <c r="KV30" s="119">
        <v>0</v>
      </c>
      <c r="KW30" s="120">
        <v>0</v>
      </c>
      <c r="KX30" s="321">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1">
        <v>0</v>
      </c>
      <c r="LU30" s="142">
        <v>0</v>
      </c>
      <c r="LV30" s="119">
        <v>0</v>
      </c>
      <c r="LW30" s="120">
        <v>0</v>
      </c>
      <c r="LX30" s="145">
        <v>0</v>
      </c>
      <c r="LY30" s="119">
        <v>0</v>
      </c>
      <c r="LZ30" s="119">
        <v>0</v>
      </c>
      <c r="MA30" s="119">
        <v>0</v>
      </c>
      <c r="MB30" s="119">
        <v>0</v>
      </c>
      <c r="MC30" s="119">
        <v>0</v>
      </c>
      <c r="MD30" s="120">
        <v>0</v>
      </c>
      <c r="ME30" s="121">
        <v>0</v>
      </c>
      <c r="MF30" s="142">
        <v>0</v>
      </c>
      <c r="MG30" s="119">
        <v>0</v>
      </c>
      <c r="MH30" s="120">
        <v>0</v>
      </c>
      <c r="MI30" s="145"/>
      <c r="MJ30" s="119">
        <v>0</v>
      </c>
      <c r="MK30" s="119">
        <v>201174</v>
      </c>
      <c r="ML30" s="119">
        <v>1646116</v>
      </c>
      <c r="MM30" s="119">
        <v>757456</v>
      </c>
      <c r="MN30" s="119">
        <v>599812</v>
      </c>
      <c r="MO30" s="120">
        <v>3204558</v>
      </c>
      <c r="MP30" s="143">
        <v>3204558</v>
      </c>
      <c r="MQ30" s="142">
        <v>0</v>
      </c>
      <c r="MR30" s="119">
        <v>0</v>
      </c>
      <c r="MS30" s="120">
        <v>0</v>
      </c>
      <c r="MT30" s="145">
        <v>0</v>
      </c>
      <c r="MU30" s="119">
        <v>0</v>
      </c>
      <c r="MV30" s="119">
        <v>201174</v>
      </c>
      <c r="MW30" s="119">
        <v>1389236</v>
      </c>
      <c r="MX30" s="119">
        <v>504533</v>
      </c>
      <c r="MY30" s="119">
        <v>253240</v>
      </c>
      <c r="MZ30" s="120">
        <v>2348183</v>
      </c>
      <c r="NA30" s="143">
        <v>2348183</v>
      </c>
      <c r="NB30" s="142">
        <v>0</v>
      </c>
      <c r="NC30" s="119">
        <v>0</v>
      </c>
      <c r="ND30" s="120">
        <v>0</v>
      </c>
      <c r="NE30" s="145"/>
      <c r="NF30" s="119">
        <v>0</v>
      </c>
      <c r="NG30" s="119">
        <v>0</v>
      </c>
      <c r="NH30" s="119">
        <v>256880</v>
      </c>
      <c r="NI30" s="119">
        <v>252923</v>
      </c>
      <c r="NJ30" s="119">
        <v>346572</v>
      </c>
      <c r="NK30" s="120">
        <v>856375</v>
      </c>
      <c r="NL30" s="321">
        <v>856375</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08809</v>
      </c>
      <c r="OJ30" s="119">
        <v>262035</v>
      </c>
      <c r="OK30" s="141">
        <v>370844</v>
      </c>
      <c r="OL30" s="118">
        <v>0</v>
      </c>
      <c r="OM30" s="119">
        <v>2313030</v>
      </c>
      <c r="ON30" s="119">
        <v>876812</v>
      </c>
      <c r="OO30" s="119">
        <v>3123950</v>
      </c>
      <c r="OP30" s="119">
        <v>2212055</v>
      </c>
      <c r="OQ30" s="119">
        <v>739118</v>
      </c>
      <c r="OR30" s="120">
        <v>9264965</v>
      </c>
      <c r="OS30" s="143">
        <v>9635809</v>
      </c>
    </row>
    <row r="31" spans="2:409" ht="20.25" customHeight="1" x14ac:dyDescent="0.2">
      <c r="B31" s="126" t="s">
        <v>26</v>
      </c>
      <c r="C31" s="110">
        <v>41122</v>
      </c>
      <c r="D31" s="114">
        <v>15424</v>
      </c>
      <c r="E31" s="113">
        <v>56546</v>
      </c>
      <c r="F31" s="109">
        <v>0</v>
      </c>
      <c r="G31" s="114">
        <v>1090876</v>
      </c>
      <c r="H31" s="114">
        <v>2359743</v>
      </c>
      <c r="I31" s="114">
        <v>1749148</v>
      </c>
      <c r="J31" s="114">
        <v>1035250</v>
      </c>
      <c r="K31" s="114">
        <v>718473</v>
      </c>
      <c r="L31" s="173">
        <v>6953490</v>
      </c>
      <c r="M31" s="116">
        <v>7010036</v>
      </c>
      <c r="N31" s="110">
        <v>12416</v>
      </c>
      <c r="O31" s="114">
        <v>0</v>
      </c>
      <c r="P31" s="113">
        <v>12416</v>
      </c>
      <c r="Q31" s="110">
        <v>0</v>
      </c>
      <c r="R31" s="114">
        <v>303922</v>
      </c>
      <c r="S31" s="114">
        <v>716943</v>
      </c>
      <c r="T31" s="114">
        <v>691847</v>
      </c>
      <c r="U31" s="114">
        <v>330386</v>
      </c>
      <c r="V31" s="114">
        <v>318365</v>
      </c>
      <c r="W31" s="113">
        <v>2361463</v>
      </c>
      <c r="X31" s="116">
        <v>2373879</v>
      </c>
      <c r="Y31" s="110">
        <v>0</v>
      </c>
      <c r="Z31" s="114">
        <v>0</v>
      </c>
      <c r="AA31" s="113">
        <v>0</v>
      </c>
      <c r="AB31" s="110">
        <v>0</v>
      </c>
      <c r="AC31" s="114">
        <v>151148</v>
      </c>
      <c r="AD31" s="114">
        <v>439569</v>
      </c>
      <c r="AE31" s="114">
        <v>329005</v>
      </c>
      <c r="AF31" s="114">
        <v>133022</v>
      </c>
      <c r="AG31" s="114">
        <v>92065</v>
      </c>
      <c r="AH31" s="113">
        <v>1144809</v>
      </c>
      <c r="AI31" s="116">
        <v>1144809</v>
      </c>
      <c r="AJ31" s="110">
        <v>0</v>
      </c>
      <c r="AK31" s="114">
        <v>0</v>
      </c>
      <c r="AL31" s="113">
        <v>0</v>
      </c>
      <c r="AM31" s="110">
        <v>0</v>
      </c>
      <c r="AN31" s="114">
        <v>0</v>
      </c>
      <c r="AO31" s="114">
        <v>0</v>
      </c>
      <c r="AP31" s="114">
        <v>46728</v>
      </c>
      <c r="AQ31" s="114">
        <v>57865</v>
      </c>
      <c r="AR31" s="114">
        <v>92584</v>
      </c>
      <c r="AS31" s="113">
        <v>197177</v>
      </c>
      <c r="AT31" s="116">
        <v>197177</v>
      </c>
      <c r="AU31" s="110">
        <v>0</v>
      </c>
      <c r="AV31" s="114">
        <v>0</v>
      </c>
      <c r="AW31" s="113">
        <v>0</v>
      </c>
      <c r="AX31" s="110">
        <v>0</v>
      </c>
      <c r="AY31" s="114">
        <v>61477</v>
      </c>
      <c r="AZ31" s="114">
        <v>133310</v>
      </c>
      <c r="BA31" s="114">
        <v>234842</v>
      </c>
      <c r="BB31" s="114">
        <v>109083</v>
      </c>
      <c r="BC31" s="114">
        <v>114868</v>
      </c>
      <c r="BD31" s="113">
        <v>653580</v>
      </c>
      <c r="BE31" s="116">
        <v>653580</v>
      </c>
      <c r="BF31" s="110">
        <v>0</v>
      </c>
      <c r="BG31" s="114">
        <v>0</v>
      </c>
      <c r="BH31" s="112">
        <v>0</v>
      </c>
      <c r="BI31" s="111">
        <v>0</v>
      </c>
      <c r="BJ31" s="114">
        <v>66641</v>
      </c>
      <c r="BK31" s="114">
        <v>31600</v>
      </c>
      <c r="BL31" s="114">
        <v>0</v>
      </c>
      <c r="BM31" s="114">
        <v>0</v>
      </c>
      <c r="BN31" s="114">
        <v>0</v>
      </c>
      <c r="BO31" s="113">
        <v>98241</v>
      </c>
      <c r="BP31" s="116">
        <v>98241</v>
      </c>
      <c r="BQ31" s="110">
        <v>12416</v>
      </c>
      <c r="BR31" s="114">
        <v>0</v>
      </c>
      <c r="BS31" s="113">
        <v>12416</v>
      </c>
      <c r="BT31" s="110">
        <v>0</v>
      </c>
      <c r="BU31" s="114">
        <v>24656</v>
      </c>
      <c r="BV31" s="114">
        <v>112464</v>
      </c>
      <c r="BW31" s="114">
        <v>81272</v>
      </c>
      <c r="BX31" s="114">
        <v>30416</v>
      </c>
      <c r="BY31" s="114">
        <v>18848</v>
      </c>
      <c r="BZ31" s="113">
        <v>267656</v>
      </c>
      <c r="CA31" s="116">
        <v>280072</v>
      </c>
      <c r="CB31" s="110">
        <v>18626</v>
      </c>
      <c r="CC31" s="114">
        <v>0</v>
      </c>
      <c r="CD31" s="113">
        <v>18626</v>
      </c>
      <c r="CE31" s="110">
        <v>0</v>
      </c>
      <c r="CF31" s="114">
        <v>375310</v>
      </c>
      <c r="CG31" s="114">
        <v>774928</v>
      </c>
      <c r="CH31" s="114">
        <v>398678</v>
      </c>
      <c r="CI31" s="114">
        <v>125980</v>
      </c>
      <c r="CJ31" s="114">
        <v>321708</v>
      </c>
      <c r="CK31" s="113">
        <v>1996604</v>
      </c>
      <c r="CL31" s="116">
        <v>2015230</v>
      </c>
      <c r="CM31" s="110">
        <v>0</v>
      </c>
      <c r="CN31" s="114">
        <v>0</v>
      </c>
      <c r="CO31" s="113">
        <v>0</v>
      </c>
      <c r="CP31" s="111">
        <v>0</v>
      </c>
      <c r="CQ31" s="114">
        <v>312455</v>
      </c>
      <c r="CR31" s="114">
        <v>583227</v>
      </c>
      <c r="CS31" s="114">
        <v>266374</v>
      </c>
      <c r="CT31" s="114">
        <v>72587</v>
      </c>
      <c r="CU31" s="114">
        <v>321708</v>
      </c>
      <c r="CV31" s="113">
        <v>1556351</v>
      </c>
      <c r="CW31" s="116">
        <v>1556351</v>
      </c>
      <c r="CX31" s="110">
        <v>18626</v>
      </c>
      <c r="CY31" s="114">
        <v>0</v>
      </c>
      <c r="CZ31" s="113">
        <v>18626</v>
      </c>
      <c r="DA31" s="110">
        <v>0</v>
      </c>
      <c r="DB31" s="114">
        <v>62855</v>
      </c>
      <c r="DC31" s="114">
        <v>191701</v>
      </c>
      <c r="DD31" s="114">
        <v>132304</v>
      </c>
      <c r="DE31" s="114">
        <v>53393</v>
      </c>
      <c r="DF31" s="114">
        <v>0</v>
      </c>
      <c r="DG31" s="113">
        <v>440253</v>
      </c>
      <c r="DH31" s="116">
        <v>458879</v>
      </c>
      <c r="DI31" s="110">
        <v>0</v>
      </c>
      <c r="DJ31" s="114">
        <v>0</v>
      </c>
      <c r="DK31" s="112">
        <v>0</v>
      </c>
      <c r="DL31" s="111">
        <v>0</v>
      </c>
      <c r="DM31" s="114">
        <v>0</v>
      </c>
      <c r="DN31" s="114">
        <v>289861</v>
      </c>
      <c r="DO31" s="114">
        <v>367207</v>
      </c>
      <c r="DP31" s="114">
        <v>296315</v>
      </c>
      <c r="DQ31" s="114">
        <v>0</v>
      </c>
      <c r="DR31" s="113">
        <v>953383</v>
      </c>
      <c r="DS31" s="116">
        <v>953383</v>
      </c>
      <c r="DT31" s="110">
        <v>0</v>
      </c>
      <c r="DU31" s="114">
        <v>0</v>
      </c>
      <c r="DV31" s="113">
        <v>0</v>
      </c>
      <c r="DW31" s="110">
        <v>0</v>
      </c>
      <c r="DX31" s="114">
        <v>0</v>
      </c>
      <c r="DY31" s="114">
        <v>289861</v>
      </c>
      <c r="DZ31" s="114">
        <v>367207</v>
      </c>
      <c r="EA31" s="114">
        <v>296315</v>
      </c>
      <c r="EB31" s="114">
        <v>0</v>
      </c>
      <c r="EC31" s="113">
        <v>953383</v>
      </c>
      <c r="ED31" s="116">
        <v>953383</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8"/>
      <c r="FE31" s="114">
        <v>0</v>
      </c>
      <c r="FF31" s="114">
        <v>0</v>
      </c>
      <c r="FG31" s="114">
        <v>0</v>
      </c>
      <c r="FH31" s="114">
        <v>0</v>
      </c>
      <c r="FI31" s="114">
        <v>0</v>
      </c>
      <c r="FJ31" s="113">
        <v>0</v>
      </c>
      <c r="FK31" s="116">
        <v>0</v>
      </c>
      <c r="FL31" s="110">
        <v>10080</v>
      </c>
      <c r="FM31" s="114">
        <v>15424</v>
      </c>
      <c r="FN31" s="113">
        <v>25504</v>
      </c>
      <c r="FO31" s="110">
        <v>0</v>
      </c>
      <c r="FP31" s="114">
        <v>107080</v>
      </c>
      <c r="FQ31" s="114">
        <v>227944</v>
      </c>
      <c r="FR31" s="114">
        <v>291416</v>
      </c>
      <c r="FS31" s="114">
        <v>79528</v>
      </c>
      <c r="FT31" s="114">
        <v>78400</v>
      </c>
      <c r="FU31" s="113">
        <v>784368</v>
      </c>
      <c r="FV31" s="116">
        <v>809872</v>
      </c>
      <c r="FW31" s="115">
        <v>10080</v>
      </c>
      <c r="FX31" s="114">
        <v>15424</v>
      </c>
      <c r="FY31" s="112">
        <v>25504</v>
      </c>
      <c r="FZ31" s="111">
        <v>0</v>
      </c>
      <c r="GA31" s="114">
        <v>76720</v>
      </c>
      <c r="GB31" s="114">
        <v>211048</v>
      </c>
      <c r="GC31" s="114">
        <v>272408</v>
      </c>
      <c r="GD31" s="114">
        <v>79528</v>
      </c>
      <c r="GE31" s="114">
        <v>78400</v>
      </c>
      <c r="GF31" s="113">
        <v>718104</v>
      </c>
      <c r="GG31" s="319">
        <v>743608</v>
      </c>
      <c r="GH31" s="115">
        <v>0</v>
      </c>
      <c r="GI31" s="114">
        <v>0</v>
      </c>
      <c r="GJ31" s="112">
        <v>0</v>
      </c>
      <c r="GK31" s="111">
        <v>0</v>
      </c>
      <c r="GL31" s="114">
        <v>0</v>
      </c>
      <c r="GM31" s="114">
        <v>16896</v>
      </c>
      <c r="GN31" s="114">
        <v>19008</v>
      </c>
      <c r="GO31" s="114">
        <v>0</v>
      </c>
      <c r="GP31" s="114">
        <v>0</v>
      </c>
      <c r="GQ31" s="113">
        <v>35904</v>
      </c>
      <c r="GR31" s="116">
        <v>35904</v>
      </c>
      <c r="GS31" s="110">
        <v>0</v>
      </c>
      <c r="GT31" s="114">
        <v>0</v>
      </c>
      <c r="GU31" s="113">
        <v>0</v>
      </c>
      <c r="GV31" s="110">
        <v>0</v>
      </c>
      <c r="GW31" s="114">
        <v>30360</v>
      </c>
      <c r="GX31" s="114">
        <v>0</v>
      </c>
      <c r="GY31" s="114">
        <v>0</v>
      </c>
      <c r="GZ31" s="114">
        <v>0</v>
      </c>
      <c r="HA31" s="114">
        <v>0</v>
      </c>
      <c r="HB31" s="112">
        <v>30360</v>
      </c>
      <c r="HC31" s="116">
        <v>30360</v>
      </c>
      <c r="HD31" s="110">
        <v>0</v>
      </c>
      <c r="HE31" s="114">
        <v>0</v>
      </c>
      <c r="HF31" s="112">
        <v>0</v>
      </c>
      <c r="HG31" s="111">
        <v>0</v>
      </c>
      <c r="HH31" s="114">
        <v>304564</v>
      </c>
      <c r="HI31" s="114">
        <v>350067</v>
      </c>
      <c r="HJ31" s="114">
        <v>0</v>
      </c>
      <c r="HK31" s="114">
        <v>203041</v>
      </c>
      <c r="HL31" s="114">
        <v>0</v>
      </c>
      <c r="HM31" s="113">
        <v>857672</v>
      </c>
      <c r="HN31" s="109">
        <v>857672</v>
      </c>
      <c r="HO31" s="329"/>
      <c r="HP31" s="330"/>
      <c r="HQ31" s="331"/>
      <c r="HR31" s="332"/>
      <c r="HS31" s="330"/>
      <c r="HT31" s="330"/>
      <c r="HU31" s="330"/>
      <c r="HV31" s="330"/>
      <c r="HW31" s="330"/>
      <c r="HX31" s="333"/>
      <c r="HY31" s="334"/>
      <c r="HZ31" s="131">
        <v>0</v>
      </c>
      <c r="IA31" s="132">
        <v>0</v>
      </c>
      <c r="IB31" s="133">
        <v>0</v>
      </c>
      <c r="IC31" s="146">
        <v>0</v>
      </c>
      <c r="ID31" s="132">
        <v>42656</v>
      </c>
      <c r="IE31" s="147">
        <v>222098</v>
      </c>
      <c r="IF31" s="133">
        <v>322870</v>
      </c>
      <c r="IG31" s="132">
        <v>242420</v>
      </c>
      <c r="IH31" s="133">
        <v>155972</v>
      </c>
      <c r="II31" s="148">
        <v>986016</v>
      </c>
      <c r="IJ31" s="139">
        <v>986016</v>
      </c>
      <c r="IK31" s="232">
        <v>0</v>
      </c>
      <c r="IL31" s="236">
        <v>0</v>
      </c>
      <c r="IM31" s="237">
        <v>0</v>
      </c>
      <c r="IN31" s="140"/>
      <c r="IO31" s="119">
        <v>0</v>
      </c>
      <c r="IP31" s="119">
        <v>0</v>
      </c>
      <c r="IQ31" s="119">
        <v>0</v>
      </c>
      <c r="IR31" s="119">
        <v>0</v>
      </c>
      <c r="IS31" s="119">
        <v>0</v>
      </c>
      <c r="IT31" s="141">
        <v>0</v>
      </c>
      <c r="IU31" s="321">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42656</v>
      </c>
      <c r="JL31" s="119">
        <v>222098</v>
      </c>
      <c r="JM31" s="119">
        <v>78552</v>
      </c>
      <c r="JN31" s="119">
        <v>0</v>
      </c>
      <c r="JO31" s="119">
        <v>155972</v>
      </c>
      <c r="JP31" s="120">
        <v>499278</v>
      </c>
      <c r="JQ31" s="321">
        <v>499278</v>
      </c>
      <c r="JR31" s="142">
        <v>0</v>
      </c>
      <c r="JS31" s="119">
        <v>0</v>
      </c>
      <c r="JT31" s="141">
        <v>0</v>
      </c>
      <c r="JU31" s="118">
        <v>0</v>
      </c>
      <c r="JV31" s="119">
        <v>0</v>
      </c>
      <c r="JW31" s="119">
        <v>0</v>
      </c>
      <c r="JX31" s="119">
        <v>0</v>
      </c>
      <c r="JY31" s="119">
        <v>0</v>
      </c>
      <c r="JZ31" s="119">
        <v>0</v>
      </c>
      <c r="KA31" s="120">
        <v>0</v>
      </c>
      <c r="KB31" s="321">
        <v>0</v>
      </c>
      <c r="KC31" s="234">
        <v>0</v>
      </c>
      <c r="KD31" s="230">
        <v>0</v>
      </c>
      <c r="KE31" s="120">
        <v>0</v>
      </c>
      <c r="KF31" s="118">
        <v>0</v>
      </c>
      <c r="KG31" s="119">
        <v>0</v>
      </c>
      <c r="KH31" s="119">
        <v>0</v>
      </c>
      <c r="KI31" s="119">
        <v>0</v>
      </c>
      <c r="KJ31" s="119">
        <v>0</v>
      </c>
      <c r="KK31" s="119">
        <v>0</v>
      </c>
      <c r="KL31" s="120">
        <v>0</v>
      </c>
      <c r="KM31" s="143">
        <v>0</v>
      </c>
      <c r="KN31" s="232">
        <v>0</v>
      </c>
      <c r="KO31" s="236">
        <v>0</v>
      </c>
      <c r="KP31" s="237">
        <v>0</v>
      </c>
      <c r="KQ31" s="140"/>
      <c r="KR31" s="119">
        <v>0</v>
      </c>
      <c r="KS31" s="119">
        <v>0</v>
      </c>
      <c r="KT31" s="119">
        <v>244318</v>
      </c>
      <c r="KU31" s="119">
        <v>242420</v>
      </c>
      <c r="KV31" s="119">
        <v>0</v>
      </c>
      <c r="KW31" s="120">
        <v>486738</v>
      </c>
      <c r="KX31" s="321">
        <v>486738</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1">
        <v>0</v>
      </c>
      <c r="LU31" s="142">
        <v>0</v>
      </c>
      <c r="LV31" s="119">
        <v>0</v>
      </c>
      <c r="LW31" s="120">
        <v>0</v>
      </c>
      <c r="LX31" s="145">
        <v>0</v>
      </c>
      <c r="LY31" s="119">
        <v>0</v>
      </c>
      <c r="LZ31" s="119">
        <v>0</v>
      </c>
      <c r="MA31" s="119">
        <v>0</v>
      </c>
      <c r="MB31" s="119">
        <v>0</v>
      </c>
      <c r="MC31" s="119">
        <v>0</v>
      </c>
      <c r="MD31" s="120">
        <v>0</v>
      </c>
      <c r="ME31" s="121">
        <v>0</v>
      </c>
      <c r="MF31" s="142">
        <v>0</v>
      </c>
      <c r="MG31" s="119">
        <v>0</v>
      </c>
      <c r="MH31" s="120">
        <v>0</v>
      </c>
      <c r="MI31" s="145"/>
      <c r="MJ31" s="119">
        <v>0</v>
      </c>
      <c r="MK31" s="119">
        <v>0</v>
      </c>
      <c r="ML31" s="119">
        <v>254481</v>
      </c>
      <c r="MM31" s="119">
        <v>1704834</v>
      </c>
      <c r="MN31" s="119">
        <v>298114</v>
      </c>
      <c r="MO31" s="120">
        <v>2257429</v>
      </c>
      <c r="MP31" s="143">
        <v>2257429</v>
      </c>
      <c r="MQ31" s="142">
        <v>0</v>
      </c>
      <c r="MR31" s="119">
        <v>0</v>
      </c>
      <c r="MS31" s="120">
        <v>0</v>
      </c>
      <c r="MT31" s="145">
        <v>0</v>
      </c>
      <c r="MU31" s="119">
        <v>0</v>
      </c>
      <c r="MV31" s="119">
        <v>0</v>
      </c>
      <c r="MW31" s="119">
        <v>0</v>
      </c>
      <c r="MX31" s="119">
        <v>1046118</v>
      </c>
      <c r="MY31" s="119">
        <v>0</v>
      </c>
      <c r="MZ31" s="120">
        <v>1046118</v>
      </c>
      <c r="NA31" s="143">
        <v>1046118</v>
      </c>
      <c r="NB31" s="142">
        <v>0</v>
      </c>
      <c r="NC31" s="119">
        <v>0</v>
      </c>
      <c r="ND31" s="120">
        <v>0</v>
      </c>
      <c r="NE31" s="145"/>
      <c r="NF31" s="119">
        <v>0</v>
      </c>
      <c r="NG31" s="119">
        <v>0</v>
      </c>
      <c r="NH31" s="119">
        <v>254481</v>
      </c>
      <c r="NI31" s="119">
        <v>658716</v>
      </c>
      <c r="NJ31" s="119">
        <v>298114</v>
      </c>
      <c r="NK31" s="120">
        <v>1211311</v>
      </c>
      <c r="NL31" s="321">
        <v>1211311</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41122</v>
      </c>
      <c r="OJ31" s="119">
        <v>15424</v>
      </c>
      <c r="OK31" s="141">
        <v>56546</v>
      </c>
      <c r="OL31" s="118">
        <v>0</v>
      </c>
      <c r="OM31" s="119">
        <v>1133532</v>
      </c>
      <c r="ON31" s="119">
        <v>2581841</v>
      </c>
      <c r="OO31" s="119">
        <v>2326499</v>
      </c>
      <c r="OP31" s="119">
        <v>2982504</v>
      </c>
      <c r="OQ31" s="119">
        <v>1172559</v>
      </c>
      <c r="OR31" s="120">
        <v>10196935</v>
      </c>
      <c r="OS31" s="143">
        <v>10253481</v>
      </c>
    </row>
    <row r="32" spans="2:409" ht="20.25" customHeight="1" x14ac:dyDescent="0.2">
      <c r="B32" s="126" t="s">
        <v>27</v>
      </c>
      <c r="C32" s="110">
        <v>133021</v>
      </c>
      <c r="D32" s="114">
        <v>300108</v>
      </c>
      <c r="E32" s="113">
        <v>433129</v>
      </c>
      <c r="F32" s="109">
        <v>0</v>
      </c>
      <c r="G32" s="114">
        <v>949740</v>
      </c>
      <c r="H32" s="114">
        <v>1358894</v>
      </c>
      <c r="I32" s="114">
        <v>2075634</v>
      </c>
      <c r="J32" s="114">
        <v>1780814</v>
      </c>
      <c r="K32" s="114">
        <v>769356</v>
      </c>
      <c r="L32" s="173">
        <v>6934438</v>
      </c>
      <c r="M32" s="116">
        <v>7367567</v>
      </c>
      <c r="N32" s="110">
        <v>27341</v>
      </c>
      <c r="O32" s="114">
        <v>95654</v>
      </c>
      <c r="P32" s="113">
        <v>122995</v>
      </c>
      <c r="Q32" s="110">
        <v>0</v>
      </c>
      <c r="R32" s="114">
        <v>223839</v>
      </c>
      <c r="S32" s="114">
        <v>275819</v>
      </c>
      <c r="T32" s="114">
        <v>896170</v>
      </c>
      <c r="U32" s="114">
        <v>537194</v>
      </c>
      <c r="V32" s="114">
        <v>291818</v>
      </c>
      <c r="W32" s="113">
        <v>2224840</v>
      </c>
      <c r="X32" s="116">
        <v>2347835</v>
      </c>
      <c r="Y32" s="110">
        <v>0</v>
      </c>
      <c r="Z32" s="114">
        <v>0</v>
      </c>
      <c r="AA32" s="113">
        <v>0</v>
      </c>
      <c r="AB32" s="110">
        <v>0</v>
      </c>
      <c r="AC32" s="114">
        <v>68036</v>
      </c>
      <c r="AD32" s="114">
        <v>25523</v>
      </c>
      <c r="AE32" s="114">
        <v>712482</v>
      </c>
      <c r="AF32" s="114">
        <v>264319</v>
      </c>
      <c r="AG32" s="114">
        <v>0</v>
      </c>
      <c r="AH32" s="113">
        <v>1070360</v>
      </c>
      <c r="AI32" s="116">
        <v>1070360</v>
      </c>
      <c r="AJ32" s="110">
        <v>0</v>
      </c>
      <c r="AK32" s="114">
        <v>0</v>
      </c>
      <c r="AL32" s="113">
        <v>0</v>
      </c>
      <c r="AM32" s="110">
        <v>0</v>
      </c>
      <c r="AN32" s="114">
        <v>0</v>
      </c>
      <c r="AO32" s="114">
        <v>0</v>
      </c>
      <c r="AP32" s="114">
        <v>0</v>
      </c>
      <c r="AQ32" s="114">
        <v>33810</v>
      </c>
      <c r="AR32" s="114">
        <v>114763</v>
      </c>
      <c r="AS32" s="113">
        <v>148573</v>
      </c>
      <c r="AT32" s="116">
        <v>148573</v>
      </c>
      <c r="AU32" s="110">
        <v>27341</v>
      </c>
      <c r="AV32" s="114">
        <v>80598</v>
      </c>
      <c r="AW32" s="113">
        <v>107939</v>
      </c>
      <c r="AX32" s="110">
        <v>0</v>
      </c>
      <c r="AY32" s="114">
        <v>142067</v>
      </c>
      <c r="AZ32" s="114">
        <v>176168</v>
      </c>
      <c r="BA32" s="114">
        <v>125504</v>
      </c>
      <c r="BB32" s="114">
        <v>133433</v>
      </c>
      <c r="BC32" s="114">
        <v>134455</v>
      </c>
      <c r="BD32" s="113">
        <v>711627</v>
      </c>
      <c r="BE32" s="116">
        <v>819566</v>
      </c>
      <c r="BF32" s="110">
        <v>0</v>
      </c>
      <c r="BG32" s="114">
        <v>0</v>
      </c>
      <c r="BH32" s="112">
        <v>0</v>
      </c>
      <c r="BI32" s="111">
        <v>0</v>
      </c>
      <c r="BJ32" s="114">
        <v>0</v>
      </c>
      <c r="BK32" s="114">
        <v>0</v>
      </c>
      <c r="BL32" s="114">
        <v>0</v>
      </c>
      <c r="BM32" s="114">
        <v>0</v>
      </c>
      <c r="BN32" s="114">
        <v>0</v>
      </c>
      <c r="BO32" s="113">
        <v>0</v>
      </c>
      <c r="BP32" s="116">
        <v>0</v>
      </c>
      <c r="BQ32" s="110">
        <v>0</v>
      </c>
      <c r="BR32" s="114">
        <v>15056</v>
      </c>
      <c r="BS32" s="113">
        <v>15056</v>
      </c>
      <c r="BT32" s="110">
        <v>0</v>
      </c>
      <c r="BU32" s="114">
        <v>13736</v>
      </c>
      <c r="BV32" s="114">
        <v>74128</v>
      </c>
      <c r="BW32" s="114">
        <v>58184</v>
      </c>
      <c r="BX32" s="114">
        <v>105632</v>
      </c>
      <c r="BY32" s="114">
        <v>42600</v>
      </c>
      <c r="BZ32" s="113">
        <v>294280</v>
      </c>
      <c r="CA32" s="116">
        <v>309336</v>
      </c>
      <c r="CB32" s="110">
        <v>0</v>
      </c>
      <c r="CC32" s="114">
        <v>77598</v>
      </c>
      <c r="CD32" s="113">
        <v>77598</v>
      </c>
      <c r="CE32" s="110">
        <v>0</v>
      </c>
      <c r="CF32" s="114">
        <v>406595</v>
      </c>
      <c r="CG32" s="114">
        <v>566759</v>
      </c>
      <c r="CH32" s="114">
        <v>619705</v>
      </c>
      <c r="CI32" s="114">
        <v>467436</v>
      </c>
      <c r="CJ32" s="114">
        <v>146078</v>
      </c>
      <c r="CK32" s="113">
        <v>2206573</v>
      </c>
      <c r="CL32" s="116">
        <v>2284171</v>
      </c>
      <c r="CM32" s="110">
        <v>0</v>
      </c>
      <c r="CN32" s="114">
        <v>0</v>
      </c>
      <c r="CO32" s="113">
        <v>0</v>
      </c>
      <c r="CP32" s="111">
        <v>0</v>
      </c>
      <c r="CQ32" s="114">
        <v>305710</v>
      </c>
      <c r="CR32" s="114">
        <v>381581</v>
      </c>
      <c r="CS32" s="114">
        <v>583551</v>
      </c>
      <c r="CT32" s="114">
        <v>467436</v>
      </c>
      <c r="CU32" s="114">
        <v>146078</v>
      </c>
      <c r="CV32" s="113">
        <v>1884356</v>
      </c>
      <c r="CW32" s="116">
        <v>1884356</v>
      </c>
      <c r="CX32" s="110">
        <v>0</v>
      </c>
      <c r="CY32" s="114">
        <v>77598</v>
      </c>
      <c r="CZ32" s="113">
        <v>77598</v>
      </c>
      <c r="DA32" s="110">
        <v>0</v>
      </c>
      <c r="DB32" s="114">
        <v>100885</v>
      </c>
      <c r="DC32" s="114">
        <v>185178</v>
      </c>
      <c r="DD32" s="114">
        <v>36154</v>
      </c>
      <c r="DE32" s="114">
        <v>0</v>
      </c>
      <c r="DF32" s="114">
        <v>0</v>
      </c>
      <c r="DG32" s="113">
        <v>322217</v>
      </c>
      <c r="DH32" s="116">
        <v>399815</v>
      </c>
      <c r="DI32" s="110">
        <v>0</v>
      </c>
      <c r="DJ32" s="114">
        <v>0</v>
      </c>
      <c r="DK32" s="112">
        <v>0</v>
      </c>
      <c r="DL32" s="111">
        <v>0</v>
      </c>
      <c r="DM32" s="114">
        <v>86504</v>
      </c>
      <c r="DN32" s="114">
        <v>0</v>
      </c>
      <c r="DO32" s="114">
        <v>40752</v>
      </c>
      <c r="DP32" s="114">
        <v>100115</v>
      </c>
      <c r="DQ32" s="114">
        <v>27849</v>
      </c>
      <c r="DR32" s="113">
        <v>255220</v>
      </c>
      <c r="DS32" s="116">
        <v>255220</v>
      </c>
      <c r="DT32" s="110">
        <v>0</v>
      </c>
      <c r="DU32" s="114">
        <v>0</v>
      </c>
      <c r="DV32" s="113">
        <v>0</v>
      </c>
      <c r="DW32" s="110">
        <v>0</v>
      </c>
      <c r="DX32" s="114">
        <v>0</v>
      </c>
      <c r="DY32" s="114">
        <v>0</v>
      </c>
      <c r="DZ32" s="114">
        <v>40752</v>
      </c>
      <c r="EA32" s="114">
        <v>100115</v>
      </c>
      <c r="EB32" s="114">
        <v>27849</v>
      </c>
      <c r="EC32" s="113">
        <v>168716</v>
      </c>
      <c r="ED32" s="116">
        <v>168716</v>
      </c>
      <c r="EE32" s="110">
        <v>0</v>
      </c>
      <c r="EF32" s="112">
        <v>0</v>
      </c>
      <c r="EG32" s="113">
        <v>0</v>
      </c>
      <c r="EH32" s="110">
        <v>0</v>
      </c>
      <c r="EI32" s="114">
        <v>86504</v>
      </c>
      <c r="EJ32" s="114">
        <v>0</v>
      </c>
      <c r="EK32" s="114">
        <v>0</v>
      </c>
      <c r="EL32" s="114">
        <v>0</v>
      </c>
      <c r="EM32" s="114">
        <v>0</v>
      </c>
      <c r="EN32" s="112">
        <v>86504</v>
      </c>
      <c r="EO32" s="116">
        <v>86504</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8"/>
      <c r="FE32" s="114">
        <v>0</v>
      </c>
      <c r="FF32" s="114">
        <v>0</v>
      </c>
      <c r="FG32" s="114">
        <v>0</v>
      </c>
      <c r="FH32" s="114">
        <v>0</v>
      </c>
      <c r="FI32" s="114">
        <v>0</v>
      </c>
      <c r="FJ32" s="113">
        <v>0</v>
      </c>
      <c r="FK32" s="116">
        <v>0</v>
      </c>
      <c r="FL32" s="110">
        <v>105680</v>
      </c>
      <c r="FM32" s="114">
        <v>35600</v>
      </c>
      <c r="FN32" s="113">
        <v>141280</v>
      </c>
      <c r="FO32" s="110">
        <v>0</v>
      </c>
      <c r="FP32" s="114">
        <v>39000</v>
      </c>
      <c r="FQ32" s="114">
        <v>172496</v>
      </c>
      <c r="FR32" s="114">
        <v>145616</v>
      </c>
      <c r="FS32" s="114">
        <v>60240</v>
      </c>
      <c r="FT32" s="114">
        <v>81960</v>
      </c>
      <c r="FU32" s="113">
        <v>499312</v>
      </c>
      <c r="FV32" s="116">
        <v>640592</v>
      </c>
      <c r="FW32" s="115">
        <v>8880</v>
      </c>
      <c r="FX32" s="114">
        <v>35600</v>
      </c>
      <c r="FY32" s="112">
        <v>44480</v>
      </c>
      <c r="FZ32" s="111">
        <v>0</v>
      </c>
      <c r="GA32" s="114">
        <v>39000</v>
      </c>
      <c r="GB32" s="114">
        <v>172496</v>
      </c>
      <c r="GC32" s="114">
        <v>145616</v>
      </c>
      <c r="GD32" s="114">
        <v>60240</v>
      </c>
      <c r="GE32" s="114">
        <v>81960</v>
      </c>
      <c r="GF32" s="113">
        <v>499312</v>
      </c>
      <c r="GG32" s="319">
        <v>543792</v>
      </c>
      <c r="GH32" s="115">
        <v>0</v>
      </c>
      <c r="GI32" s="114">
        <v>0</v>
      </c>
      <c r="GJ32" s="112">
        <v>0</v>
      </c>
      <c r="GK32" s="111">
        <v>0</v>
      </c>
      <c r="GL32" s="114">
        <v>0</v>
      </c>
      <c r="GM32" s="114">
        <v>0</v>
      </c>
      <c r="GN32" s="114">
        <v>0</v>
      </c>
      <c r="GO32" s="114">
        <v>0</v>
      </c>
      <c r="GP32" s="114">
        <v>0</v>
      </c>
      <c r="GQ32" s="113">
        <v>0</v>
      </c>
      <c r="GR32" s="116">
        <v>0</v>
      </c>
      <c r="GS32" s="110">
        <v>96800</v>
      </c>
      <c r="GT32" s="114">
        <v>0</v>
      </c>
      <c r="GU32" s="113">
        <v>96800</v>
      </c>
      <c r="GV32" s="110">
        <v>0</v>
      </c>
      <c r="GW32" s="114">
        <v>0</v>
      </c>
      <c r="GX32" s="114">
        <v>0</v>
      </c>
      <c r="GY32" s="114">
        <v>0</v>
      </c>
      <c r="GZ32" s="114">
        <v>0</v>
      </c>
      <c r="HA32" s="114">
        <v>0</v>
      </c>
      <c r="HB32" s="112">
        <v>0</v>
      </c>
      <c r="HC32" s="116">
        <v>96800</v>
      </c>
      <c r="HD32" s="110">
        <v>0</v>
      </c>
      <c r="HE32" s="114">
        <v>91256</v>
      </c>
      <c r="HF32" s="112">
        <v>91256</v>
      </c>
      <c r="HG32" s="111">
        <v>0</v>
      </c>
      <c r="HH32" s="114">
        <v>193802</v>
      </c>
      <c r="HI32" s="114">
        <v>343820</v>
      </c>
      <c r="HJ32" s="114">
        <v>373391</v>
      </c>
      <c r="HK32" s="114">
        <v>615829</v>
      </c>
      <c r="HL32" s="114">
        <v>221651</v>
      </c>
      <c r="HM32" s="113">
        <v>1748493</v>
      </c>
      <c r="HN32" s="109">
        <v>1839749</v>
      </c>
      <c r="HO32" s="329"/>
      <c r="HP32" s="330"/>
      <c r="HQ32" s="331"/>
      <c r="HR32" s="332"/>
      <c r="HS32" s="330"/>
      <c r="HT32" s="330"/>
      <c r="HU32" s="330"/>
      <c r="HV32" s="330"/>
      <c r="HW32" s="330"/>
      <c r="HX32" s="333"/>
      <c r="HY32" s="334"/>
      <c r="HZ32" s="150">
        <v>0</v>
      </c>
      <c r="IA32" s="135">
        <v>0</v>
      </c>
      <c r="IB32" s="150">
        <v>0</v>
      </c>
      <c r="IC32" s="134">
        <v>0</v>
      </c>
      <c r="ID32" s="135">
        <v>190075</v>
      </c>
      <c r="IE32" s="136">
        <v>739490</v>
      </c>
      <c r="IF32" s="137">
        <v>725346</v>
      </c>
      <c r="IG32" s="135">
        <v>238740</v>
      </c>
      <c r="IH32" s="137">
        <v>263001</v>
      </c>
      <c r="II32" s="138">
        <v>2156652</v>
      </c>
      <c r="IJ32" s="150">
        <v>2156652</v>
      </c>
      <c r="IK32" s="232">
        <v>0</v>
      </c>
      <c r="IL32" s="236">
        <v>0</v>
      </c>
      <c r="IM32" s="237">
        <v>0</v>
      </c>
      <c r="IN32" s="140"/>
      <c r="IO32" s="119">
        <v>0</v>
      </c>
      <c r="IP32" s="119">
        <v>107592</v>
      </c>
      <c r="IQ32" s="119">
        <v>0</v>
      </c>
      <c r="IR32" s="119">
        <v>0</v>
      </c>
      <c r="IS32" s="119">
        <v>0</v>
      </c>
      <c r="IT32" s="141">
        <v>107592</v>
      </c>
      <c r="IU32" s="321">
        <v>107592</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36947</v>
      </c>
      <c r="JL32" s="119">
        <v>16160</v>
      </c>
      <c r="JM32" s="119">
        <v>0</v>
      </c>
      <c r="JN32" s="119">
        <v>0</v>
      </c>
      <c r="JO32" s="119">
        <v>0</v>
      </c>
      <c r="JP32" s="120">
        <v>53107</v>
      </c>
      <c r="JQ32" s="321">
        <v>53107</v>
      </c>
      <c r="JR32" s="142">
        <v>0</v>
      </c>
      <c r="JS32" s="119">
        <v>0</v>
      </c>
      <c r="JT32" s="141">
        <v>0</v>
      </c>
      <c r="JU32" s="118">
        <v>0</v>
      </c>
      <c r="JV32" s="119">
        <v>153128</v>
      </c>
      <c r="JW32" s="119">
        <v>150632</v>
      </c>
      <c r="JX32" s="119">
        <v>0</v>
      </c>
      <c r="JY32" s="119">
        <v>0</v>
      </c>
      <c r="JZ32" s="119">
        <v>0</v>
      </c>
      <c r="KA32" s="120">
        <v>303760</v>
      </c>
      <c r="KB32" s="321">
        <v>303760</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465106</v>
      </c>
      <c r="KT32" s="119">
        <v>237951</v>
      </c>
      <c r="KU32" s="119">
        <v>0</v>
      </c>
      <c r="KV32" s="119">
        <v>0</v>
      </c>
      <c r="KW32" s="120">
        <v>703057</v>
      </c>
      <c r="KX32" s="321">
        <v>703057</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487395</v>
      </c>
      <c r="LQ32" s="119">
        <v>238740</v>
      </c>
      <c r="LR32" s="119">
        <v>263001</v>
      </c>
      <c r="LS32" s="120">
        <v>989136</v>
      </c>
      <c r="LT32" s="321">
        <v>989136</v>
      </c>
      <c r="LU32" s="142">
        <v>0</v>
      </c>
      <c r="LV32" s="119">
        <v>0</v>
      </c>
      <c r="LW32" s="120">
        <v>0</v>
      </c>
      <c r="LX32" s="145">
        <v>0</v>
      </c>
      <c r="LY32" s="119">
        <v>0</v>
      </c>
      <c r="LZ32" s="119">
        <v>0</v>
      </c>
      <c r="MA32" s="119">
        <v>0</v>
      </c>
      <c r="MB32" s="119">
        <v>0</v>
      </c>
      <c r="MC32" s="119">
        <v>0</v>
      </c>
      <c r="MD32" s="120">
        <v>0</v>
      </c>
      <c r="ME32" s="121">
        <v>0</v>
      </c>
      <c r="MF32" s="142">
        <v>0</v>
      </c>
      <c r="MG32" s="119">
        <v>0</v>
      </c>
      <c r="MH32" s="120">
        <v>0</v>
      </c>
      <c r="MI32" s="145"/>
      <c r="MJ32" s="119">
        <v>0</v>
      </c>
      <c r="MK32" s="119">
        <v>462101</v>
      </c>
      <c r="ML32" s="119">
        <v>1060375</v>
      </c>
      <c r="MM32" s="119">
        <v>1142993</v>
      </c>
      <c r="MN32" s="119">
        <v>514114</v>
      </c>
      <c r="MO32" s="120">
        <v>3179583</v>
      </c>
      <c r="MP32" s="143">
        <v>3179583</v>
      </c>
      <c r="MQ32" s="142">
        <v>0</v>
      </c>
      <c r="MR32" s="119">
        <v>0</v>
      </c>
      <c r="MS32" s="120">
        <v>0</v>
      </c>
      <c r="MT32" s="145">
        <v>0</v>
      </c>
      <c r="MU32" s="119">
        <v>0</v>
      </c>
      <c r="MV32" s="119">
        <v>223821</v>
      </c>
      <c r="MW32" s="119">
        <v>0</v>
      </c>
      <c r="MX32" s="119">
        <v>236637</v>
      </c>
      <c r="MY32" s="119">
        <v>514114</v>
      </c>
      <c r="MZ32" s="120">
        <v>974572</v>
      </c>
      <c r="NA32" s="143">
        <v>974572</v>
      </c>
      <c r="NB32" s="142">
        <v>0</v>
      </c>
      <c r="NC32" s="119">
        <v>0</v>
      </c>
      <c r="ND32" s="120">
        <v>0</v>
      </c>
      <c r="NE32" s="145"/>
      <c r="NF32" s="119">
        <v>0</v>
      </c>
      <c r="NG32" s="119">
        <v>238280</v>
      </c>
      <c r="NH32" s="119">
        <v>1060375</v>
      </c>
      <c r="NI32" s="119">
        <v>553192</v>
      </c>
      <c r="NJ32" s="119">
        <v>0</v>
      </c>
      <c r="NK32" s="120">
        <v>1851847</v>
      </c>
      <c r="NL32" s="321">
        <v>1851847</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53164</v>
      </c>
      <c r="OF32" s="119">
        <v>0</v>
      </c>
      <c r="OG32" s="120">
        <v>353164</v>
      </c>
      <c r="OH32" s="121">
        <v>353164</v>
      </c>
      <c r="OI32" s="142">
        <v>133021</v>
      </c>
      <c r="OJ32" s="119">
        <v>300108</v>
      </c>
      <c r="OK32" s="141">
        <v>433129</v>
      </c>
      <c r="OL32" s="118">
        <v>0</v>
      </c>
      <c r="OM32" s="119">
        <v>1139815</v>
      </c>
      <c r="ON32" s="119">
        <v>2560485</v>
      </c>
      <c r="OO32" s="119">
        <v>3861355</v>
      </c>
      <c r="OP32" s="119">
        <v>3162547</v>
      </c>
      <c r="OQ32" s="119">
        <v>1546471</v>
      </c>
      <c r="OR32" s="120">
        <v>12270673</v>
      </c>
      <c r="OS32" s="143">
        <v>12703802</v>
      </c>
    </row>
    <row r="33" spans="2:409" ht="20.25" customHeight="1" x14ac:dyDescent="0.2">
      <c r="B33" s="126" t="s">
        <v>28</v>
      </c>
      <c r="C33" s="110">
        <v>0</v>
      </c>
      <c r="D33" s="114">
        <v>5600</v>
      </c>
      <c r="E33" s="113">
        <v>5600</v>
      </c>
      <c r="F33" s="109">
        <v>0</v>
      </c>
      <c r="G33" s="114">
        <v>269492</v>
      </c>
      <c r="H33" s="114">
        <v>231297</v>
      </c>
      <c r="I33" s="114">
        <v>321808</v>
      </c>
      <c r="J33" s="114">
        <v>0</v>
      </c>
      <c r="K33" s="114">
        <v>32642</v>
      </c>
      <c r="L33" s="173">
        <v>855239</v>
      </c>
      <c r="M33" s="116">
        <v>860839</v>
      </c>
      <c r="N33" s="110">
        <v>0</v>
      </c>
      <c r="O33" s="114">
        <v>0</v>
      </c>
      <c r="P33" s="113">
        <v>0</v>
      </c>
      <c r="Q33" s="110">
        <v>0</v>
      </c>
      <c r="R33" s="114">
        <v>4144</v>
      </c>
      <c r="S33" s="114">
        <v>104553</v>
      </c>
      <c r="T33" s="114">
        <v>132080</v>
      </c>
      <c r="U33" s="114">
        <v>0</v>
      </c>
      <c r="V33" s="114">
        <v>0</v>
      </c>
      <c r="W33" s="113">
        <v>240777</v>
      </c>
      <c r="X33" s="116">
        <v>240777</v>
      </c>
      <c r="Y33" s="110">
        <v>0</v>
      </c>
      <c r="Z33" s="114">
        <v>0</v>
      </c>
      <c r="AA33" s="113">
        <v>0</v>
      </c>
      <c r="AB33" s="110">
        <v>0</v>
      </c>
      <c r="AC33" s="114">
        <v>0</v>
      </c>
      <c r="AD33" s="114">
        <v>27441</v>
      </c>
      <c r="AE33" s="114">
        <v>81560</v>
      </c>
      <c r="AF33" s="114">
        <v>0</v>
      </c>
      <c r="AG33" s="114">
        <v>0</v>
      </c>
      <c r="AH33" s="113">
        <v>109001</v>
      </c>
      <c r="AI33" s="116">
        <v>109001</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68840</v>
      </c>
      <c r="BA33" s="114">
        <v>40920</v>
      </c>
      <c r="BB33" s="114">
        <v>0</v>
      </c>
      <c r="BC33" s="114">
        <v>0</v>
      </c>
      <c r="BD33" s="113">
        <v>109760</v>
      </c>
      <c r="BE33" s="116">
        <v>109760</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4144</v>
      </c>
      <c r="BV33" s="114">
        <v>8272</v>
      </c>
      <c r="BW33" s="114">
        <v>9600</v>
      </c>
      <c r="BX33" s="114">
        <v>0</v>
      </c>
      <c r="BY33" s="114">
        <v>0</v>
      </c>
      <c r="BZ33" s="113">
        <v>22016</v>
      </c>
      <c r="CA33" s="116">
        <v>22016</v>
      </c>
      <c r="CB33" s="110">
        <v>0</v>
      </c>
      <c r="CC33" s="114">
        <v>0</v>
      </c>
      <c r="CD33" s="113">
        <v>0</v>
      </c>
      <c r="CE33" s="110">
        <v>0</v>
      </c>
      <c r="CF33" s="114">
        <v>110660</v>
      </c>
      <c r="CG33" s="114">
        <v>72168</v>
      </c>
      <c r="CH33" s="114">
        <v>0</v>
      </c>
      <c r="CI33" s="114">
        <v>0</v>
      </c>
      <c r="CJ33" s="114">
        <v>0</v>
      </c>
      <c r="CK33" s="113">
        <v>182828</v>
      </c>
      <c r="CL33" s="116">
        <v>182828</v>
      </c>
      <c r="CM33" s="110">
        <v>0</v>
      </c>
      <c r="CN33" s="114">
        <v>0</v>
      </c>
      <c r="CO33" s="113">
        <v>0</v>
      </c>
      <c r="CP33" s="111">
        <v>0</v>
      </c>
      <c r="CQ33" s="114">
        <v>110660</v>
      </c>
      <c r="CR33" s="114">
        <v>0</v>
      </c>
      <c r="CS33" s="114">
        <v>0</v>
      </c>
      <c r="CT33" s="114">
        <v>0</v>
      </c>
      <c r="CU33" s="114">
        <v>0</v>
      </c>
      <c r="CV33" s="113">
        <v>110660</v>
      </c>
      <c r="CW33" s="116">
        <v>110660</v>
      </c>
      <c r="CX33" s="110">
        <v>0</v>
      </c>
      <c r="CY33" s="114">
        <v>0</v>
      </c>
      <c r="CZ33" s="113">
        <v>0</v>
      </c>
      <c r="DA33" s="110">
        <v>0</v>
      </c>
      <c r="DB33" s="114">
        <v>0</v>
      </c>
      <c r="DC33" s="114">
        <v>72168</v>
      </c>
      <c r="DD33" s="114">
        <v>0</v>
      </c>
      <c r="DE33" s="114">
        <v>0</v>
      </c>
      <c r="DF33" s="114">
        <v>0</v>
      </c>
      <c r="DG33" s="113">
        <v>72168</v>
      </c>
      <c r="DH33" s="116">
        <v>72168</v>
      </c>
      <c r="DI33" s="110">
        <v>0</v>
      </c>
      <c r="DJ33" s="114">
        <v>0</v>
      </c>
      <c r="DK33" s="112">
        <v>0</v>
      </c>
      <c r="DL33" s="111">
        <v>0</v>
      </c>
      <c r="DM33" s="114">
        <v>0</v>
      </c>
      <c r="DN33" s="114">
        <v>0</v>
      </c>
      <c r="DO33" s="114">
        <v>0</v>
      </c>
      <c r="DP33" s="114">
        <v>0</v>
      </c>
      <c r="DQ33" s="114">
        <v>32642</v>
      </c>
      <c r="DR33" s="113">
        <v>32642</v>
      </c>
      <c r="DS33" s="116">
        <v>32642</v>
      </c>
      <c r="DT33" s="110">
        <v>0</v>
      </c>
      <c r="DU33" s="114">
        <v>0</v>
      </c>
      <c r="DV33" s="113">
        <v>0</v>
      </c>
      <c r="DW33" s="110">
        <v>0</v>
      </c>
      <c r="DX33" s="114">
        <v>0</v>
      </c>
      <c r="DY33" s="114">
        <v>0</v>
      </c>
      <c r="DZ33" s="114">
        <v>0</v>
      </c>
      <c r="EA33" s="114">
        <v>0</v>
      </c>
      <c r="EB33" s="114">
        <v>32642</v>
      </c>
      <c r="EC33" s="113">
        <v>32642</v>
      </c>
      <c r="ED33" s="116">
        <v>32642</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8"/>
      <c r="FE33" s="114">
        <v>0</v>
      </c>
      <c r="FF33" s="114">
        <v>0</v>
      </c>
      <c r="FG33" s="114">
        <v>0</v>
      </c>
      <c r="FH33" s="114">
        <v>0</v>
      </c>
      <c r="FI33" s="114">
        <v>0</v>
      </c>
      <c r="FJ33" s="113">
        <v>0</v>
      </c>
      <c r="FK33" s="116">
        <v>0</v>
      </c>
      <c r="FL33" s="110">
        <v>0</v>
      </c>
      <c r="FM33" s="114">
        <v>5600</v>
      </c>
      <c r="FN33" s="113">
        <v>5600</v>
      </c>
      <c r="FO33" s="110">
        <v>0</v>
      </c>
      <c r="FP33" s="114">
        <v>5840</v>
      </c>
      <c r="FQ33" s="114">
        <v>54576</v>
      </c>
      <c r="FR33" s="114">
        <v>0</v>
      </c>
      <c r="FS33" s="114">
        <v>0</v>
      </c>
      <c r="FT33" s="114">
        <v>0</v>
      </c>
      <c r="FU33" s="113">
        <v>60416</v>
      </c>
      <c r="FV33" s="116">
        <v>66016</v>
      </c>
      <c r="FW33" s="115">
        <v>0</v>
      </c>
      <c r="FX33" s="114">
        <v>5600</v>
      </c>
      <c r="FY33" s="112">
        <v>5600</v>
      </c>
      <c r="FZ33" s="111">
        <v>0</v>
      </c>
      <c r="GA33" s="114">
        <v>5840</v>
      </c>
      <c r="GB33" s="114">
        <v>54576</v>
      </c>
      <c r="GC33" s="114">
        <v>0</v>
      </c>
      <c r="GD33" s="114">
        <v>0</v>
      </c>
      <c r="GE33" s="114">
        <v>0</v>
      </c>
      <c r="GF33" s="113">
        <v>60416</v>
      </c>
      <c r="GG33" s="319">
        <v>6601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48848</v>
      </c>
      <c r="HI33" s="114">
        <v>0</v>
      </c>
      <c r="HJ33" s="114">
        <v>189728</v>
      </c>
      <c r="HK33" s="114">
        <v>0</v>
      </c>
      <c r="HL33" s="114">
        <v>0</v>
      </c>
      <c r="HM33" s="113">
        <v>338576</v>
      </c>
      <c r="HN33" s="109">
        <v>338576</v>
      </c>
      <c r="HO33" s="329"/>
      <c r="HP33" s="330"/>
      <c r="HQ33" s="331"/>
      <c r="HR33" s="332"/>
      <c r="HS33" s="330"/>
      <c r="HT33" s="330"/>
      <c r="HU33" s="330"/>
      <c r="HV33" s="330"/>
      <c r="HW33" s="330"/>
      <c r="HX33" s="333"/>
      <c r="HY33" s="334"/>
      <c r="HZ33" s="131">
        <v>0</v>
      </c>
      <c r="IA33" s="132">
        <v>0</v>
      </c>
      <c r="IB33" s="133">
        <v>0</v>
      </c>
      <c r="IC33" s="146">
        <v>0</v>
      </c>
      <c r="ID33" s="132">
        <v>80808</v>
      </c>
      <c r="IE33" s="147">
        <v>50632</v>
      </c>
      <c r="IF33" s="133">
        <v>0</v>
      </c>
      <c r="IG33" s="132">
        <v>0</v>
      </c>
      <c r="IH33" s="133">
        <v>239888</v>
      </c>
      <c r="II33" s="148">
        <v>371328</v>
      </c>
      <c r="IJ33" s="139">
        <v>371328</v>
      </c>
      <c r="IK33" s="232">
        <v>0</v>
      </c>
      <c r="IL33" s="236">
        <v>0</v>
      </c>
      <c r="IM33" s="237">
        <v>0</v>
      </c>
      <c r="IN33" s="140"/>
      <c r="IO33" s="119">
        <v>0</v>
      </c>
      <c r="IP33" s="119">
        <v>0</v>
      </c>
      <c r="IQ33" s="119">
        <v>0</v>
      </c>
      <c r="IR33" s="119">
        <v>0</v>
      </c>
      <c r="IS33" s="119">
        <v>0</v>
      </c>
      <c r="IT33" s="141">
        <v>0</v>
      </c>
      <c r="IU33" s="321">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80808</v>
      </c>
      <c r="JL33" s="119">
        <v>50632</v>
      </c>
      <c r="JM33" s="119">
        <v>0</v>
      </c>
      <c r="JN33" s="119">
        <v>0</v>
      </c>
      <c r="JO33" s="119">
        <v>0</v>
      </c>
      <c r="JP33" s="120">
        <v>131440</v>
      </c>
      <c r="JQ33" s="321">
        <v>131440</v>
      </c>
      <c r="JR33" s="142">
        <v>0</v>
      </c>
      <c r="JS33" s="119">
        <v>0</v>
      </c>
      <c r="JT33" s="141">
        <v>0</v>
      </c>
      <c r="JU33" s="118">
        <v>0</v>
      </c>
      <c r="JV33" s="119">
        <v>0</v>
      </c>
      <c r="JW33" s="119">
        <v>0</v>
      </c>
      <c r="JX33" s="119">
        <v>0</v>
      </c>
      <c r="JY33" s="119">
        <v>0</v>
      </c>
      <c r="JZ33" s="119">
        <v>26560</v>
      </c>
      <c r="KA33" s="120">
        <v>26560</v>
      </c>
      <c r="KB33" s="321">
        <v>2656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213328</v>
      </c>
      <c r="KW33" s="120">
        <v>213328</v>
      </c>
      <c r="KX33" s="321">
        <v>213328</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1">
        <v>0</v>
      </c>
      <c r="LU33" s="142">
        <v>0</v>
      </c>
      <c r="LV33" s="119">
        <v>0</v>
      </c>
      <c r="LW33" s="120">
        <v>0</v>
      </c>
      <c r="LX33" s="145">
        <v>0</v>
      </c>
      <c r="LY33" s="119">
        <v>0</v>
      </c>
      <c r="LZ33" s="119">
        <v>0</v>
      </c>
      <c r="MA33" s="119">
        <v>0</v>
      </c>
      <c r="MB33" s="119">
        <v>0</v>
      </c>
      <c r="MC33" s="119">
        <v>0</v>
      </c>
      <c r="MD33" s="120">
        <v>0</v>
      </c>
      <c r="ME33" s="121">
        <v>0</v>
      </c>
      <c r="MF33" s="142">
        <v>0</v>
      </c>
      <c r="MG33" s="119">
        <v>0</v>
      </c>
      <c r="MH33" s="120">
        <v>0</v>
      </c>
      <c r="MI33" s="145"/>
      <c r="MJ33" s="119">
        <v>0</v>
      </c>
      <c r="MK33" s="119">
        <v>208912</v>
      </c>
      <c r="ML33" s="119">
        <v>0</v>
      </c>
      <c r="MM33" s="119">
        <v>494880</v>
      </c>
      <c r="MN33" s="119">
        <v>0</v>
      </c>
      <c r="MO33" s="120">
        <v>703792</v>
      </c>
      <c r="MP33" s="143">
        <v>703792</v>
      </c>
      <c r="MQ33" s="142">
        <v>0</v>
      </c>
      <c r="MR33" s="119">
        <v>0</v>
      </c>
      <c r="MS33" s="120">
        <v>0</v>
      </c>
      <c r="MT33" s="145">
        <v>0</v>
      </c>
      <c r="MU33" s="119">
        <v>0</v>
      </c>
      <c r="MV33" s="119">
        <v>0</v>
      </c>
      <c r="MW33" s="119">
        <v>0</v>
      </c>
      <c r="MX33" s="119">
        <v>218544</v>
      </c>
      <c r="MY33" s="119">
        <v>0</v>
      </c>
      <c r="MZ33" s="120">
        <v>218544</v>
      </c>
      <c r="NA33" s="143">
        <v>218544</v>
      </c>
      <c r="NB33" s="142">
        <v>0</v>
      </c>
      <c r="NC33" s="119">
        <v>0</v>
      </c>
      <c r="ND33" s="120">
        <v>0</v>
      </c>
      <c r="NE33" s="145"/>
      <c r="NF33" s="119">
        <v>0</v>
      </c>
      <c r="NG33" s="119">
        <v>208912</v>
      </c>
      <c r="NH33" s="119">
        <v>0</v>
      </c>
      <c r="NI33" s="119">
        <v>276336</v>
      </c>
      <c r="NJ33" s="119">
        <v>0</v>
      </c>
      <c r="NK33" s="120">
        <v>485248</v>
      </c>
      <c r="NL33" s="321">
        <v>485248</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5600</v>
      </c>
      <c r="OK33" s="141">
        <v>5600</v>
      </c>
      <c r="OL33" s="118">
        <v>0</v>
      </c>
      <c r="OM33" s="119">
        <v>350300</v>
      </c>
      <c r="ON33" s="119">
        <v>490841</v>
      </c>
      <c r="OO33" s="119">
        <v>321808</v>
      </c>
      <c r="OP33" s="119">
        <v>494880</v>
      </c>
      <c r="OQ33" s="119">
        <v>272530</v>
      </c>
      <c r="OR33" s="120">
        <v>1930359</v>
      </c>
      <c r="OS33" s="143">
        <v>1935959</v>
      </c>
    </row>
    <row r="34" spans="2:409" ht="20.25" customHeight="1" x14ac:dyDescent="0.2">
      <c r="B34" s="126" t="s">
        <v>29</v>
      </c>
      <c r="C34" s="110">
        <v>12000</v>
      </c>
      <c r="D34" s="114">
        <v>14688</v>
      </c>
      <c r="E34" s="113">
        <v>26688</v>
      </c>
      <c r="F34" s="109">
        <v>0</v>
      </c>
      <c r="G34" s="114">
        <v>367919</v>
      </c>
      <c r="H34" s="114">
        <v>491220</v>
      </c>
      <c r="I34" s="114">
        <v>226208</v>
      </c>
      <c r="J34" s="114">
        <v>333048</v>
      </c>
      <c r="K34" s="114">
        <v>332894</v>
      </c>
      <c r="L34" s="173">
        <v>1751289</v>
      </c>
      <c r="M34" s="116">
        <v>1777977</v>
      </c>
      <c r="N34" s="110">
        <v>0</v>
      </c>
      <c r="O34" s="114">
        <v>14688</v>
      </c>
      <c r="P34" s="113">
        <v>14688</v>
      </c>
      <c r="Q34" s="110">
        <v>0</v>
      </c>
      <c r="R34" s="114">
        <v>11960</v>
      </c>
      <c r="S34" s="114">
        <v>43248</v>
      </c>
      <c r="T34" s="114">
        <v>25920</v>
      </c>
      <c r="U34" s="114">
        <v>202136</v>
      </c>
      <c r="V34" s="114">
        <v>84872</v>
      </c>
      <c r="W34" s="113">
        <v>368136</v>
      </c>
      <c r="X34" s="116">
        <v>382824</v>
      </c>
      <c r="Y34" s="110">
        <v>0</v>
      </c>
      <c r="Z34" s="114">
        <v>0</v>
      </c>
      <c r="AA34" s="113">
        <v>0</v>
      </c>
      <c r="AB34" s="110">
        <v>0</v>
      </c>
      <c r="AC34" s="114">
        <v>11960</v>
      </c>
      <c r="AD34" s="114">
        <v>0</v>
      </c>
      <c r="AE34" s="114">
        <v>0</v>
      </c>
      <c r="AF34" s="114">
        <v>156064</v>
      </c>
      <c r="AG34" s="114">
        <v>0</v>
      </c>
      <c r="AH34" s="113">
        <v>168024</v>
      </c>
      <c r="AI34" s="116">
        <v>168024</v>
      </c>
      <c r="AJ34" s="110">
        <v>0</v>
      </c>
      <c r="AK34" s="114">
        <v>0</v>
      </c>
      <c r="AL34" s="113">
        <v>0</v>
      </c>
      <c r="AM34" s="110">
        <v>0</v>
      </c>
      <c r="AN34" s="114">
        <v>0</v>
      </c>
      <c r="AO34" s="114">
        <v>0</v>
      </c>
      <c r="AP34" s="114">
        <v>0</v>
      </c>
      <c r="AQ34" s="114">
        <v>0</v>
      </c>
      <c r="AR34" s="114">
        <v>43264</v>
      </c>
      <c r="AS34" s="113">
        <v>43264</v>
      </c>
      <c r="AT34" s="116">
        <v>43264</v>
      </c>
      <c r="AU34" s="110">
        <v>0</v>
      </c>
      <c r="AV34" s="114">
        <v>14688</v>
      </c>
      <c r="AW34" s="113">
        <v>14688</v>
      </c>
      <c r="AX34" s="110">
        <v>0</v>
      </c>
      <c r="AY34" s="114">
        <v>0</v>
      </c>
      <c r="AZ34" s="114">
        <v>0</v>
      </c>
      <c r="BA34" s="114">
        <v>25920</v>
      </c>
      <c r="BB34" s="114">
        <v>46072</v>
      </c>
      <c r="BC34" s="114">
        <v>36840</v>
      </c>
      <c r="BD34" s="113">
        <v>108832</v>
      </c>
      <c r="BE34" s="116">
        <v>123520</v>
      </c>
      <c r="BF34" s="110">
        <v>0</v>
      </c>
      <c r="BG34" s="114">
        <v>0</v>
      </c>
      <c r="BH34" s="112">
        <v>0</v>
      </c>
      <c r="BI34" s="111">
        <v>0</v>
      </c>
      <c r="BJ34" s="114">
        <v>0</v>
      </c>
      <c r="BK34" s="114">
        <v>0</v>
      </c>
      <c r="BL34" s="114">
        <v>0</v>
      </c>
      <c r="BM34" s="114">
        <v>0</v>
      </c>
      <c r="BN34" s="114">
        <v>0</v>
      </c>
      <c r="BO34" s="113">
        <v>0</v>
      </c>
      <c r="BP34" s="116">
        <v>0</v>
      </c>
      <c r="BQ34" s="110">
        <v>0</v>
      </c>
      <c r="BR34" s="114">
        <v>0</v>
      </c>
      <c r="BS34" s="113">
        <v>0</v>
      </c>
      <c r="BT34" s="110">
        <v>0</v>
      </c>
      <c r="BU34" s="114">
        <v>0</v>
      </c>
      <c r="BV34" s="114">
        <v>43248</v>
      </c>
      <c r="BW34" s="114">
        <v>0</v>
      </c>
      <c r="BX34" s="114">
        <v>0</v>
      </c>
      <c r="BY34" s="114">
        <v>4768</v>
      </c>
      <c r="BZ34" s="113">
        <v>48016</v>
      </c>
      <c r="CA34" s="116">
        <v>48016</v>
      </c>
      <c r="CB34" s="110">
        <v>0</v>
      </c>
      <c r="CC34" s="114">
        <v>0</v>
      </c>
      <c r="CD34" s="113">
        <v>0</v>
      </c>
      <c r="CE34" s="110">
        <v>0</v>
      </c>
      <c r="CF34" s="114">
        <v>321159</v>
      </c>
      <c r="CG34" s="114">
        <v>95656</v>
      </c>
      <c r="CH34" s="114">
        <v>147624</v>
      </c>
      <c r="CI34" s="114">
        <v>90920</v>
      </c>
      <c r="CJ34" s="114">
        <v>71352</v>
      </c>
      <c r="CK34" s="113">
        <v>726711</v>
      </c>
      <c r="CL34" s="116">
        <v>726711</v>
      </c>
      <c r="CM34" s="110">
        <v>0</v>
      </c>
      <c r="CN34" s="114">
        <v>0</v>
      </c>
      <c r="CO34" s="113">
        <v>0</v>
      </c>
      <c r="CP34" s="111">
        <v>0</v>
      </c>
      <c r="CQ34" s="114">
        <v>270688</v>
      </c>
      <c r="CR34" s="114">
        <v>95656</v>
      </c>
      <c r="CS34" s="114">
        <v>113840</v>
      </c>
      <c r="CT34" s="114">
        <v>0</v>
      </c>
      <c r="CU34" s="114">
        <v>71352</v>
      </c>
      <c r="CV34" s="113">
        <v>551536</v>
      </c>
      <c r="CW34" s="116">
        <v>551536</v>
      </c>
      <c r="CX34" s="110">
        <v>0</v>
      </c>
      <c r="CY34" s="114">
        <v>0</v>
      </c>
      <c r="CZ34" s="113">
        <v>0</v>
      </c>
      <c r="DA34" s="110">
        <v>0</v>
      </c>
      <c r="DB34" s="114">
        <v>50471</v>
      </c>
      <c r="DC34" s="114">
        <v>0</v>
      </c>
      <c r="DD34" s="114">
        <v>33784</v>
      </c>
      <c r="DE34" s="114">
        <v>90920</v>
      </c>
      <c r="DF34" s="114">
        <v>0</v>
      </c>
      <c r="DG34" s="113">
        <v>175175</v>
      </c>
      <c r="DH34" s="116">
        <v>175175</v>
      </c>
      <c r="DI34" s="110">
        <v>0</v>
      </c>
      <c r="DJ34" s="114">
        <v>0</v>
      </c>
      <c r="DK34" s="112">
        <v>0</v>
      </c>
      <c r="DL34" s="111">
        <v>0</v>
      </c>
      <c r="DM34" s="114">
        <v>0</v>
      </c>
      <c r="DN34" s="114">
        <v>0</v>
      </c>
      <c r="DO34" s="114">
        <v>16904</v>
      </c>
      <c r="DP34" s="114">
        <v>0</v>
      </c>
      <c r="DQ34" s="114">
        <v>108446</v>
      </c>
      <c r="DR34" s="113">
        <v>125350</v>
      </c>
      <c r="DS34" s="116">
        <v>125350</v>
      </c>
      <c r="DT34" s="110">
        <v>0</v>
      </c>
      <c r="DU34" s="114">
        <v>0</v>
      </c>
      <c r="DV34" s="113">
        <v>0</v>
      </c>
      <c r="DW34" s="110">
        <v>0</v>
      </c>
      <c r="DX34" s="114">
        <v>0</v>
      </c>
      <c r="DY34" s="114">
        <v>0</v>
      </c>
      <c r="DZ34" s="114">
        <v>16904</v>
      </c>
      <c r="EA34" s="114">
        <v>0</v>
      </c>
      <c r="EB34" s="114">
        <v>108446</v>
      </c>
      <c r="EC34" s="113">
        <v>125350</v>
      </c>
      <c r="ED34" s="116">
        <v>125350</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8"/>
      <c r="FE34" s="114">
        <v>0</v>
      </c>
      <c r="FF34" s="114">
        <v>0</v>
      </c>
      <c r="FG34" s="114">
        <v>0</v>
      </c>
      <c r="FH34" s="114">
        <v>0</v>
      </c>
      <c r="FI34" s="114">
        <v>0</v>
      </c>
      <c r="FJ34" s="113">
        <v>0</v>
      </c>
      <c r="FK34" s="116">
        <v>0</v>
      </c>
      <c r="FL34" s="110">
        <v>12000</v>
      </c>
      <c r="FM34" s="114">
        <v>0</v>
      </c>
      <c r="FN34" s="113">
        <v>12000</v>
      </c>
      <c r="FO34" s="110">
        <v>0</v>
      </c>
      <c r="FP34" s="114">
        <v>34800</v>
      </c>
      <c r="FQ34" s="114">
        <v>11760</v>
      </c>
      <c r="FR34" s="114">
        <v>35760</v>
      </c>
      <c r="FS34" s="114">
        <v>39992</v>
      </c>
      <c r="FT34" s="114">
        <v>68224</v>
      </c>
      <c r="FU34" s="113">
        <v>190536</v>
      </c>
      <c r="FV34" s="116">
        <v>202536</v>
      </c>
      <c r="FW34" s="115">
        <v>12000</v>
      </c>
      <c r="FX34" s="114">
        <v>0</v>
      </c>
      <c r="FY34" s="112">
        <v>12000</v>
      </c>
      <c r="FZ34" s="111">
        <v>0</v>
      </c>
      <c r="GA34" s="114">
        <v>11480</v>
      </c>
      <c r="GB34" s="114">
        <v>11760</v>
      </c>
      <c r="GC34" s="114">
        <v>35760</v>
      </c>
      <c r="GD34" s="114">
        <v>39992</v>
      </c>
      <c r="GE34" s="114">
        <v>68224</v>
      </c>
      <c r="GF34" s="113">
        <v>167216</v>
      </c>
      <c r="GG34" s="319">
        <v>179216</v>
      </c>
      <c r="GH34" s="115">
        <v>0</v>
      </c>
      <c r="GI34" s="114">
        <v>0</v>
      </c>
      <c r="GJ34" s="112">
        <v>0</v>
      </c>
      <c r="GK34" s="111">
        <v>0</v>
      </c>
      <c r="GL34" s="114">
        <v>23320</v>
      </c>
      <c r="GM34" s="114">
        <v>0</v>
      </c>
      <c r="GN34" s="114">
        <v>0</v>
      </c>
      <c r="GO34" s="114">
        <v>0</v>
      </c>
      <c r="GP34" s="114">
        <v>0</v>
      </c>
      <c r="GQ34" s="113">
        <v>23320</v>
      </c>
      <c r="GR34" s="116">
        <v>2332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0</v>
      </c>
      <c r="HI34" s="114">
        <v>340556</v>
      </c>
      <c r="HJ34" s="114">
        <v>0</v>
      </c>
      <c r="HK34" s="114">
        <v>0</v>
      </c>
      <c r="HL34" s="114">
        <v>0</v>
      </c>
      <c r="HM34" s="113">
        <v>340556</v>
      </c>
      <c r="HN34" s="109">
        <v>340556</v>
      </c>
      <c r="HO34" s="329"/>
      <c r="HP34" s="330"/>
      <c r="HQ34" s="331"/>
      <c r="HR34" s="332"/>
      <c r="HS34" s="330"/>
      <c r="HT34" s="330"/>
      <c r="HU34" s="330"/>
      <c r="HV34" s="330"/>
      <c r="HW34" s="330"/>
      <c r="HX34" s="333"/>
      <c r="HY34" s="334"/>
      <c r="HZ34" s="150">
        <v>0</v>
      </c>
      <c r="IA34" s="135">
        <v>0</v>
      </c>
      <c r="IB34" s="150">
        <v>0</v>
      </c>
      <c r="IC34" s="134">
        <v>0</v>
      </c>
      <c r="ID34" s="135">
        <v>50648</v>
      </c>
      <c r="IE34" s="136">
        <v>18843</v>
      </c>
      <c r="IF34" s="137">
        <v>0</v>
      </c>
      <c r="IG34" s="135">
        <v>247392</v>
      </c>
      <c r="IH34" s="137">
        <v>0</v>
      </c>
      <c r="II34" s="138">
        <v>316883</v>
      </c>
      <c r="IJ34" s="150">
        <v>316883</v>
      </c>
      <c r="IK34" s="232">
        <v>0</v>
      </c>
      <c r="IL34" s="236">
        <v>0</v>
      </c>
      <c r="IM34" s="237">
        <v>0</v>
      </c>
      <c r="IN34" s="140"/>
      <c r="IO34" s="119">
        <v>0</v>
      </c>
      <c r="IP34" s="119">
        <v>0</v>
      </c>
      <c r="IQ34" s="119">
        <v>0</v>
      </c>
      <c r="IR34" s="119">
        <v>0</v>
      </c>
      <c r="IS34" s="119">
        <v>0</v>
      </c>
      <c r="IT34" s="141">
        <v>0</v>
      </c>
      <c r="IU34" s="321">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50648</v>
      </c>
      <c r="JL34" s="119">
        <v>18843</v>
      </c>
      <c r="JM34" s="119">
        <v>0</v>
      </c>
      <c r="JN34" s="119">
        <v>0</v>
      </c>
      <c r="JO34" s="119">
        <v>0</v>
      </c>
      <c r="JP34" s="120">
        <v>69491</v>
      </c>
      <c r="JQ34" s="321">
        <v>69491</v>
      </c>
      <c r="JR34" s="142">
        <v>0</v>
      </c>
      <c r="JS34" s="119">
        <v>0</v>
      </c>
      <c r="JT34" s="141">
        <v>0</v>
      </c>
      <c r="JU34" s="118">
        <v>0</v>
      </c>
      <c r="JV34" s="119">
        <v>0</v>
      </c>
      <c r="JW34" s="119">
        <v>0</v>
      </c>
      <c r="JX34" s="119">
        <v>0</v>
      </c>
      <c r="JY34" s="119">
        <v>0</v>
      </c>
      <c r="JZ34" s="119">
        <v>0</v>
      </c>
      <c r="KA34" s="120">
        <v>0</v>
      </c>
      <c r="KB34" s="321">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1">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47392</v>
      </c>
      <c r="LR34" s="119">
        <v>0</v>
      </c>
      <c r="LS34" s="120">
        <v>247392</v>
      </c>
      <c r="LT34" s="321">
        <v>247392</v>
      </c>
      <c r="LU34" s="142">
        <v>0</v>
      </c>
      <c r="LV34" s="119">
        <v>0</v>
      </c>
      <c r="LW34" s="120">
        <v>0</v>
      </c>
      <c r="LX34" s="145">
        <v>0</v>
      </c>
      <c r="LY34" s="119">
        <v>0</v>
      </c>
      <c r="LZ34" s="119">
        <v>0</v>
      </c>
      <c r="MA34" s="119">
        <v>0</v>
      </c>
      <c r="MB34" s="119">
        <v>0</v>
      </c>
      <c r="MC34" s="119">
        <v>0</v>
      </c>
      <c r="MD34" s="120">
        <v>0</v>
      </c>
      <c r="ME34" s="121">
        <v>0</v>
      </c>
      <c r="MF34" s="142">
        <v>0</v>
      </c>
      <c r="MG34" s="119">
        <v>0</v>
      </c>
      <c r="MH34" s="120">
        <v>0</v>
      </c>
      <c r="MI34" s="145"/>
      <c r="MJ34" s="119">
        <v>0</v>
      </c>
      <c r="MK34" s="119">
        <v>0</v>
      </c>
      <c r="ML34" s="119">
        <v>200496</v>
      </c>
      <c r="MM34" s="119">
        <v>0</v>
      </c>
      <c r="MN34" s="119">
        <v>439776</v>
      </c>
      <c r="MO34" s="120">
        <v>640272</v>
      </c>
      <c r="MP34" s="143">
        <v>640272</v>
      </c>
      <c r="MQ34" s="142">
        <v>0</v>
      </c>
      <c r="MR34" s="119">
        <v>0</v>
      </c>
      <c r="MS34" s="120">
        <v>0</v>
      </c>
      <c r="MT34" s="145">
        <v>0</v>
      </c>
      <c r="MU34" s="119">
        <v>0</v>
      </c>
      <c r="MV34" s="119">
        <v>0</v>
      </c>
      <c r="MW34" s="119">
        <v>200496</v>
      </c>
      <c r="MX34" s="119">
        <v>0</v>
      </c>
      <c r="MY34" s="119">
        <v>439776</v>
      </c>
      <c r="MZ34" s="120">
        <v>640272</v>
      </c>
      <c r="NA34" s="143">
        <v>640272</v>
      </c>
      <c r="NB34" s="142">
        <v>0</v>
      </c>
      <c r="NC34" s="119">
        <v>0</v>
      </c>
      <c r="ND34" s="120">
        <v>0</v>
      </c>
      <c r="NE34" s="145"/>
      <c r="NF34" s="119">
        <v>0</v>
      </c>
      <c r="NG34" s="119">
        <v>0</v>
      </c>
      <c r="NH34" s="119">
        <v>0</v>
      </c>
      <c r="NI34" s="119">
        <v>0</v>
      </c>
      <c r="NJ34" s="119">
        <v>0</v>
      </c>
      <c r="NK34" s="120">
        <v>0</v>
      </c>
      <c r="NL34" s="321">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12000</v>
      </c>
      <c r="OJ34" s="119">
        <v>14688</v>
      </c>
      <c r="OK34" s="141">
        <v>26688</v>
      </c>
      <c r="OL34" s="118">
        <v>0</v>
      </c>
      <c r="OM34" s="119">
        <v>418567</v>
      </c>
      <c r="ON34" s="119">
        <v>510063</v>
      </c>
      <c r="OO34" s="119">
        <v>426704</v>
      </c>
      <c r="OP34" s="119">
        <v>580440</v>
      </c>
      <c r="OQ34" s="119">
        <v>772670</v>
      </c>
      <c r="OR34" s="120">
        <v>2708444</v>
      </c>
      <c r="OS34" s="143">
        <v>2735132</v>
      </c>
    </row>
    <row r="35" spans="2:409" ht="20.25" customHeight="1" x14ac:dyDescent="0.2">
      <c r="B35" s="126" t="s">
        <v>30</v>
      </c>
      <c r="C35" s="110">
        <v>7600</v>
      </c>
      <c r="D35" s="114">
        <v>8896</v>
      </c>
      <c r="E35" s="174">
        <v>16496</v>
      </c>
      <c r="F35" s="175">
        <v>0</v>
      </c>
      <c r="G35" s="176">
        <v>381096</v>
      </c>
      <c r="H35" s="176">
        <v>68274</v>
      </c>
      <c r="I35" s="176">
        <v>26640</v>
      </c>
      <c r="J35" s="176">
        <v>573519</v>
      </c>
      <c r="K35" s="176">
        <v>330075</v>
      </c>
      <c r="L35" s="177">
        <v>1379604</v>
      </c>
      <c r="M35" s="116">
        <v>1396100</v>
      </c>
      <c r="N35" s="110">
        <v>0</v>
      </c>
      <c r="O35" s="114">
        <v>8096</v>
      </c>
      <c r="P35" s="113">
        <v>8096</v>
      </c>
      <c r="Q35" s="110">
        <v>0</v>
      </c>
      <c r="R35" s="114">
        <v>56088</v>
      </c>
      <c r="S35" s="114">
        <v>54674</v>
      </c>
      <c r="T35" s="114">
        <v>4720</v>
      </c>
      <c r="U35" s="114">
        <v>264585</v>
      </c>
      <c r="V35" s="114">
        <v>301475</v>
      </c>
      <c r="W35" s="113">
        <v>681542</v>
      </c>
      <c r="X35" s="116">
        <v>689638</v>
      </c>
      <c r="Y35" s="110">
        <v>0</v>
      </c>
      <c r="Z35" s="114">
        <v>0</v>
      </c>
      <c r="AA35" s="113">
        <v>0</v>
      </c>
      <c r="AB35" s="110">
        <v>0</v>
      </c>
      <c r="AC35" s="114">
        <v>0</v>
      </c>
      <c r="AD35" s="114">
        <v>52386</v>
      </c>
      <c r="AE35" s="114">
        <v>4720</v>
      </c>
      <c r="AF35" s="114">
        <v>73104</v>
      </c>
      <c r="AG35" s="114">
        <v>156904</v>
      </c>
      <c r="AH35" s="113">
        <v>287114</v>
      </c>
      <c r="AI35" s="116">
        <v>287114</v>
      </c>
      <c r="AJ35" s="110">
        <v>0</v>
      </c>
      <c r="AK35" s="114">
        <v>0</v>
      </c>
      <c r="AL35" s="113">
        <v>0</v>
      </c>
      <c r="AM35" s="110">
        <v>0</v>
      </c>
      <c r="AN35" s="114">
        <v>0</v>
      </c>
      <c r="AO35" s="114">
        <v>0</v>
      </c>
      <c r="AP35" s="114">
        <v>0</v>
      </c>
      <c r="AQ35" s="114">
        <v>90161</v>
      </c>
      <c r="AR35" s="114">
        <v>80683</v>
      </c>
      <c r="AS35" s="113">
        <v>170844</v>
      </c>
      <c r="AT35" s="116">
        <v>170844</v>
      </c>
      <c r="AU35" s="110">
        <v>0</v>
      </c>
      <c r="AV35" s="114">
        <v>8096</v>
      </c>
      <c r="AW35" s="113">
        <v>8096</v>
      </c>
      <c r="AX35" s="110">
        <v>0</v>
      </c>
      <c r="AY35" s="114">
        <v>37888</v>
      </c>
      <c r="AZ35" s="114">
        <v>0</v>
      </c>
      <c r="BA35" s="114">
        <v>0</v>
      </c>
      <c r="BB35" s="114">
        <v>70104</v>
      </c>
      <c r="BC35" s="114">
        <v>63888</v>
      </c>
      <c r="BD35" s="113">
        <v>171880</v>
      </c>
      <c r="BE35" s="116">
        <v>179976</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8200</v>
      </c>
      <c r="BV35" s="114">
        <v>2288</v>
      </c>
      <c r="BW35" s="114">
        <v>0</v>
      </c>
      <c r="BX35" s="114">
        <v>31216</v>
      </c>
      <c r="BY35" s="114">
        <v>0</v>
      </c>
      <c r="BZ35" s="113">
        <v>51704</v>
      </c>
      <c r="CA35" s="116">
        <v>51704</v>
      </c>
      <c r="CB35" s="110">
        <v>0</v>
      </c>
      <c r="CC35" s="114">
        <v>0</v>
      </c>
      <c r="CD35" s="113">
        <v>0</v>
      </c>
      <c r="CE35" s="110">
        <v>0</v>
      </c>
      <c r="CF35" s="114">
        <v>46531</v>
      </c>
      <c r="CG35" s="114">
        <v>0</v>
      </c>
      <c r="CH35" s="114">
        <v>0</v>
      </c>
      <c r="CI35" s="114">
        <v>136768</v>
      </c>
      <c r="CJ35" s="114">
        <v>0</v>
      </c>
      <c r="CK35" s="113">
        <v>183299</v>
      </c>
      <c r="CL35" s="116">
        <v>183299</v>
      </c>
      <c r="CM35" s="110">
        <v>0</v>
      </c>
      <c r="CN35" s="114">
        <v>0</v>
      </c>
      <c r="CO35" s="113">
        <v>0</v>
      </c>
      <c r="CP35" s="111">
        <v>0</v>
      </c>
      <c r="CQ35" s="114">
        <v>11776</v>
      </c>
      <c r="CR35" s="114">
        <v>0</v>
      </c>
      <c r="CS35" s="114">
        <v>0</v>
      </c>
      <c r="CT35" s="114">
        <v>136768</v>
      </c>
      <c r="CU35" s="114">
        <v>0</v>
      </c>
      <c r="CV35" s="113">
        <v>148544</v>
      </c>
      <c r="CW35" s="116">
        <v>148544</v>
      </c>
      <c r="CX35" s="110">
        <v>0</v>
      </c>
      <c r="CY35" s="114">
        <v>0</v>
      </c>
      <c r="CZ35" s="113">
        <v>0</v>
      </c>
      <c r="DA35" s="110">
        <v>0</v>
      </c>
      <c r="DB35" s="114">
        <v>34755</v>
      </c>
      <c r="DC35" s="114">
        <v>0</v>
      </c>
      <c r="DD35" s="114">
        <v>0</v>
      </c>
      <c r="DE35" s="114">
        <v>0</v>
      </c>
      <c r="DF35" s="114">
        <v>0</v>
      </c>
      <c r="DG35" s="113">
        <v>34755</v>
      </c>
      <c r="DH35" s="116">
        <v>34755</v>
      </c>
      <c r="DI35" s="110">
        <v>0</v>
      </c>
      <c r="DJ35" s="114">
        <v>0</v>
      </c>
      <c r="DK35" s="112">
        <v>0</v>
      </c>
      <c r="DL35" s="111">
        <v>0</v>
      </c>
      <c r="DM35" s="114">
        <v>29801</v>
      </c>
      <c r="DN35" s="114">
        <v>0</v>
      </c>
      <c r="DO35" s="114">
        <v>0</v>
      </c>
      <c r="DP35" s="114">
        <v>110438</v>
      </c>
      <c r="DQ35" s="114">
        <v>0</v>
      </c>
      <c r="DR35" s="113">
        <v>140239</v>
      </c>
      <c r="DS35" s="116">
        <v>140239</v>
      </c>
      <c r="DT35" s="110">
        <v>0</v>
      </c>
      <c r="DU35" s="114">
        <v>0</v>
      </c>
      <c r="DV35" s="113">
        <v>0</v>
      </c>
      <c r="DW35" s="110">
        <v>0</v>
      </c>
      <c r="DX35" s="114">
        <v>29801</v>
      </c>
      <c r="DY35" s="114">
        <v>0</v>
      </c>
      <c r="DZ35" s="114">
        <v>0</v>
      </c>
      <c r="EA35" s="114">
        <v>110438</v>
      </c>
      <c r="EB35" s="114">
        <v>0</v>
      </c>
      <c r="EC35" s="113">
        <v>140239</v>
      </c>
      <c r="ED35" s="116">
        <v>140239</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8"/>
      <c r="FE35" s="114">
        <v>0</v>
      </c>
      <c r="FF35" s="114">
        <v>0</v>
      </c>
      <c r="FG35" s="114">
        <v>0</v>
      </c>
      <c r="FH35" s="114">
        <v>0</v>
      </c>
      <c r="FI35" s="114">
        <v>0</v>
      </c>
      <c r="FJ35" s="113">
        <v>0</v>
      </c>
      <c r="FK35" s="116">
        <v>0</v>
      </c>
      <c r="FL35" s="110">
        <v>7600</v>
      </c>
      <c r="FM35" s="114">
        <v>800</v>
      </c>
      <c r="FN35" s="113">
        <v>8400</v>
      </c>
      <c r="FO35" s="110">
        <v>0</v>
      </c>
      <c r="FP35" s="114">
        <v>640</v>
      </c>
      <c r="FQ35" s="114">
        <v>13600</v>
      </c>
      <c r="FR35" s="114">
        <v>21920</v>
      </c>
      <c r="FS35" s="114">
        <v>61728</v>
      </c>
      <c r="FT35" s="114">
        <v>28600</v>
      </c>
      <c r="FU35" s="113">
        <v>126488</v>
      </c>
      <c r="FV35" s="116">
        <v>134888</v>
      </c>
      <c r="FW35" s="115">
        <v>7600</v>
      </c>
      <c r="FX35" s="114">
        <v>800</v>
      </c>
      <c r="FY35" s="112">
        <v>8400</v>
      </c>
      <c r="FZ35" s="111">
        <v>0</v>
      </c>
      <c r="GA35" s="114">
        <v>640</v>
      </c>
      <c r="GB35" s="114">
        <v>13600</v>
      </c>
      <c r="GC35" s="114">
        <v>21920</v>
      </c>
      <c r="GD35" s="114">
        <v>61728</v>
      </c>
      <c r="GE35" s="114">
        <v>28600</v>
      </c>
      <c r="GF35" s="113">
        <v>126488</v>
      </c>
      <c r="GG35" s="319">
        <v>134888</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248036</v>
      </c>
      <c r="HI35" s="114">
        <v>0</v>
      </c>
      <c r="HJ35" s="114">
        <v>0</v>
      </c>
      <c r="HK35" s="114">
        <v>0</v>
      </c>
      <c r="HL35" s="114">
        <v>0</v>
      </c>
      <c r="HM35" s="113">
        <v>248036</v>
      </c>
      <c r="HN35" s="109">
        <v>248036</v>
      </c>
      <c r="HO35" s="329"/>
      <c r="HP35" s="330"/>
      <c r="HQ35" s="331"/>
      <c r="HR35" s="332"/>
      <c r="HS35" s="330"/>
      <c r="HT35" s="330"/>
      <c r="HU35" s="330"/>
      <c r="HV35" s="330"/>
      <c r="HW35" s="330"/>
      <c r="HX35" s="333"/>
      <c r="HY35" s="334"/>
      <c r="HZ35" s="131">
        <v>26400</v>
      </c>
      <c r="IA35" s="132">
        <v>0</v>
      </c>
      <c r="IB35" s="133">
        <v>26400</v>
      </c>
      <c r="IC35" s="146">
        <v>0</v>
      </c>
      <c r="ID35" s="132">
        <v>36949</v>
      </c>
      <c r="IE35" s="147">
        <v>309992</v>
      </c>
      <c r="IF35" s="133">
        <v>0</v>
      </c>
      <c r="IG35" s="132">
        <v>230792</v>
      </c>
      <c r="IH35" s="133">
        <v>0</v>
      </c>
      <c r="II35" s="148">
        <v>577733</v>
      </c>
      <c r="IJ35" s="139">
        <v>604133</v>
      </c>
      <c r="IK35" s="232">
        <v>0</v>
      </c>
      <c r="IL35" s="236">
        <v>0</v>
      </c>
      <c r="IM35" s="237">
        <v>0</v>
      </c>
      <c r="IN35" s="140"/>
      <c r="IO35" s="119">
        <v>0</v>
      </c>
      <c r="IP35" s="119">
        <v>0</v>
      </c>
      <c r="IQ35" s="119">
        <v>0</v>
      </c>
      <c r="IR35" s="119">
        <v>0</v>
      </c>
      <c r="IS35" s="119">
        <v>0</v>
      </c>
      <c r="IT35" s="141">
        <v>0</v>
      </c>
      <c r="IU35" s="321">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36949</v>
      </c>
      <c r="JL35" s="119">
        <v>117992</v>
      </c>
      <c r="JM35" s="119">
        <v>0</v>
      </c>
      <c r="JN35" s="119">
        <v>0</v>
      </c>
      <c r="JO35" s="119">
        <v>0</v>
      </c>
      <c r="JP35" s="120">
        <v>154941</v>
      </c>
      <c r="JQ35" s="321">
        <v>154941</v>
      </c>
      <c r="JR35" s="142">
        <v>26400</v>
      </c>
      <c r="JS35" s="119">
        <v>0</v>
      </c>
      <c r="JT35" s="141">
        <v>26400</v>
      </c>
      <c r="JU35" s="118">
        <v>0</v>
      </c>
      <c r="JV35" s="119">
        <v>0</v>
      </c>
      <c r="JW35" s="119">
        <v>0</v>
      </c>
      <c r="JX35" s="119">
        <v>0</v>
      </c>
      <c r="JY35" s="119">
        <v>0</v>
      </c>
      <c r="JZ35" s="119">
        <v>0</v>
      </c>
      <c r="KA35" s="120">
        <v>0</v>
      </c>
      <c r="KB35" s="321">
        <v>26400</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192000</v>
      </c>
      <c r="KT35" s="119">
        <v>0</v>
      </c>
      <c r="KU35" s="119">
        <v>230792</v>
      </c>
      <c r="KV35" s="119">
        <v>0</v>
      </c>
      <c r="KW35" s="120">
        <v>422792</v>
      </c>
      <c r="KX35" s="321">
        <v>422792</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1">
        <v>0</v>
      </c>
      <c r="LU35" s="142">
        <v>0</v>
      </c>
      <c r="LV35" s="119">
        <v>0</v>
      </c>
      <c r="LW35" s="120">
        <v>0</v>
      </c>
      <c r="LX35" s="145">
        <v>0</v>
      </c>
      <c r="LY35" s="119">
        <v>0</v>
      </c>
      <c r="LZ35" s="119">
        <v>0</v>
      </c>
      <c r="MA35" s="119">
        <v>0</v>
      </c>
      <c r="MB35" s="119">
        <v>0</v>
      </c>
      <c r="MC35" s="119">
        <v>0</v>
      </c>
      <c r="MD35" s="120">
        <v>0</v>
      </c>
      <c r="ME35" s="121">
        <v>0</v>
      </c>
      <c r="MF35" s="142">
        <v>0</v>
      </c>
      <c r="MG35" s="119">
        <v>0</v>
      </c>
      <c r="MH35" s="120">
        <v>0</v>
      </c>
      <c r="MI35" s="145"/>
      <c r="MJ35" s="119">
        <v>197512</v>
      </c>
      <c r="MK35" s="119">
        <v>0</v>
      </c>
      <c r="ML35" s="119">
        <v>255472</v>
      </c>
      <c r="MM35" s="119">
        <v>1433734</v>
      </c>
      <c r="MN35" s="119">
        <v>676038</v>
      </c>
      <c r="MO35" s="120">
        <v>2562756</v>
      </c>
      <c r="MP35" s="143">
        <v>2562756</v>
      </c>
      <c r="MQ35" s="142">
        <v>0</v>
      </c>
      <c r="MR35" s="119">
        <v>0</v>
      </c>
      <c r="MS35" s="120">
        <v>0</v>
      </c>
      <c r="MT35" s="145">
        <v>0</v>
      </c>
      <c r="MU35" s="119">
        <v>0</v>
      </c>
      <c r="MV35" s="119">
        <v>0</v>
      </c>
      <c r="MW35" s="119">
        <v>0</v>
      </c>
      <c r="MX35" s="119">
        <v>886632</v>
      </c>
      <c r="MY35" s="119">
        <v>0</v>
      </c>
      <c r="MZ35" s="120">
        <v>886632</v>
      </c>
      <c r="NA35" s="143">
        <v>886632</v>
      </c>
      <c r="NB35" s="142">
        <v>0</v>
      </c>
      <c r="NC35" s="119">
        <v>0</v>
      </c>
      <c r="ND35" s="120">
        <v>0</v>
      </c>
      <c r="NE35" s="145"/>
      <c r="NF35" s="119">
        <v>197512</v>
      </c>
      <c r="NG35" s="119">
        <v>0</v>
      </c>
      <c r="NH35" s="119">
        <v>255472</v>
      </c>
      <c r="NI35" s="119">
        <v>547102</v>
      </c>
      <c r="NJ35" s="119">
        <v>277276</v>
      </c>
      <c r="NK35" s="120">
        <v>1277362</v>
      </c>
      <c r="NL35" s="321">
        <v>1277362</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398762</v>
      </c>
      <c r="OG35" s="120">
        <v>398762</v>
      </c>
      <c r="OH35" s="121">
        <v>398762</v>
      </c>
      <c r="OI35" s="142">
        <v>34000</v>
      </c>
      <c r="OJ35" s="119">
        <v>8896</v>
      </c>
      <c r="OK35" s="141">
        <v>42896</v>
      </c>
      <c r="OL35" s="118">
        <v>0</v>
      </c>
      <c r="OM35" s="119">
        <v>615557</v>
      </c>
      <c r="ON35" s="119">
        <v>378266</v>
      </c>
      <c r="OO35" s="119">
        <v>282112</v>
      </c>
      <c r="OP35" s="119">
        <v>2238045</v>
      </c>
      <c r="OQ35" s="119">
        <v>1006113</v>
      </c>
      <c r="OR35" s="120">
        <v>4520093</v>
      </c>
      <c r="OS35" s="143">
        <v>4562989</v>
      </c>
    </row>
    <row r="36" spans="2:409" ht="20.25" customHeight="1" x14ac:dyDescent="0.2">
      <c r="B36" s="126" t="s">
        <v>31</v>
      </c>
      <c r="C36" s="110">
        <v>38624</v>
      </c>
      <c r="D36" s="114">
        <v>2400</v>
      </c>
      <c r="E36" s="113">
        <v>41024</v>
      </c>
      <c r="F36" s="109">
        <v>0</v>
      </c>
      <c r="G36" s="114">
        <v>323716</v>
      </c>
      <c r="H36" s="114">
        <v>881481</v>
      </c>
      <c r="I36" s="114">
        <v>189936</v>
      </c>
      <c r="J36" s="114">
        <v>195960</v>
      </c>
      <c r="K36" s="114">
        <v>0</v>
      </c>
      <c r="L36" s="173">
        <v>1591093</v>
      </c>
      <c r="M36" s="116">
        <v>1632117</v>
      </c>
      <c r="N36" s="110">
        <v>0</v>
      </c>
      <c r="O36" s="114">
        <v>0</v>
      </c>
      <c r="P36" s="113">
        <v>0</v>
      </c>
      <c r="Q36" s="110">
        <v>0</v>
      </c>
      <c r="R36" s="114">
        <v>166984</v>
      </c>
      <c r="S36" s="114">
        <v>164704</v>
      </c>
      <c r="T36" s="114">
        <v>95312</v>
      </c>
      <c r="U36" s="114">
        <v>84176</v>
      </c>
      <c r="V36" s="114">
        <v>0</v>
      </c>
      <c r="W36" s="113">
        <v>511176</v>
      </c>
      <c r="X36" s="116">
        <v>511176</v>
      </c>
      <c r="Y36" s="110">
        <v>0</v>
      </c>
      <c r="Z36" s="114">
        <v>0</v>
      </c>
      <c r="AA36" s="113">
        <v>0</v>
      </c>
      <c r="AB36" s="110">
        <v>0</v>
      </c>
      <c r="AC36" s="114">
        <v>59888</v>
      </c>
      <c r="AD36" s="114">
        <v>36408</v>
      </c>
      <c r="AE36" s="114">
        <v>0</v>
      </c>
      <c r="AF36" s="114">
        <v>0</v>
      </c>
      <c r="AG36" s="114">
        <v>0</v>
      </c>
      <c r="AH36" s="113">
        <v>96296</v>
      </c>
      <c r="AI36" s="116">
        <v>96296</v>
      </c>
      <c r="AJ36" s="110">
        <v>0</v>
      </c>
      <c r="AK36" s="114">
        <v>0</v>
      </c>
      <c r="AL36" s="113">
        <v>0</v>
      </c>
      <c r="AM36" s="110">
        <v>0</v>
      </c>
      <c r="AN36" s="114">
        <v>0</v>
      </c>
      <c r="AO36" s="114">
        <v>54080</v>
      </c>
      <c r="AP36" s="114">
        <v>51920</v>
      </c>
      <c r="AQ36" s="114">
        <v>0</v>
      </c>
      <c r="AR36" s="114">
        <v>0</v>
      </c>
      <c r="AS36" s="113">
        <v>106000</v>
      </c>
      <c r="AT36" s="116">
        <v>106000</v>
      </c>
      <c r="AU36" s="110">
        <v>0</v>
      </c>
      <c r="AV36" s="114">
        <v>0</v>
      </c>
      <c r="AW36" s="113">
        <v>0</v>
      </c>
      <c r="AX36" s="110">
        <v>0</v>
      </c>
      <c r="AY36" s="114">
        <v>53064</v>
      </c>
      <c r="AZ36" s="114">
        <v>0</v>
      </c>
      <c r="BA36" s="114">
        <v>39264</v>
      </c>
      <c r="BB36" s="114">
        <v>35456</v>
      </c>
      <c r="BC36" s="114">
        <v>0</v>
      </c>
      <c r="BD36" s="113">
        <v>127784</v>
      </c>
      <c r="BE36" s="116">
        <v>127784</v>
      </c>
      <c r="BF36" s="110">
        <v>0</v>
      </c>
      <c r="BG36" s="114">
        <v>0</v>
      </c>
      <c r="BH36" s="112">
        <v>0</v>
      </c>
      <c r="BI36" s="111">
        <v>0</v>
      </c>
      <c r="BJ36" s="114">
        <v>54032</v>
      </c>
      <c r="BK36" s="114">
        <v>58944</v>
      </c>
      <c r="BL36" s="114">
        <v>0</v>
      </c>
      <c r="BM36" s="114">
        <v>43264</v>
      </c>
      <c r="BN36" s="114">
        <v>0</v>
      </c>
      <c r="BO36" s="113">
        <v>156240</v>
      </c>
      <c r="BP36" s="116">
        <v>156240</v>
      </c>
      <c r="BQ36" s="110">
        <v>0</v>
      </c>
      <c r="BR36" s="114">
        <v>0</v>
      </c>
      <c r="BS36" s="113">
        <v>0</v>
      </c>
      <c r="BT36" s="110">
        <v>0</v>
      </c>
      <c r="BU36" s="114">
        <v>0</v>
      </c>
      <c r="BV36" s="114">
        <v>15272</v>
      </c>
      <c r="BW36" s="114">
        <v>4128</v>
      </c>
      <c r="BX36" s="114">
        <v>5456</v>
      </c>
      <c r="BY36" s="114">
        <v>0</v>
      </c>
      <c r="BZ36" s="113">
        <v>24856</v>
      </c>
      <c r="CA36" s="116">
        <v>24856</v>
      </c>
      <c r="CB36" s="110">
        <v>0</v>
      </c>
      <c r="CC36" s="114">
        <v>0</v>
      </c>
      <c r="CD36" s="113">
        <v>0</v>
      </c>
      <c r="CE36" s="110">
        <v>0</v>
      </c>
      <c r="CF36" s="114">
        <v>103337</v>
      </c>
      <c r="CG36" s="114">
        <v>357837</v>
      </c>
      <c r="CH36" s="114">
        <v>14008</v>
      </c>
      <c r="CI36" s="114">
        <v>87944</v>
      </c>
      <c r="CJ36" s="114">
        <v>0</v>
      </c>
      <c r="CK36" s="113">
        <v>563126</v>
      </c>
      <c r="CL36" s="116">
        <v>563126</v>
      </c>
      <c r="CM36" s="110">
        <v>0</v>
      </c>
      <c r="CN36" s="114">
        <v>0</v>
      </c>
      <c r="CO36" s="113">
        <v>0</v>
      </c>
      <c r="CP36" s="111">
        <v>0</v>
      </c>
      <c r="CQ36" s="114">
        <v>103337</v>
      </c>
      <c r="CR36" s="114">
        <v>123216</v>
      </c>
      <c r="CS36" s="114">
        <v>14008</v>
      </c>
      <c r="CT36" s="114">
        <v>0</v>
      </c>
      <c r="CU36" s="114">
        <v>0</v>
      </c>
      <c r="CV36" s="113">
        <v>240561</v>
      </c>
      <c r="CW36" s="116">
        <v>240561</v>
      </c>
      <c r="CX36" s="110">
        <v>0</v>
      </c>
      <c r="CY36" s="114">
        <v>0</v>
      </c>
      <c r="CZ36" s="113">
        <v>0</v>
      </c>
      <c r="DA36" s="110">
        <v>0</v>
      </c>
      <c r="DB36" s="114">
        <v>0</v>
      </c>
      <c r="DC36" s="114">
        <v>234621</v>
      </c>
      <c r="DD36" s="114">
        <v>0</v>
      </c>
      <c r="DE36" s="114">
        <v>87944</v>
      </c>
      <c r="DF36" s="114">
        <v>0</v>
      </c>
      <c r="DG36" s="113">
        <v>322565</v>
      </c>
      <c r="DH36" s="116">
        <v>322565</v>
      </c>
      <c r="DI36" s="110">
        <v>0</v>
      </c>
      <c r="DJ36" s="114">
        <v>0</v>
      </c>
      <c r="DK36" s="112">
        <v>0</v>
      </c>
      <c r="DL36" s="111">
        <v>0</v>
      </c>
      <c r="DM36" s="114">
        <v>41395</v>
      </c>
      <c r="DN36" s="114">
        <v>80108</v>
      </c>
      <c r="DO36" s="114">
        <v>0</v>
      </c>
      <c r="DP36" s="114">
        <v>0</v>
      </c>
      <c r="DQ36" s="114">
        <v>0</v>
      </c>
      <c r="DR36" s="113">
        <v>121503</v>
      </c>
      <c r="DS36" s="116">
        <v>121503</v>
      </c>
      <c r="DT36" s="110">
        <v>0</v>
      </c>
      <c r="DU36" s="114">
        <v>0</v>
      </c>
      <c r="DV36" s="113">
        <v>0</v>
      </c>
      <c r="DW36" s="110">
        <v>0</v>
      </c>
      <c r="DX36" s="114">
        <v>41395</v>
      </c>
      <c r="DY36" s="114">
        <v>80108</v>
      </c>
      <c r="DZ36" s="114">
        <v>0</v>
      </c>
      <c r="EA36" s="114">
        <v>0</v>
      </c>
      <c r="EB36" s="114">
        <v>0</v>
      </c>
      <c r="EC36" s="113">
        <v>121503</v>
      </c>
      <c r="ED36" s="116">
        <v>121503</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8"/>
      <c r="FE36" s="114">
        <v>0</v>
      </c>
      <c r="FF36" s="114">
        <v>0</v>
      </c>
      <c r="FG36" s="114">
        <v>0</v>
      </c>
      <c r="FH36" s="114">
        <v>0</v>
      </c>
      <c r="FI36" s="114">
        <v>0</v>
      </c>
      <c r="FJ36" s="113">
        <v>0</v>
      </c>
      <c r="FK36" s="116">
        <v>0</v>
      </c>
      <c r="FL36" s="110">
        <v>38624</v>
      </c>
      <c r="FM36" s="114">
        <v>2400</v>
      </c>
      <c r="FN36" s="113">
        <v>41024</v>
      </c>
      <c r="FO36" s="110">
        <v>0</v>
      </c>
      <c r="FP36" s="114">
        <v>12000</v>
      </c>
      <c r="FQ36" s="114">
        <v>278832</v>
      </c>
      <c r="FR36" s="114">
        <v>38000</v>
      </c>
      <c r="FS36" s="114">
        <v>23840</v>
      </c>
      <c r="FT36" s="114">
        <v>0</v>
      </c>
      <c r="FU36" s="113">
        <v>352672</v>
      </c>
      <c r="FV36" s="116">
        <v>393696</v>
      </c>
      <c r="FW36" s="115">
        <v>10624</v>
      </c>
      <c r="FX36" s="114">
        <v>2400</v>
      </c>
      <c r="FY36" s="112">
        <v>13024</v>
      </c>
      <c r="FZ36" s="111">
        <v>0</v>
      </c>
      <c r="GA36" s="114">
        <v>12000</v>
      </c>
      <c r="GB36" s="114">
        <v>76592</v>
      </c>
      <c r="GC36" s="114">
        <v>38000</v>
      </c>
      <c r="GD36" s="114">
        <v>23840</v>
      </c>
      <c r="GE36" s="114">
        <v>0</v>
      </c>
      <c r="GF36" s="113">
        <v>150432</v>
      </c>
      <c r="GG36" s="319">
        <v>163456</v>
      </c>
      <c r="GH36" s="115">
        <v>0</v>
      </c>
      <c r="GI36" s="114">
        <v>0</v>
      </c>
      <c r="GJ36" s="112">
        <v>0</v>
      </c>
      <c r="GK36" s="111">
        <v>0</v>
      </c>
      <c r="GL36" s="114">
        <v>0</v>
      </c>
      <c r="GM36" s="114">
        <v>0</v>
      </c>
      <c r="GN36" s="114">
        <v>0</v>
      </c>
      <c r="GO36" s="114">
        <v>0</v>
      </c>
      <c r="GP36" s="114">
        <v>0</v>
      </c>
      <c r="GQ36" s="113">
        <v>0</v>
      </c>
      <c r="GR36" s="116">
        <v>0</v>
      </c>
      <c r="GS36" s="110">
        <v>28000</v>
      </c>
      <c r="GT36" s="114">
        <v>0</v>
      </c>
      <c r="GU36" s="113">
        <v>28000</v>
      </c>
      <c r="GV36" s="110">
        <v>0</v>
      </c>
      <c r="GW36" s="114">
        <v>0</v>
      </c>
      <c r="GX36" s="114">
        <v>202240</v>
      </c>
      <c r="GY36" s="114">
        <v>0</v>
      </c>
      <c r="GZ36" s="114">
        <v>0</v>
      </c>
      <c r="HA36" s="114">
        <v>0</v>
      </c>
      <c r="HB36" s="112">
        <v>202240</v>
      </c>
      <c r="HC36" s="116">
        <v>230240</v>
      </c>
      <c r="HD36" s="110">
        <v>0</v>
      </c>
      <c r="HE36" s="114">
        <v>0</v>
      </c>
      <c r="HF36" s="112">
        <v>0</v>
      </c>
      <c r="HG36" s="111">
        <v>0</v>
      </c>
      <c r="HH36" s="114">
        <v>0</v>
      </c>
      <c r="HI36" s="114">
        <v>0</v>
      </c>
      <c r="HJ36" s="114">
        <v>42616</v>
      </c>
      <c r="HK36" s="114">
        <v>0</v>
      </c>
      <c r="HL36" s="114">
        <v>0</v>
      </c>
      <c r="HM36" s="113">
        <v>42616</v>
      </c>
      <c r="HN36" s="109">
        <v>42616</v>
      </c>
      <c r="HO36" s="329"/>
      <c r="HP36" s="330"/>
      <c r="HQ36" s="331"/>
      <c r="HR36" s="332"/>
      <c r="HS36" s="330"/>
      <c r="HT36" s="330"/>
      <c r="HU36" s="330"/>
      <c r="HV36" s="330"/>
      <c r="HW36" s="330"/>
      <c r="HX36" s="333"/>
      <c r="HY36" s="334"/>
      <c r="HZ36" s="150">
        <v>0</v>
      </c>
      <c r="IA36" s="135">
        <v>0</v>
      </c>
      <c r="IB36" s="150">
        <v>0</v>
      </c>
      <c r="IC36" s="134">
        <v>0</v>
      </c>
      <c r="ID36" s="135">
        <v>187591</v>
      </c>
      <c r="IE36" s="136">
        <v>479521</v>
      </c>
      <c r="IF36" s="137">
        <v>136196</v>
      </c>
      <c r="IG36" s="135">
        <v>239352</v>
      </c>
      <c r="IH36" s="137">
        <v>0</v>
      </c>
      <c r="II36" s="138">
        <v>1042660</v>
      </c>
      <c r="IJ36" s="150">
        <v>1042660</v>
      </c>
      <c r="IK36" s="232">
        <v>0</v>
      </c>
      <c r="IL36" s="236">
        <v>0</v>
      </c>
      <c r="IM36" s="237">
        <v>0</v>
      </c>
      <c r="IN36" s="140"/>
      <c r="IO36" s="119">
        <v>0</v>
      </c>
      <c r="IP36" s="119">
        <v>0</v>
      </c>
      <c r="IQ36" s="119">
        <v>0</v>
      </c>
      <c r="IR36" s="119">
        <v>0</v>
      </c>
      <c r="IS36" s="119">
        <v>0</v>
      </c>
      <c r="IT36" s="141">
        <v>0</v>
      </c>
      <c r="IU36" s="321">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53063</v>
      </c>
      <c r="JL36" s="119">
        <v>13708</v>
      </c>
      <c r="JM36" s="119">
        <v>0</v>
      </c>
      <c r="JN36" s="119">
        <v>0</v>
      </c>
      <c r="JO36" s="119">
        <v>0</v>
      </c>
      <c r="JP36" s="120">
        <v>66771</v>
      </c>
      <c r="JQ36" s="321">
        <v>66771</v>
      </c>
      <c r="JR36" s="142">
        <v>0</v>
      </c>
      <c r="JS36" s="119">
        <v>0</v>
      </c>
      <c r="JT36" s="141">
        <v>0</v>
      </c>
      <c r="JU36" s="118">
        <v>0</v>
      </c>
      <c r="JV36" s="119">
        <v>0</v>
      </c>
      <c r="JW36" s="119">
        <v>0</v>
      </c>
      <c r="JX36" s="119">
        <v>136196</v>
      </c>
      <c r="JY36" s="119">
        <v>0</v>
      </c>
      <c r="JZ36" s="119">
        <v>0</v>
      </c>
      <c r="KA36" s="120">
        <v>136196</v>
      </c>
      <c r="KB36" s="321">
        <v>136196</v>
      </c>
      <c r="KC36" s="234">
        <v>0</v>
      </c>
      <c r="KD36" s="230">
        <v>0</v>
      </c>
      <c r="KE36" s="120">
        <v>0</v>
      </c>
      <c r="KF36" s="118">
        <v>0</v>
      </c>
      <c r="KG36" s="119">
        <v>134528</v>
      </c>
      <c r="KH36" s="119">
        <v>0</v>
      </c>
      <c r="KI36" s="119">
        <v>0</v>
      </c>
      <c r="KJ36" s="119">
        <v>0</v>
      </c>
      <c r="KK36" s="119">
        <v>0</v>
      </c>
      <c r="KL36" s="120">
        <v>134528</v>
      </c>
      <c r="KM36" s="143">
        <v>134528</v>
      </c>
      <c r="KN36" s="232">
        <v>0</v>
      </c>
      <c r="KO36" s="236">
        <v>0</v>
      </c>
      <c r="KP36" s="237">
        <v>0</v>
      </c>
      <c r="KQ36" s="140"/>
      <c r="KR36" s="119">
        <v>0</v>
      </c>
      <c r="KS36" s="119">
        <v>465813</v>
      </c>
      <c r="KT36" s="119">
        <v>0</v>
      </c>
      <c r="KU36" s="119">
        <v>239352</v>
      </c>
      <c r="KV36" s="119">
        <v>0</v>
      </c>
      <c r="KW36" s="120">
        <v>705165</v>
      </c>
      <c r="KX36" s="321">
        <v>705165</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1">
        <v>0</v>
      </c>
      <c r="LU36" s="142">
        <v>0</v>
      </c>
      <c r="LV36" s="119">
        <v>0</v>
      </c>
      <c r="LW36" s="120">
        <v>0</v>
      </c>
      <c r="LX36" s="145">
        <v>0</v>
      </c>
      <c r="LY36" s="119">
        <v>0</v>
      </c>
      <c r="LZ36" s="119">
        <v>0</v>
      </c>
      <c r="MA36" s="119">
        <v>0</v>
      </c>
      <c r="MB36" s="119">
        <v>0</v>
      </c>
      <c r="MC36" s="119">
        <v>0</v>
      </c>
      <c r="MD36" s="120">
        <v>0</v>
      </c>
      <c r="ME36" s="121">
        <v>0</v>
      </c>
      <c r="MF36" s="142">
        <v>0</v>
      </c>
      <c r="MG36" s="119">
        <v>0</v>
      </c>
      <c r="MH36" s="120">
        <v>0</v>
      </c>
      <c r="MI36" s="145"/>
      <c r="MJ36" s="119">
        <v>0</v>
      </c>
      <c r="MK36" s="119">
        <v>223721</v>
      </c>
      <c r="ML36" s="119">
        <v>417288</v>
      </c>
      <c r="MM36" s="119">
        <v>169175</v>
      </c>
      <c r="MN36" s="119">
        <v>250992</v>
      </c>
      <c r="MO36" s="120">
        <v>1061176</v>
      </c>
      <c r="MP36" s="143">
        <v>1061176</v>
      </c>
      <c r="MQ36" s="142">
        <v>0</v>
      </c>
      <c r="MR36" s="119">
        <v>0</v>
      </c>
      <c r="MS36" s="120">
        <v>0</v>
      </c>
      <c r="MT36" s="145">
        <v>0</v>
      </c>
      <c r="MU36" s="119">
        <v>0</v>
      </c>
      <c r="MV36" s="119">
        <v>0</v>
      </c>
      <c r="MW36" s="119">
        <v>417288</v>
      </c>
      <c r="MX36" s="119">
        <v>169175</v>
      </c>
      <c r="MY36" s="119">
        <v>0</v>
      </c>
      <c r="MZ36" s="120">
        <v>586463</v>
      </c>
      <c r="NA36" s="143">
        <v>586463</v>
      </c>
      <c r="NB36" s="142">
        <v>0</v>
      </c>
      <c r="NC36" s="119">
        <v>0</v>
      </c>
      <c r="ND36" s="120">
        <v>0</v>
      </c>
      <c r="NE36" s="145"/>
      <c r="NF36" s="119">
        <v>0</v>
      </c>
      <c r="NG36" s="119">
        <v>223721</v>
      </c>
      <c r="NH36" s="119">
        <v>0</v>
      </c>
      <c r="NI36" s="119">
        <v>0</v>
      </c>
      <c r="NJ36" s="119">
        <v>250992</v>
      </c>
      <c r="NK36" s="120">
        <v>474713</v>
      </c>
      <c r="NL36" s="321">
        <v>474713</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38624</v>
      </c>
      <c r="OJ36" s="119">
        <v>2400</v>
      </c>
      <c r="OK36" s="141">
        <v>41024</v>
      </c>
      <c r="OL36" s="118">
        <v>0</v>
      </c>
      <c r="OM36" s="119">
        <v>511307</v>
      </c>
      <c r="ON36" s="119">
        <v>1584723</v>
      </c>
      <c r="OO36" s="119">
        <v>743420</v>
      </c>
      <c r="OP36" s="119">
        <v>604487</v>
      </c>
      <c r="OQ36" s="119">
        <v>250992</v>
      </c>
      <c r="OR36" s="120">
        <v>3694929</v>
      </c>
      <c r="OS36" s="143">
        <v>3735953</v>
      </c>
    </row>
    <row r="37" spans="2:409" ht="20.25" customHeight="1" x14ac:dyDescent="0.2">
      <c r="B37" s="126" t="s">
        <v>32</v>
      </c>
      <c r="C37" s="110">
        <v>0</v>
      </c>
      <c r="D37" s="114">
        <v>125624</v>
      </c>
      <c r="E37" s="174">
        <v>125624</v>
      </c>
      <c r="F37" s="175">
        <v>0</v>
      </c>
      <c r="G37" s="176">
        <v>354548</v>
      </c>
      <c r="H37" s="176">
        <v>492878</v>
      </c>
      <c r="I37" s="176">
        <v>572699</v>
      </c>
      <c r="J37" s="176">
        <v>693600</v>
      </c>
      <c r="K37" s="176">
        <v>557490</v>
      </c>
      <c r="L37" s="177">
        <v>2671215</v>
      </c>
      <c r="M37" s="116">
        <v>2796839</v>
      </c>
      <c r="N37" s="110">
        <v>0</v>
      </c>
      <c r="O37" s="114">
        <v>28536</v>
      </c>
      <c r="P37" s="113">
        <v>28536</v>
      </c>
      <c r="Q37" s="110">
        <v>0</v>
      </c>
      <c r="R37" s="114">
        <v>72936</v>
      </c>
      <c r="S37" s="114">
        <v>228310</v>
      </c>
      <c r="T37" s="114">
        <v>139586</v>
      </c>
      <c r="U37" s="114">
        <v>274512</v>
      </c>
      <c r="V37" s="114">
        <v>228393</v>
      </c>
      <c r="W37" s="113">
        <v>943737</v>
      </c>
      <c r="X37" s="116">
        <v>972273</v>
      </c>
      <c r="Y37" s="110">
        <v>0</v>
      </c>
      <c r="Z37" s="114">
        <v>0</v>
      </c>
      <c r="AA37" s="113">
        <v>0</v>
      </c>
      <c r="AB37" s="110">
        <v>0</v>
      </c>
      <c r="AC37" s="114">
        <v>8728</v>
      </c>
      <c r="AD37" s="114">
        <v>107350</v>
      </c>
      <c r="AE37" s="114">
        <v>65252</v>
      </c>
      <c r="AF37" s="114">
        <v>192880</v>
      </c>
      <c r="AG37" s="114">
        <v>182752</v>
      </c>
      <c r="AH37" s="113">
        <v>556962</v>
      </c>
      <c r="AI37" s="116">
        <v>556962</v>
      </c>
      <c r="AJ37" s="110">
        <v>0</v>
      </c>
      <c r="AK37" s="114">
        <v>0</v>
      </c>
      <c r="AL37" s="113">
        <v>0</v>
      </c>
      <c r="AM37" s="110">
        <v>0</v>
      </c>
      <c r="AN37" s="114">
        <v>0</v>
      </c>
      <c r="AO37" s="114">
        <v>0</v>
      </c>
      <c r="AP37" s="114">
        <v>0</v>
      </c>
      <c r="AQ37" s="114">
        <v>0</v>
      </c>
      <c r="AR37" s="114">
        <v>45641</v>
      </c>
      <c r="AS37" s="113">
        <v>45641</v>
      </c>
      <c r="AT37" s="116">
        <v>45641</v>
      </c>
      <c r="AU37" s="110">
        <v>0</v>
      </c>
      <c r="AV37" s="114">
        <v>18160</v>
      </c>
      <c r="AW37" s="113">
        <v>18160</v>
      </c>
      <c r="AX37" s="110">
        <v>0</v>
      </c>
      <c r="AY37" s="114">
        <v>64208</v>
      </c>
      <c r="AZ37" s="114">
        <v>29728</v>
      </c>
      <c r="BA37" s="114">
        <v>41070</v>
      </c>
      <c r="BB37" s="114">
        <v>18160</v>
      </c>
      <c r="BC37" s="114">
        <v>0</v>
      </c>
      <c r="BD37" s="113">
        <v>153166</v>
      </c>
      <c r="BE37" s="116">
        <v>171326</v>
      </c>
      <c r="BF37" s="110">
        <v>0</v>
      </c>
      <c r="BG37" s="114">
        <v>0</v>
      </c>
      <c r="BH37" s="112">
        <v>0</v>
      </c>
      <c r="BI37" s="111">
        <v>0</v>
      </c>
      <c r="BJ37" s="114">
        <v>0</v>
      </c>
      <c r="BK37" s="114">
        <v>81632</v>
      </c>
      <c r="BL37" s="114">
        <v>0</v>
      </c>
      <c r="BM37" s="114">
        <v>0</v>
      </c>
      <c r="BN37" s="114">
        <v>0</v>
      </c>
      <c r="BO37" s="113">
        <v>81632</v>
      </c>
      <c r="BP37" s="116">
        <v>81632</v>
      </c>
      <c r="BQ37" s="110">
        <v>0</v>
      </c>
      <c r="BR37" s="114">
        <v>10376</v>
      </c>
      <c r="BS37" s="113">
        <v>10376</v>
      </c>
      <c r="BT37" s="110">
        <v>0</v>
      </c>
      <c r="BU37" s="114">
        <v>0</v>
      </c>
      <c r="BV37" s="114">
        <v>9600</v>
      </c>
      <c r="BW37" s="114">
        <v>33264</v>
      </c>
      <c r="BX37" s="114">
        <v>63472</v>
      </c>
      <c r="BY37" s="114">
        <v>0</v>
      </c>
      <c r="BZ37" s="113">
        <v>106336</v>
      </c>
      <c r="CA37" s="116">
        <v>116712</v>
      </c>
      <c r="CB37" s="110">
        <v>0</v>
      </c>
      <c r="CC37" s="114">
        <v>0</v>
      </c>
      <c r="CD37" s="113">
        <v>0</v>
      </c>
      <c r="CE37" s="110">
        <v>0</v>
      </c>
      <c r="CF37" s="114">
        <v>249364</v>
      </c>
      <c r="CG37" s="114">
        <v>31848</v>
      </c>
      <c r="CH37" s="114">
        <v>114915</v>
      </c>
      <c r="CI37" s="114">
        <v>0</v>
      </c>
      <c r="CJ37" s="114">
        <v>209640</v>
      </c>
      <c r="CK37" s="113">
        <v>605767</v>
      </c>
      <c r="CL37" s="116">
        <v>605767</v>
      </c>
      <c r="CM37" s="110">
        <v>0</v>
      </c>
      <c r="CN37" s="114">
        <v>0</v>
      </c>
      <c r="CO37" s="113">
        <v>0</v>
      </c>
      <c r="CP37" s="111">
        <v>0</v>
      </c>
      <c r="CQ37" s="114">
        <v>169328</v>
      </c>
      <c r="CR37" s="114">
        <v>31848</v>
      </c>
      <c r="CS37" s="114">
        <v>114915</v>
      </c>
      <c r="CT37" s="114">
        <v>0</v>
      </c>
      <c r="CU37" s="114">
        <v>86442</v>
      </c>
      <c r="CV37" s="113">
        <v>402533</v>
      </c>
      <c r="CW37" s="116">
        <v>402533</v>
      </c>
      <c r="CX37" s="110">
        <v>0</v>
      </c>
      <c r="CY37" s="114">
        <v>0</v>
      </c>
      <c r="CZ37" s="113">
        <v>0</v>
      </c>
      <c r="DA37" s="110">
        <v>0</v>
      </c>
      <c r="DB37" s="114">
        <v>80036</v>
      </c>
      <c r="DC37" s="114">
        <v>0</v>
      </c>
      <c r="DD37" s="114">
        <v>0</v>
      </c>
      <c r="DE37" s="114">
        <v>0</v>
      </c>
      <c r="DF37" s="114">
        <v>123198</v>
      </c>
      <c r="DG37" s="113">
        <v>203234</v>
      </c>
      <c r="DH37" s="116">
        <v>203234</v>
      </c>
      <c r="DI37" s="110">
        <v>0</v>
      </c>
      <c r="DJ37" s="114">
        <v>0</v>
      </c>
      <c r="DK37" s="112">
        <v>0</v>
      </c>
      <c r="DL37" s="111">
        <v>0</v>
      </c>
      <c r="DM37" s="114">
        <v>14408</v>
      </c>
      <c r="DN37" s="114">
        <v>0</v>
      </c>
      <c r="DO37" s="114">
        <v>81808</v>
      </c>
      <c r="DP37" s="114">
        <v>0</v>
      </c>
      <c r="DQ37" s="114">
        <v>66177</v>
      </c>
      <c r="DR37" s="113">
        <v>162393</v>
      </c>
      <c r="DS37" s="116">
        <v>162393</v>
      </c>
      <c r="DT37" s="110">
        <v>0</v>
      </c>
      <c r="DU37" s="114">
        <v>0</v>
      </c>
      <c r="DV37" s="113">
        <v>0</v>
      </c>
      <c r="DW37" s="110">
        <v>0</v>
      </c>
      <c r="DX37" s="114">
        <v>14408</v>
      </c>
      <c r="DY37" s="114">
        <v>0</v>
      </c>
      <c r="DZ37" s="114">
        <v>81808</v>
      </c>
      <c r="EA37" s="114">
        <v>0</v>
      </c>
      <c r="EB37" s="114">
        <v>66177</v>
      </c>
      <c r="EC37" s="113">
        <v>162393</v>
      </c>
      <c r="ED37" s="116">
        <v>162393</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8"/>
      <c r="FE37" s="114">
        <v>0</v>
      </c>
      <c r="FF37" s="114">
        <v>0</v>
      </c>
      <c r="FG37" s="114">
        <v>0</v>
      </c>
      <c r="FH37" s="114">
        <v>0</v>
      </c>
      <c r="FI37" s="114">
        <v>0</v>
      </c>
      <c r="FJ37" s="113">
        <v>0</v>
      </c>
      <c r="FK37" s="116">
        <v>0</v>
      </c>
      <c r="FL37" s="110">
        <v>0</v>
      </c>
      <c r="FM37" s="114">
        <v>12800</v>
      </c>
      <c r="FN37" s="113">
        <v>12800</v>
      </c>
      <c r="FO37" s="110">
        <v>0</v>
      </c>
      <c r="FP37" s="114">
        <v>17840</v>
      </c>
      <c r="FQ37" s="114">
        <v>69232</v>
      </c>
      <c r="FR37" s="114">
        <v>54526</v>
      </c>
      <c r="FS37" s="114">
        <v>22544</v>
      </c>
      <c r="FT37" s="114">
        <v>53280</v>
      </c>
      <c r="FU37" s="113">
        <v>217422</v>
      </c>
      <c r="FV37" s="116">
        <v>230222</v>
      </c>
      <c r="FW37" s="115">
        <v>0</v>
      </c>
      <c r="FX37" s="114">
        <v>12800</v>
      </c>
      <c r="FY37" s="112">
        <v>12800</v>
      </c>
      <c r="FZ37" s="111">
        <v>0</v>
      </c>
      <c r="GA37" s="114">
        <v>17840</v>
      </c>
      <c r="GB37" s="114">
        <v>69232</v>
      </c>
      <c r="GC37" s="114">
        <v>45176</v>
      </c>
      <c r="GD37" s="114">
        <v>22544</v>
      </c>
      <c r="GE37" s="114">
        <v>53280</v>
      </c>
      <c r="GF37" s="113">
        <v>208072</v>
      </c>
      <c r="GG37" s="319">
        <v>220872</v>
      </c>
      <c r="GH37" s="115">
        <v>0</v>
      </c>
      <c r="GI37" s="114">
        <v>0</v>
      </c>
      <c r="GJ37" s="112">
        <v>0</v>
      </c>
      <c r="GK37" s="111">
        <v>0</v>
      </c>
      <c r="GL37" s="114">
        <v>0</v>
      </c>
      <c r="GM37" s="114">
        <v>0</v>
      </c>
      <c r="GN37" s="114">
        <v>9350</v>
      </c>
      <c r="GO37" s="114">
        <v>0</v>
      </c>
      <c r="GP37" s="114">
        <v>0</v>
      </c>
      <c r="GQ37" s="113">
        <v>9350</v>
      </c>
      <c r="GR37" s="116">
        <v>9350</v>
      </c>
      <c r="GS37" s="110">
        <v>0</v>
      </c>
      <c r="GT37" s="114">
        <v>0</v>
      </c>
      <c r="GU37" s="113">
        <v>0</v>
      </c>
      <c r="GV37" s="110">
        <v>0</v>
      </c>
      <c r="GW37" s="114">
        <v>0</v>
      </c>
      <c r="GX37" s="114">
        <v>0</v>
      </c>
      <c r="GY37" s="114">
        <v>0</v>
      </c>
      <c r="GZ37" s="114">
        <v>0</v>
      </c>
      <c r="HA37" s="114">
        <v>0</v>
      </c>
      <c r="HB37" s="112">
        <v>0</v>
      </c>
      <c r="HC37" s="116">
        <v>0</v>
      </c>
      <c r="HD37" s="110">
        <v>0</v>
      </c>
      <c r="HE37" s="114">
        <v>84288</v>
      </c>
      <c r="HF37" s="112">
        <v>84288</v>
      </c>
      <c r="HG37" s="111">
        <v>0</v>
      </c>
      <c r="HH37" s="114">
        <v>0</v>
      </c>
      <c r="HI37" s="114">
        <v>163488</v>
      </c>
      <c r="HJ37" s="114">
        <v>181864</v>
      </c>
      <c r="HK37" s="114">
        <v>396544</v>
      </c>
      <c r="HL37" s="114">
        <v>0</v>
      </c>
      <c r="HM37" s="113">
        <v>741896</v>
      </c>
      <c r="HN37" s="109">
        <v>826184</v>
      </c>
      <c r="HO37" s="329"/>
      <c r="HP37" s="330"/>
      <c r="HQ37" s="331"/>
      <c r="HR37" s="332"/>
      <c r="HS37" s="330"/>
      <c r="HT37" s="330"/>
      <c r="HU37" s="330"/>
      <c r="HV37" s="330"/>
      <c r="HW37" s="330"/>
      <c r="HX37" s="333"/>
      <c r="HY37" s="334"/>
      <c r="HZ37" s="131">
        <v>0</v>
      </c>
      <c r="IA37" s="132">
        <v>0</v>
      </c>
      <c r="IB37" s="133">
        <v>0</v>
      </c>
      <c r="IC37" s="146">
        <v>0</v>
      </c>
      <c r="ID37" s="132">
        <v>68789</v>
      </c>
      <c r="IE37" s="147">
        <v>122176</v>
      </c>
      <c r="IF37" s="133">
        <v>677288</v>
      </c>
      <c r="IG37" s="132">
        <v>129472</v>
      </c>
      <c r="IH37" s="133">
        <v>42134</v>
      </c>
      <c r="II37" s="148">
        <v>1039859</v>
      </c>
      <c r="IJ37" s="139">
        <v>1039859</v>
      </c>
      <c r="IK37" s="232">
        <v>0</v>
      </c>
      <c r="IL37" s="236">
        <v>0</v>
      </c>
      <c r="IM37" s="237">
        <v>0</v>
      </c>
      <c r="IN37" s="140"/>
      <c r="IO37" s="119">
        <v>0</v>
      </c>
      <c r="IP37" s="119">
        <v>0</v>
      </c>
      <c r="IQ37" s="119">
        <v>0</v>
      </c>
      <c r="IR37" s="119">
        <v>0</v>
      </c>
      <c r="IS37" s="119">
        <v>0</v>
      </c>
      <c r="IT37" s="141">
        <v>0</v>
      </c>
      <c r="IU37" s="321">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68789</v>
      </c>
      <c r="JL37" s="119">
        <v>122176</v>
      </c>
      <c r="JM37" s="119">
        <v>18400</v>
      </c>
      <c r="JN37" s="119">
        <v>0</v>
      </c>
      <c r="JO37" s="119">
        <v>42134</v>
      </c>
      <c r="JP37" s="120">
        <v>251499</v>
      </c>
      <c r="JQ37" s="321">
        <v>251499</v>
      </c>
      <c r="JR37" s="142">
        <v>0</v>
      </c>
      <c r="JS37" s="119">
        <v>0</v>
      </c>
      <c r="JT37" s="141">
        <v>0</v>
      </c>
      <c r="JU37" s="118">
        <v>0</v>
      </c>
      <c r="JV37" s="119">
        <v>0</v>
      </c>
      <c r="JW37" s="119">
        <v>0</v>
      </c>
      <c r="JX37" s="119">
        <v>0</v>
      </c>
      <c r="JY37" s="119">
        <v>129472</v>
      </c>
      <c r="JZ37" s="119">
        <v>0</v>
      </c>
      <c r="KA37" s="120">
        <v>129472</v>
      </c>
      <c r="KB37" s="321">
        <v>129472</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465648</v>
      </c>
      <c r="KU37" s="119">
        <v>0</v>
      </c>
      <c r="KV37" s="119">
        <v>0</v>
      </c>
      <c r="KW37" s="120">
        <v>465648</v>
      </c>
      <c r="KX37" s="321">
        <v>465648</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193240</v>
      </c>
      <c r="LQ37" s="119">
        <v>0</v>
      </c>
      <c r="LR37" s="119">
        <v>0</v>
      </c>
      <c r="LS37" s="120">
        <v>193240</v>
      </c>
      <c r="LT37" s="321">
        <v>193240</v>
      </c>
      <c r="LU37" s="142">
        <v>0</v>
      </c>
      <c r="LV37" s="119">
        <v>0</v>
      </c>
      <c r="LW37" s="120">
        <v>0</v>
      </c>
      <c r="LX37" s="145">
        <v>0</v>
      </c>
      <c r="LY37" s="119">
        <v>0</v>
      </c>
      <c r="LZ37" s="119">
        <v>0</v>
      </c>
      <c r="MA37" s="119">
        <v>0</v>
      </c>
      <c r="MB37" s="119">
        <v>0</v>
      </c>
      <c r="MC37" s="119">
        <v>0</v>
      </c>
      <c r="MD37" s="120">
        <v>0</v>
      </c>
      <c r="ME37" s="121">
        <v>0</v>
      </c>
      <c r="MF37" s="142">
        <v>0</v>
      </c>
      <c r="MG37" s="119">
        <v>0</v>
      </c>
      <c r="MH37" s="120">
        <v>0</v>
      </c>
      <c r="MI37" s="145"/>
      <c r="MJ37" s="119">
        <v>222208</v>
      </c>
      <c r="MK37" s="119">
        <v>0</v>
      </c>
      <c r="ML37" s="119">
        <v>260672</v>
      </c>
      <c r="MM37" s="119">
        <v>495504</v>
      </c>
      <c r="MN37" s="119">
        <v>570089</v>
      </c>
      <c r="MO37" s="120">
        <v>1548473</v>
      </c>
      <c r="MP37" s="143">
        <v>1548473</v>
      </c>
      <c r="MQ37" s="142">
        <v>0</v>
      </c>
      <c r="MR37" s="119">
        <v>0</v>
      </c>
      <c r="MS37" s="120">
        <v>0</v>
      </c>
      <c r="MT37" s="145">
        <v>0</v>
      </c>
      <c r="MU37" s="119">
        <v>0</v>
      </c>
      <c r="MV37" s="119">
        <v>0</v>
      </c>
      <c r="MW37" s="119">
        <v>0</v>
      </c>
      <c r="MX37" s="119">
        <v>495504</v>
      </c>
      <c r="MY37" s="119">
        <v>268528</v>
      </c>
      <c r="MZ37" s="120">
        <v>764032</v>
      </c>
      <c r="NA37" s="143">
        <v>764032</v>
      </c>
      <c r="NB37" s="142">
        <v>0</v>
      </c>
      <c r="NC37" s="119">
        <v>0</v>
      </c>
      <c r="ND37" s="120">
        <v>0</v>
      </c>
      <c r="NE37" s="145"/>
      <c r="NF37" s="119">
        <v>222208</v>
      </c>
      <c r="NG37" s="119">
        <v>0</v>
      </c>
      <c r="NH37" s="119">
        <v>260672</v>
      </c>
      <c r="NI37" s="119">
        <v>0</v>
      </c>
      <c r="NJ37" s="119">
        <v>301561</v>
      </c>
      <c r="NK37" s="120">
        <v>784441</v>
      </c>
      <c r="NL37" s="321">
        <v>784441</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125624</v>
      </c>
      <c r="OK37" s="141">
        <v>125624</v>
      </c>
      <c r="OL37" s="118">
        <v>0</v>
      </c>
      <c r="OM37" s="119">
        <v>645545</v>
      </c>
      <c r="ON37" s="119">
        <v>615054</v>
      </c>
      <c r="OO37" s="119">
        <v>1510659</v>
      </c>
      <c r="OP37" s="119">
        <v>1318576</v>
      </c>
      <c r="OQ37" s="119">
        <v>1169713</v>
      </c>
      <c r="OR37" s="120">
        <v>5259547</v>
      </c>
      <c r="OS37" s="143">
        <v>5385171</v>
      </c>
    </row>
    <row r="38" spans="2:409" ht="20.25" customHeight="1" x14ac:dyDescent="0.2">
      <c r="B38" s="126" t="s">
        <v>33</v>
      </c>
      <c r="C38" s="110">
        <v>85547</v>
      </c>
      <c r="D38" s="114">
        <v>135044</v>
      </c>
      <c r="E38" s="113">
        <v>220591</v>
      </c>
      <c r="F38" s="109">
        <v>0</v>
      </c>
      <c r="G38" s="114">
        <v>206081</v>
      </c>
      <c r="H38" s="114">
        <v>71458</v>
      </c>
      <c r="I38" s="114">
        <v>352567</v>
      </c>
      <c r="J38" s="114">
        <v>0</v>
      </c>
      <c r="K38" s="114">
        <v>0</v>
      </c>
      <c r="L38" s="173">
        <v>630106</v>
      </c>
      <c r="M38" s="116">
        <v>850697</v>
      </c>
      <c r="N38" s="110">
        <v>62580</v>
      </c>
      <c r="O38" s="114">
        <v>63068</v>
      </c>
      <c r="P38" s="113">
        <v>125648</v>
      </c>
      <c r="Q38" s="110">
        <v>0</v>
      </c>
      <c r="R38" s="114">
        <v>105764</v>
      </c>
      <c r="S38" s="114">
        <v>0</v>
      </c>
      <c r="T38" s="114">
        <v>4768</v>
      </c>
      <c r="U38" s="114">
        <v>0</v>
      </c>
      <c r="V38" s="114">
        <v>0</v>
      </c>
      <c r="W38" s="113">
        <v>110532</v>
      </c>
      <c r="X38" s="116">
        <v>236180</v>
      </c>
      <c r="Y38" s="110">
        <v>0</v>
      </c>
      <c r="Z38" s="114">
        <v>0</v>
      </c>
      <c r="AA38" s="113">
        <v>0</v>
      </c>
      <c r="AB38" s="110">
        <v>0</v>
      </c>
      <c r="AC38" s="114">
        <v>15396</v>
      </c>
      <c r="AD38" s="114">
        <v>0</v>
      </c>
      <c r="AE38" s="114">
        <v>0</v>
      </c>
      <c r="AF38" s="114">
        <v>0</v>
      </c>
      <c r="AG38" s="114">
        <v>0</v>
      </c>
      <c r="AH38" s="113">
        <v>15396</v>
      </c>
      <c r="AI38" s="116">
        <v>15396</v>
      </c>
      <c r="AJ38" s="110">
        <v>0</v>
      </c>
      <c r="AK38" s="114">
        <v>0</v>
      </c>
      <c r="AL38" s="113">
        <v>0</v>
      </c>
      <c r="AM38" s="110">
        <v>0</v>
      </c>
      <c r="AN38" s="114">
        <v>0</v>
      </c>
      <c r="AO38" s="114">
        <v>0</v>
      </c>
      <c r="AP38" s="114">
        <v>0</v>
      </c>
      <c r="AQ38" s="114">
        <v>0</v>
      </c>
      <c r="AR38" s="114">
        <v>0</v>
      </c>
      <c r="AS38" s="113">
        <v>0</v>
      </c>
      <c r="AT38" s="116">
        <v>0</v>
      </c>
      <c r="AU38" s="110">
        <v>0</v>
      </c>
      <c r="AV38" s="114">
        <v>0</v>
      </c>
      <c r="AW38" s="113">
        <v>0</v>
      </c>
      <c r="AX38" s="110">
        <v>0</v>
      </c>
      <c r="AY38" s="114">
        <v>81464</v>
      </c>
      <c r="AZ38" s="114">
        <v>0</v>
      </c>
      <c r="BA38" s="114">
        <v>0</v>
      </c>
      <c r="BB38" s="114">
        <v>0</v>
      </c>
      <c r="BC38" s="114">
        <v>0</v>
      </c>
      <c r="BD38" s="113">
        <v>81464</v>
      </c>
      <c r="BE38" s="116">
        <v>81464</v>
      </c>
      <c r="BF38" s="110">
        <v>62580</v>
      </c>
      <c r="BG38" s="114">
        <v>63068</v>
      </c>
      <c r="BH38" s="112">
        <v>125648</v>
      </c>
      <c r="BI38" s="111">
        <v>0</v>
      </c>
      <c r="BJ38" s="114">
        <v>0</v>
      </c>
      <c r="BK38" s="114">
        <v>0</v>
      </c>
      <c r="BL38" s="114">
        <v>0</v>
      </c>
      <c r="BM38" s="114">
        <v>0</v>
      </c>
      <c r="BN38" s="114">
        <v>0</v>
      </c>
      <c r="BO38" s="113">
        <v>0</v>
      </c>
      <c r="BP38" s="116">
        <v>125648</v>
      </c>
      <c r="BQ38" s="110">
        <v>0</v>
      </c>
      <c r="BR38" s="114">
        <v>0</v>
      </c>
      <c r="BS38" s="113">
        <v>0</v>
      </c>
      <c r="BT38" s="110">
        <v>0</v>
      </c>
      <c r="BU38" s="114">
        <v>8904</v>
      </c>
      <c r="BV38" s="114">
        <v>0</v>
      </c>
      <c r="BW38" s="114">
        <v>4768</v>
      </c>
      <c r="BX38" s="114">
        <v>0</v>
      </c>
      <c r="BY38" s="114">
        <v>0</v>
      </c>
      <c r="BZ38" s="113">
        <v>13672</v>
      </c>
      <c r="CA38" s="116">
        <v>13672</v>
      </c>
      <c r="CB38" s="110">
        <v>20567</v>
      </c>
      <c r="CC38" s="114">
        <v>71976</v>
      </c>
      <c r="CD38" s="113">
        <v>92543</v>
      </c>
      <c r="CE38" s="110">
        <v>0</v>
      </c>
      <c r="CF38" s="114">
        <v>49917</v>
      </c>
      <c r="CG38" s="114">
        <v>71458</v>
      </c>
      <c r="CH38" s="114">
        <v>162353</v>
      </c>
      <c r="CI38" s="114">
        <v>0</v>
      </c>
      <c r="CJ38" s="114">
        <v>0</v>
      </c>
      <c r="CK38" s="113">
        <v>283728</v>
      </c>
      <c r="CL38" s="116">
        <v>376271</v>
      </c>
      <c r="CM38" s="110">
        <v>0</v>
      </c>
      <c r="CN38" s="114">
        <v>0</v>
      </c>
      <c r="CO38" s="113">
        <v>0</v>
      </c>
      <c r="CP38" s="111">
        <v>0</v>
      </c>
      <c r="CQ38" s="114">
        <v>31441</v>
      </c>
      <c r="CR38" s="114">
        <v>0</v>
      </c>
      <c r="CS38" s="114">
        <v>0</v>
      </c>
      <c r="CT38" s="114">
        <v>0</v>
      </c>
      <c r="CU38" s="114">
        <v>0</v>
      </c>
      <c r="CV38" s="113">
        <v>31441</v>
      </c>
      <c r="CW38" s="116">
        <v>31441</v>
      </c>
      <c r="CX38" s="110">
        <v>20567</v>
      </c>
      <c r="CY38" s="114">
        <v>71976</v>
      </c>
      <c r="CZ38" s="113">
        <v>92543</v>
      </c>
      <c r="DA38" s="110">
        <v>0</v>
      </c>
      <c r="DB38" s="114">
        <v>18476</v>
      </c>
      <c r="DC38" s="114">
        <v>71458</v>
      </c>
      <c r="DD38" s="114">
        <v>162353</v>
      </c>
      <c r="DE38" s="114">
        <v>0</v>
      </c>
      <c r="DF38" s="114">
        <v>0</v>
      </c>
      <c r="DG38" s="113">
        <v>252287</v>
      </c>
      <c r="DH38" s="116">
        <v>344830</v>
      </c>
      <c r="DI38" s="110">
        <v>0</v>
      </c>
      <c r="DJ38" s="114">
        <v>0</v>
      </c>
      <c r="DK38" s="112">
        <v>0</v>
      </c>
      <c r="DL38" s="111">
        <v>0</v>
      </c>
      <c r="DM38" s="114">
        <v>0</v>
      </c>
      <c r="DN38" s="114">
        <v>0</v>
      </c>
      <c r="DO38" s="114">
        <v>144214</v>
      </c>
      <c r="DP38" s="114">
        <v>0</v>
      </c>
      <c r="DQ38" s="114">
        <v>0</v>
      </c>
      <c r="DR38" s="113">
        <v>144214</v>
      </c>
      <c r="DS38" s="116">
        <v>144214</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144214</v>
      </c>
      <c r="EL38" s="114">
        <v>0</v>
      </c>
      <c r="EM38" s="114">
        <v>0</v>
      </c>
      <c r="EN38" s="112">
        <v>144214</v>
      </c>
      <c r="EO38" s="116">
        <v>144214</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8"/>
      <c r="FE38" s="114">
        <v>0</v>
      </c>
      <c r="FF38" s="114">
        <v>0</v>
      </c>
      <c r="FG38" s="114">
        <v>0</v>
      </c>
      <c r="FH38" s="114">
        <v>0</v>
      </c>
      <c r="FI38" s="114">
        <v>0</v>
      </c>
      <c r="FJ38" s="113">
        <v>0</v>
      </c>
      <c r="FK38" s="116">
        <v>0</v>
      </c>
      <c r="FL38" s="110">
        <v>2400</v>
      </c>
      <c r="FM38" s="114">
        <v>0</v>
      </c>
      <c r="FN38" s="113">
        <v>2400</v>
      </c>
      <c r="FO38" s="110">
        <v>0</v>
      </c>
      <c r="FP38" s="114">
        <v>50400</v>
      </c>
      <c r="FQ38" s="114">
        <v>0</v>
      </c>
      <c r="FR38" s="114">
        <v>41232</v>
      </c>
      <c r="FS38" s="114">
        <v>0</v>
      </c>
      <c r="FT38" s="114">
        <v>0</v>
      </c>
      <c r="FU38" s="113">
        <v>91632</v>
      </c>
      <c r="FV38" s="116">
        <v>94032</v>
      </c>
      <c r="FW38" s="115">
        <v>2400</v>
      </c>
      <c r="FX38" s="114">
        <v>0</v>
      </c>
      <c r="FY38" s="112">
        <v>2400</v>
      </c>
      <c r="FZ38" s="111">
        <v>0</v>
      </c>
      <c r="GA38" s="114">
        <v>50400</v>
      </c>
      <c r="GB38" s="114">
        <v>0</v>
      </c>
      <c r="GC38" s="114">
        <v>41232</v>
      </c>
      <c r="GD38" s="114">
        <v>0</v>
      </c>
      <c r="GE38" s="114">
        <v>0</v>
      </c>
      <c r="GF38" s="113">
        <v>91632</v>
      </c>
      <c r="GG38" s="319">
        <v>94032</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0</v>
      </c>
      <c r="HJ38" s="114">
        <v>0</v>
      </c>
      <c r="HK38" s="114">
        <v>0</v>
      </c>
      <c r="HL38" s="114">
        <v>0</v>
      </c>
      <c r="HM38" s="113">
        <v>0</v>
      </c>
      <c r="HN38" s="109">
        <v>0</v>
      </c>
      <c r="HO38" s="329"/>
      <c r="HP38" s="330"/>
      <c r="HQ38" s="331"/>
      <c r="HR38" s="332"/>
      <c r="HS38" s="330"/>
      <c r="HT38" s="330"/>
      <c r="HU38" s="330"/>
      <c r="HV38" s="330"/>
      <c r="HW38" s="330"/>
      <c r="HX38" s="333"/>
      <c r="HY38" s="334"/>
      <c r="HZ38" s="150">
        <v>0</v>
      </c>
      <c r="IA38" s="135">
        <v>0</v>
      </c>
      <c r="IB38" s="150">
        <v>0</v>
      </c>
      <c r="IC38" s="146">
        <v>0</v>
      </c>
      <c r="ID38" s="132">
        <v>170776</v>
      </c>
      <c r="IE38" s="147">
        <v>0</v>
      </c>
      <c r="IF38" s="133">
        <v>466823</v>
      </c>
      <c r="IG38" s="132">
        <v>0</v>
      </c>
      <c r="IH38" s="133">
        <v>0</v>
      </c>
      <c r="II38" s="148">
        <v>637599</v>
      </c>
      <c r="IJ38" s="150">
        <v>637599</v>
      </c>
      <c r="IK38" s="232">
        <v>0</v>
      </c>
      <c r="IL38" s="236">
        <v>0</v>
      </c>
      <c r="IM38" s="237">
        <v>0</v>
      </c>
      <c r="IN38" s="140"/>
      <c r="IO38" s="119">
        <v>0</v>
      </c>
      <c r="IP38" s="119">
        <v>0</v>
      </c>
      <c r="IQ38" s="119">
        <v>0</v>
      </c>
      <c r="IR38" s="119">
        <v>0</v>
      </c>
      <c r="IS38" s="119">
        <v>0</v>
      </c>
      <c r="IT38" s="141">
        <v>0</v>
      </c>
      <c r="IU38" s="321">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23727</v>
      </c>
      <c r="JL38" s="119">
        <v>0</v>
      </c>
      <c r="JM38" s="119">
        <v>0</v>
      </c>
      <c r="JN38" s="119">
        <v>0</v>
      </c>
      <c r="JO38" s="119">
        <v>0</v>
      </c>
      <c r="JP38" s="120">
        <v>23727</v>
      </c>
      <c r="JQ38" s="321">
        <v>23727</v>
      </c>
      <c r="JR38" s="142">
        <v>0</v>
      </c>
      <c r="JS38" s="119">
        <v>0</v>
      </c>
      <c r="JT38" s="141">
        <v>0</v>
      </c>
      <c r="JU38" s="118">
        <v>0</v>
      </c>
      <c r="JV38" s="119">
        <v>0</v>
      </c>
      <c r="JW38" s="119">
        <v>0</v>
      </c>
      <c r="JX38" s="119">
        <v>0</v>
      </c>
      <c r="JY38" s="119">
        <v>0</v>
      </c>
      <c r="JZ38" s="119">
        <v>0</v>
      </c>
      <c r="KA38" s="120">
        <v>0</v>
      </c>
      <c r="KB38" s="321">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234850</v>
      </c>
      <c r="KU38" s="119">
        <v>0</v>
      </c>
      <c r="KV38" s="119">
        <v>0</v>
      </c>
      <c r="KW38" s="120">
        <v>234850</v>
      </c>
      <c r="KX38" s="321">
        <v>23485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1">
        <v>0</v>
      </c>
      <c r="LU38" s="142">
        <v>0</v>
      </c>
      <c r="LV38" s="119">
        <v>0</v>
      </c>
      <c r="LW38" s="120">
        <v>0</v>
      </c>
      <c r="LX38" s="145">
        <v>0</v>
      </c>
      <c r="LY38" s="119">
        <v>147049</v>
      </c>
      <c r="LZ38" s="119">
        <v>0</v>
      </c>
      <c r="MA38" s="119">
        <v>231973</v>
      </c>
      <c r="MB38" s="119">
        <v>0</v>
      </c>
      <c r="MC38" s="119">
        <v>0</v>
      </c>
      <c r="MD38" s="120">
        <v>379022</v>
      </c>
      <c r="ME38" s="121">
        <v>379022</v>
      </c>
      <c r="MF38" s="142">
        <v>0</v>
      </c>
      <c r="MG38" s="119">
        <v>0</v>
      </c>
      <c r="MH38" s="120">
        <v>0</v>
      </c>
      <c r="MI38" s="145"/>
      <c r="MJ38" s="119">
        <v>0</v>
      </c>
      <c r="MK38" s="119">
        <v>0</v>
      </c>
      <c r="ML38" s="119">
        <v>303266</v>
      </c>
      <c r="MM38" s="119">
        <v>318727</v>
      </c>
      <c r="MN38" s="119">
        <v>324496</v>
      </c>
      <c r="MO38" s="120">
        <v>946489</v>
      </c>
      <c r="MP38" s="143">
        <v>946489</v>
      </c>
      <c r="MQ38" s="142">
        <v>0</v>
      </c>
      <c r="MR38" s="119">
        <v>0</v>
      </c>
      <c r="MS38" s="120">
        <v>0</v>
      </c>
      <c r="MT38" s="145">
        <v>0</v>
      </c>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21">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303266</v>
      </c>
      <c r="OE38" s="119">
        <v>318727</v>
      </c>
      <c r="OF38" s="119">
        <v>324496</v>
      </c>
      <c r="OG38" s="120">
        <v>946489</v>
      </c>
      <c r="OH38" s="121">
        <v>946489</v>
      </c>
      <c r="OI38" s="142">
        <v>85547</v>
      </c>
      <c r="OJ38" s="119">
        <v>135044</v>
      </c>
      <c r="OK38" s="141">
        <v>220591</v>
      </c>
      <c r="OL38" s="118">
        <v>0</v>
      </c>
      <c r="OM38" s="119">
        <v>376857</v>
      </c>
      <c r="ON38" s="119">
        <v>71458</v>
      </c>
      <c r="OO38" s="119">
        <v>1122656</v>
      </c>
      <c r="OP38" s="119">
        <v>318727</v>
      </c>
      <c r="OQ38" s="119">
        <v>324496</v>
      </c>
      <c r="OR38" s="120">
        <v>2214194</v>
      </c>
      <c r="OS38" s="143">
        <v>2434785</v>
      </c>
    </row>
    <row r="39" spans="2:409" ht="20.25" customHeight="1" x14ac:dyDescent="0.2">
      <c r="B39" s="126" t="s">
        <v>34</v>
      </c>
      <c r="C39" s="110">
        <v>0</v>
      </c>
      <c r="D39" s="114">
        <v>21392</v>
      </c>
      <c r="E39" s="174">
        <v>21392</v>
      </c>
      <c r="F39" s="175">
        <v>0</v>
      </c>
      <c r="G39" s="176">
        <v>98792</v>
      </c>
      <c r="H39" s="176">
        <v>329559</v>
      </c>
      <c r="I39" s="176">
        <v>229312</v>
      </c>
      <c r="J39" s="176">
        <v>0</v>
      </c>
      <c r="K39" s="176">
        <v>234528</v>
      </c>
      <c r="L39" s="177">
        <v>892191</v>
      </c>
      <c r="M39" s="116">
        <v>913583</v>
      </c>
      <c r="N39" s="110">
        <v>0</v>
      </c>
      <c r="O39" s="114">
        <v>21392</v>
      </c>
      <c r="P39" s="113">
        <v>21392</v>
      </c>
      <c r="Q39" s="110">
        <v>0</v>
      </c>
      <c r="R39" s="114">
        <v>36056</v>
      </c>
      <c r="S39" s="114">
        <v>98232</v>
      </c>
      <c r="T39" s="114">
        <v>26048</v>
      </c>
      <c r="U39" s="114">
        <v>0</v>
      </c>
      <c r="V39" s="114">
        <v>4144</v>
      </c>
      <c r="W39" s="113">
        <v>164480</v>
      </c>
      <c r="X39" s="116">
        <v>185872</v>
      </c>
      <c r="Y39" s="110">
        <v>0</v>
      </c>
      <c r="Z39" s="114">
        <v>0</v>
      </c>
      <c r="AA39" s="113">
        <v>0</v>
      </c>
      <c r="AB39" s="110">
        <v>0</v>
      </c>
      <c r="AC39" s="114">
        <v>16200</v>
      </c>
      <c r="AD39" s="114">
        <v>0</v>
      </c>
      <c r="AE39" s="114">
        <v>0</v>
      </c>
      <c r="AF39" s="114">
        <v>0</v>
      </c>
      <c r="AG39" s="114">
        <v>0</v>
      </c>
      <c r="AH39" s="113">
        <v>16200</v>
      </c>
      <c r="AI39" s="116">
        <v>16200</v>
      </c>
      <c r="AJ39" s="110">
        <v>0</v>
      </c>
      <c r="AK39" s="114">
        <v>0</v>
      </c>
      <c r="AL39" s="113">
        <v>0</v>
      </c>
      <c r="AM39" s="110">
        <v>0</v>
      </c>
      <c r="AN39" s="114">
        <v>0</v>
      </c>
      <c r="AO39" s="114">
        <v>0</v>
      </c>
      <c r="AP39" s="114">
        <v>0</v>
      </c>
      <c r="AQ39" s="114">
        <v>0</v>
      </c>
      <c r="AR39" s="114">
        <v>0</v>
      </c>
      <c r="AS39" s="113">
        <v>0</v>
      </c>
      <c r="AT39" s="116">
        <v>0</v>
      </c>
      <c r="AU39" s="110">
        <v>0</v>
      </c>
      <c r="AV39" s="114">
        <v>21392</v>
      </c>
      <c r="AW39" s="113">
        <v>21392</v>
      </c>
      <c r="AX39" s="110">
        <v>0</v>
      </c>
      <c r="AY39" s="114">
        <v>17472</v>
      </c>
      <c r="AZ39" s="114">
        <v>26272</v>
      </c>
      <c r="BA39" s="114">
        <v>0</v>
      </c>
      <c r="BB39" s="114">
        <v>0</v>
      </c>
      <c r="BC39" s="114">
        <v>0</v>
      </c>
      <c r="BD39" s="113">
        <v>43744</v>
      </c>
      <c r="BE39" s="116">
        <v>65136</v>
      </c>
      <c r="BF39" s="110">
        <v>0</v>
      </c>
      <c r="BG39" s="114">
        <v>0</v>
      </c>
      <c r="BH39" s="112">
        <v>0</v>
      </c>
      <c r="BI39" s="111">
        <v>0</v>
      </c>
      <c r="BJ39" s="114">
        <v>0</v>
      </c>
      <c r="BK39" s="114">
        <v>57592</v>
      </c>
      <c r="BL39" s="114">
        <v>0</v>
      </c>
      <c r="BM39" s="114">
        <v>0</v>
      </c>
      <c r="BN39" s="114">
        <v>0</v>
      </c>
      <c r="BO39" s="113">
        <v>57592</v>
      </c>
      <c r="BP39" s="116">
        <v>57592</v>
      </c>
      <c r="BQ39" s="110">
        <v>0</v>
      </c>
      <c r="BR39" s="114">
        <v>0</v>
      </c>
      <c r="BS39" s="113">
        <v>0</v>
      </c>
      <c r="BT39" s="110">
        <v>0</v>
      </c>
      <c r="BU39" s="114">
        <v>2384</v>
      </c>
      <c r="BV39" s="114">
        <v>14368</v>
      </c>
      <c r="BW39" s="114">
        <v>26048</v>
      </c>
      <c r="BX39" s="114">
        <v>0</v>
      </c>
      <c r="BY39" s="114">
        <v>4144</v>
      </c>
      <c r="BZ39" s="113">
        <v>46944</v>
      </c>
      <c r="CA39" s="116">
        <v>46944</v>
      </c>
      <c r="CB39" s="110">
        <v>0</v>
      </c>
      <c r="CC39" s="114">
        <v>0</v>
      </c>
      <c r="CD39" s="113">
        <v>0</v>
      </c>
      <c r="CE39" s="110">
        <v>0</v>
      </c>
      <c r="CF39" s="114">
        <v>51536</v>
      </c>
      <c r="CG39" s="114">
        <v>60880</v>
      </c>
      <c r="CH39" s="114">
        <v>0</v>
      </c>
      <c r="CI39" s="114">
        <v>0</v>
      </c>
      <c r="CJ39" s="114">
        <v>0</v>
      </c>
      <c r="CK39" s="113">
        <v>112416</v>
      </c>
      <c r="CL39" s="116">
        <v>112416</v>
      </c>
      <c r="CM39" s="110">
        <v>0</v>
      </c>
      <c r="CN39" s="114">
        <v>0</v>
      </c>
      <c r="CO39" s="113">
        <v>0</v>
      </c>
      <c r="CP39" s="111">
        <v>0</v>
      </c>
      <c r="CQ39" s="114">
        <v>23744</v>
      </c>
      <c r="CR39" s="114">
        <v>0</v>
      </c>
      <c r="CS39" s="114">
        <v>0</v>
      </c>
      <c r="CT39" s="114">
        <v>0</v>
      </c>
      <c r="CU39" s="114">
        <v>0</v>
      </c>
      <c r="CV39" s="113">
        <v>23744</v>
      </c>
      <c r="CW39" s="116">
        <v>23744</v>
      </c>
      <c r="CX39" s="110">
        <v>0</v>
      </c>
      <c r="CY39" s="114">
        <v>0</v>
      </c>
      <c r="CZ39" s="113">
        <v>0</v>
      </c>
      <c r="DA39" s="110">
        <v>0</v>
      </c>
      <c r="DB39" s="114">
        <v>27792</v>
      </c>
      <c r="DC39" s="114">
        <v>60880</v>
      </c>
      <c r="DD39" s="114">
        <v>0</v>
      </c>
      <c r="DE39" s="114">
        <v>0</v>
      </c>
      <c r="DF39" s="114">
        <v>0</v>
      </c>
      <c r="DG39" s="113">
        <v>88672</v>
      </c>
      <c r="DH39" s="116">
        <v>88672</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8"/>
      <c r="FE39" s="114">
        <v>0</v>
      </c>
      <c r="FF39" s="114">
        <v>0</v>
      </c>
      <c r="FG39" s="114">
        <v>0</v>
      </c>
      <c r="FH39" s="114">
        <v>0</v>
      </c>
      <c r="FI39" s="114">
        <v>0</v>
      </c>
      <c r="FJ39" s="113">
        <v>0</v>
      </c>
      <c r="FK39" s="116">
        <v>0</v>
      </c>
      <c r="FL39" s="110">
        <v>0</v>
      </c>
      <c r="FM39" s="114">
        <v>0</v>
      </c>
      <c r="FN39" s="113">
        <v>0</v>
      </c>
      <c r="FO39" s="110">
        <v>0</v>
      </c>
      <c r="FP39" s="114">
        <v>11200</v>
      </c>
      <c r="FQ39" s="114">
        <v>4000</v>
      </c>
      <c r="FR39" s="114">
        <v>41264</v>
      </c>
      <c r="FS39" s="114">
        <v>0</v>
      </c>
      <c r="FT39" s="114">
        <v>0</v>
      </c>
      <c r="FU39" s="113">
        <v>56464</v>
      </c>
      <c r="FV39" s="116">
        <v>56464</v>
      </c>
      <c r="FW39" s="115">
        <v>0</v>
      </c>
      <c r="FX39" s="114">
        <v>0</v>
      </c>
      <c r="FY39" s="112">
        <v>0</v>
      </c>
      <c r="FZ39" s="111">
        <v>0</v>
      </c>
      <c r="GA39" s="114">
        <v>11200</v>
      </c>
      <c r="GB39" s="114">
        <v>4000</v>
      </c>
      <c r="GC39" s="114">
        <v>41264</v>
      </c>
      <c r="GD39" s="114">
        <v>0</v>
      </c>
      <c r="GE39" s="114">
        <v>0</v>
      </c>
      <c r="GF39" s="113">
        <v>56464</v>
      </c>
      <c r="GG39" s="319">
        <v>56464</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66447</v>
      </c>
      <c r="HJ39" s="114">
        <v>162000</v>
      </c>
      <c r="HK39" s="114">
        <v>0</v>
      </c>
      <c r="HL39" s="114">
        <v>230384</v>
      </c>
      <c r="HM39" s="113">
        <v>558831</v>
      </c>
      <c r="HN39" s="109">
        <v>558831</v>
      </c>
      <c r="HO39" s="329"/>
      <c r="HP39" s="330"/>
      <c r="HQ39" s="331"/>
      <c r="HR39" s="332"/>
      <c r="HS39" s="330"/>
      <c r="HT39" s="330"/>
      <c r="HU39" s="330"/>
      <c r="HV39" s="330"/>
      <c r="HW39" s="330"/>
      <c r="HX39" s="333"/>
      <c r="HY39" s="334"/>
      <c r="HZ39" s="131">
        <v>0</v>
      </c>
      <c r="IA39" s="132">
        <v>0</v>
      </c>
      <c r="IB39" s="133">
        <v>0</v>
      </c>
      <c r="IC39" s="146">
        <v>0</v>
      </c>
      <c r="ID39" s="132">
        <v>243952</v>
      </c>
      <c r="IE39" s="147">
        <v>0</v>
      </c>
      <c r="IF39" s="133">
        <v>246008</v>
      </c>
      <c r="IG39" s="132">
        <v>0</v>
      </c>
      <c r="IH39" s="133">
        <v>0</v>
      </c>
      <c r="II39" s="148">
        <v>489960</v>
      </c>
      <c r="IJ39" s="139">
        <v>489960</v>
      </c>
      <c r="IK39" s="232">
        <v>0</v>
      </c>
      <c r="IL39" s="236">
        <v>0</v>
      </c>
      <c r="IM39" s="237">
        <v>0</v>
      </c>
      <c r="IN39" s="140"/>
      <c r="IO39" s="119">
        <v>0</v>
      </c>
      <c r="IP39" s="119">
        <v>0</v>
      </c>
      <c r="IQ39" s="119">
        <v>0</v>
      </c>
      <c r="IR39" s="119">
        <v>0</v>
      </c>
      <c r="IS39" s="119">
        <v>0</v>
      </c>
      <c r="IT39" s="141">
        <v>0</v>
      </c>
      <c r="IU39" s="321">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33240</v>
      </c>
      <c r="JL39" s="119">
        <v>0</v>
      </c>
      <c r="JM39" s="119">
        <v>0</v>
      </c>
      <c r="JN39" s="119">
        <v>0</v>
      </c>
      <c r="JO39" s="119">
        <v>0</v>
      </c>
      <c r="JP39" s="120">
        <v>133240</v>
      </c>
      <c r="JQ39" s="321">
        <v>133240</v>
      </c>
      <c r="JR39" s="142">
        <v>0</v>
      </c>
      <c r="JS39" s="119">
        <v>0</v>
      </c>
      <c r="JT39" s="141">
        <v>0</v>
      </c>
      <c r="JU39" s="118">
        <v>0</v>
      </c>
      <c r="JV39" s="119">
        <v>0</v>
      </c>
      <c r="JW39" s="119">
        <v>0</v>
      </c>
      <c r="JX39" s="119">
        <v>0</v>
      </c>
      <c r="JY39" s="119">
        <v>0</v>
      </c>
      <c r="JZ39" s="119">
        <v>0</v>
      </c>
      <c r="KA39" s="120">
        <v>0</v>
      </c>
      <c r="KB39" s="321">
        <v>0</v>
      </c>
      <c r="KC39" s="234">
        <v>0</v>
      </c>
      <c r="KD39" s="230">
        <v>0</v>
      </c>
      <c r="KE39" s="120">
        <v>0</v>
      </c>
      <c r="KF39" s="118">
        <v>0</v>
      </c>
      <c r="KG39" s="119">
        <v>110712</v>
      </c>
      <c r="KH39" s="119">
        <v>0</v>
      </c>
      <c r="KI39" s="119">
        <v>0</v>
      </c>
      <c r="KJ39" s="119">
        <v>0</v>
      </c>
      <c r="KK39" s="119">
        <v>0</v>
      </c>
      <c r="KL39" s="120">
        <v>110712</v>
      </c>
      <c r="KM39" s="143">
        <v>110712</v>
      </c>
      <c r="KN39" s="232">
        <v>0</v>
      </c>
      <c r="KO39" s="236">
        <v>0</v>
      </c>
      <c r="KP39" s="237">
        <v>0</v>
      </c>
      <c r="KQ39" s="140"/>
      <c r="KR39" s="119">
        <v>0</v>
      </c>
      <c r="KS39" s="119">
        <v>0</v>
      </c>
      <c r="KT39" s="119">
        <v>0</v>
      </c>
      <c r="KU39" s="119">
        <v>0</v>
      </c>
      <c r="KV39" s="119">
        <v>0</v>
      </c>
      <c r="KW39" s="120">
        <v>0</v>
      </c>
      <c r="KX39" s="321">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1">
        <v>0</v>
      </c>
      <c r="LU39" s="142">
        <v>0</v>
      </c>
      <c r="LV39" s="119">
        <v>0</v>
      </c>
      <c r="LW39" s="120">
        <v>0</v>
      </c>
      <c r="LX39" s="145">
        <v>0</v>
      </c>
      <c r="LY39" s="119">
        <v>0</v>
      </c>
      <c r="LZ39" s="119">
        <v>0</v>
      </c>
      <c r="MA39" s="119">
        <v>246008</v>
      </c>
      <c r="MB39" s="119">
        <v>0</v>
      </c>
      <c r="MC39" s="119">
        <v>0</v>
      </c>
      <c r="MD39" s="120">
        <v>246008</v>
      </c>
      <c r="ME39" s="121">
        <v>246008</v>
      </c>
      <c r="MF39" s="142">
        <v>0</v>
      </c>
      <c r="MG39" s="119">
        <v>0</v>
      </c>
      <c r="MH39" s="120">
        <v>0</v>
      </c>
      <c r="MI39" s="145"/>
      <c r="MJ39" s="119">
        <v>0</v>
      </c>
      <c r="MK39" s="119">
        <v>290192</v>
      </c>
      <c r="ML39" s="119">
        <v>194048</v>
      </c>
      <c r="MM39" s="119">
        <v>0</v>
      </c>
      <c r="MN39" s="119">
        <v>0</v>
      </c>
      <c r="MO39" s="120">
        <v>484240</v>
      </c>
      <c r="MP39" s="143">
        <v>484240</v>
      </c>
      <c r="MQ39" s="142">
        <v>0</v>
      </c>
      <c r="MR39" s="119">
        <v>0</v>
      </c>
      <c r="MS39" s="120">
        <v>0</v>
      </c>
      <c r="MT39" s="145">
        <v>0</v>
      </c>
      <c r="MU39" s="119">
        <v>0</v>
      </c>
      <c r="MV39" s="119">
        <v>0</v>
      </c>
      <c r="MW39" s="119">
        <v>194048</v>
      </c>
      <c r="MX39" s="119">
        <v>0</v>
      </c>
      <c r="MY39" s="119">
        <v>0</v>
      </c>
      <c r="MZ39" s="120">
        <v>194048</v>
      </c>
      <c r="NA39" s="143">
        <v>194048</v>
      </c>
      <c r="NB39" s="142">
        <v>0</v>
      </c>
      <c r="NC39" s="119">
        <v>0</v>
      </c>
      <c r="ND39" s="120">
        <v>0</v>
      </c>
      <c r="NE39" s="145"/>
      <c r="NF39" s="119">
        <v>0</v>
      </c>
      <c r="NG39" s="119">
        <v>290192</v>
      </c>
      <c r="NH39" s="119">
        <v>0</v>
      </c>
      <c r="NI39" s="119">
        <v>0</v>
      </c>
      <c r="NJ39" s="119">
        <v>0</v>
      </c>
      <c r="NK39" s="120">
        <v>290192</v>
      </c>
      <c r="NL39" s="321">
        <v>290192</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21392</v>
      </c>
      <c r="OK39" s="141">
        <v>21392</v>
      </c>
      <c r="OL39" s="118">
        <v>0</v>
      </c>
      <c r="OM39" s="119">
        <v>342744</v>
      </c>
      <c r="ON39" s="119">
        <v>619751</v>
      </c>
      <c r="OO39" s="119">
        <v>669368</v>
      </c>
      <c r="OP39" s="119">
        <v>0</v>
      </c>
      <c r="OQ39" s="119">
        <v>234528</v>
      </c>
      <c r="OR39" s="120">
        <v>1866391</v>
      </c>
      <c r="OS39" s="143">
        <v>1887783</v>
      </c>
    </row>
    <row r="40" spans="2:409" ht="20.25" customHeight="1" x14ac:dyDescent="0.2">
      <c r="B40" s="126" t="s">
        <v>35</v>
      </c>
      <c r="C40" s="110">
        <v>200062</v>
      </c>
      <c r="D40" s="114">
        <v>15696</v>
      </c>
      <c r="E40" s="113">
        <v>215758</v>
      </c>
      <c r="F40" s="109">
        <v>0</v>
      </c>
      <c r="G40" s="114">
        <v>1236856</v>
      </c>
      <c r="H40" s="114">
        <v>1409898</v>
      </c>
      <c r="I40" s="114">
        <v>856772</v>
      </c>
      <c r="J40" s="114">
        <v>794923</v>
      </c>
      <c r="K40" s="114">
        <v>555669</v>
      </c>
      <c r="L40" s="173">
        <v>4854118</v>
      </c>
      <c r="M40" s="116">
        <v>5069876</v>
      </c>
      <c r="N40" s="110">
        <v>40024</v>
      </c>
      <c r="O40" s="114">
        <v>14096</v>
      </c>
      <c r="P40" s="113">
        <v>54120</v>
      </c>
      <c r="Q40" s="110">
        <v>0</v>
      </c>
      <c r="R40" s="114">
        <v>224808</v>
      </c>
      <c r="S40" s="114">
        <v>376154</v>
      </c>
      <c r="T40" s="114">
        <v>335114</v>
      </c>
      <c r="U40" s="114">
        <v>48800</v>
      </c>
      <c r="V40" s="114">
        <v>312505</v>
      </c>
      <c r="W40" s="113">
        <v>1297381</v>
      </c>
      <c r="X40" s="116">
        <v>1351501</v>
      </c>
      <c r="Y40" s="110">
        <v>0</v>
      </c>
      <c r="Z40" s="114">
        <v>0</v>
      </c>
      <c r="AA40" s="113">
        <v>0</v>
      </c>
      <c r="AB40" s="110">
        <v>0</v>
      </c>
      <c r="AC40" s="114">
        <v>86168</v>
      </c>
      <c r="AD40" s="114">
        <v>138994</v>
      </c>
      <c r="AE40" s="114">
        <v>222570</v>
      </c>
      <c r="AF40" s="114">
        <v>0</v>
      </c>
      <c r="AG40" s="114">
        <v>217697</v>
      </c>
      <c r="AH40" s="113">
        <v>665429</v>
      </c>
      <c r="AI40" s="116">
        <v>665429</v>
      </c>
      <c r="AJ40" s="110">
        <v>0</v>
      </c>
      <c r="AK40" s="114">
        <v>0</v>
      </c>
      <c r="AL40" s="113">
        <v>0</v>
      </c>
      <c r="AM40" s="110">
        <v>0</v>
      </c>
      <c r="AN40" s="114">
        <v>0</v>
      </c>
      <c r="AO40" s="114">
        <v>0</v>
      </c>
      <c r="AP40" s="114">
        <v>0</v>
      </c>
      <c r="AQ40" s="114">
        <v>0</v>
      </c>
      <c r="AR40" s="114">
        <v>64888</v>
      </c>
      <c r="AS40" s="113">
        <v>64888</v>
      </c>
      <c r="AT40" s="116">
        <v>64888</v>
      </c>
      <c r="AU40" s="110">
        <v>0</v>
      </c>
      <c r="AV40" s="114">
        <v>0</v>
      </c>
      <c r="AW40" s="113">
        <v>0</v>
      </c>
      <c r="AX40" s="110">
        <v>0</v>
      </c>
      <c r="AY40" s="114">
        <v>0</v>
      </c>
      <c r="AZ40" s="114">
        <v>78632</v>
      </c>
      <c r="BA40" s="114">
        <v>0</v>
      </c>
      <c r="BB40" s="114">
        <v>0</v>
      </c>
      <c r="BC40" s="114">
        <v>0</v>
      </c>
      <c r="BD40" s="113">
        <v>78632</v>
      </c>
      <c r="BE40" s="116">
        <v>78632</v>
      </c>
      <c r="BF40" s="110">
        <v>0</v>
      </c>
      <c r="BG40" s="114">
        <v>0</v>
      </c>
      <c r="BH40" s="112">
        <v>0</v>
      </c>
      <c r="BI40" s="111">
        <v>0</v>
      </c>
      <c r="BJ40" s="114">
        <v>74832</v>
      </c>
      <c r="BK40" s="114">
        <v>30592</v>
      </c>
      <c r="BL40" s="114">
        <v>49920</v>
      </c>
      <c r="BM40" s="114">
        <v>0</v>
      </c>
      <c r="BN40" s="114">
        <v>0</v>
      </c>
      <c r="BO40" s="113">
        <v>155344</v>
      </c>
      <c r="BP40" s="116">
        <v>155344</v>
      </c>
      <c r="BQ40" s="110">
        <v>40024</v>
      </c>
      <c r="BR40" s="114">
        <v>14096</v>
      </c>
      <c r="BS40" s="113">
        <v>54120</v>
      </c>
      <c r="BT40" s="110">
        <v>0</v>
      </c>
      <c r="BU40" s="114">
        <v>63808</v>
      </c>
      <c r="BV40" s="114">
        <v>127936</v>
      </c>
      <c r="BW40" s="114">
        <v>62624</v>
      </c>
      <c r="BX40" s="114">
        <v>48800</v>
      </c>
      <c r="BY40" s="114">
        <v>29920</v>
      </c>
      <c r="BZ40" s="113">
        <v>333088</v>
      </c>
      <c r="CA40" s="116">
        <v>387208</v>
      </c>
      <c r="CB40" s="110">
        <v>0</v>
      </c>
      <c r="CC40" s="114">
        <v>0</v>
      </c>
      <c r="CD40" s="113">
        <v>0</v>
      </c>
      <c r="CE40" s="110">
        <v>0</v>
      </c>
      <c r="CF40" s="114">
        <v>321176</v>
      </c>
      <c r="CG40" s="114">
        <v>466064</v>
      </c>
      <c r="CH40" s="114">
        <v>134855</v>
      </c>
      <c r="CI40" s="114">
        <v>219472</v>
      </c>
      <c r="CJ40" s="114">
        <v>0</v>
      </c>
      <c r="CK40" s="113">
        <v>1141567</v>
      </c>
      <c r="CL40" s="116">
        <v>1141567</v>
      </c>
      <c r="CM40" s="110">
        <v>0</v>
      </c>
      <c r="CN40" s="114">
        <v>0</v>
      </c>
      <c r="CO40" s="113">
        <v>0</v>
      </c>
      <c r="CP40" s="111">
        <v>0</v>
      </c>
      <c r="CQ40" s="114">
        <v>282160</v>
      </c>
      <c r="CR40" s="114">
        <v>461592</v>
      </c>
      <c r="CS40" s="114">
        <v>134855</v>
      </c>
      <c r="CT40" s="114">
        <v>0</v>
      </c>
      <c r="CU40" s="114">
        <v>0</v>
      </c>
      <c r="CV40" s="113">
        <v>878607</v>
      </c>
      <c r="CW40" s="116">
        <v>878607</v>
      </c>
      <c r="CX40" s="110">
        <v>0</v>
      </c>
      <c r="CY40" s="114">
        <v>0</v>
      </c>
      <c r="CZ40" s="113">
        <v>0</v>
      </c>
      <c r="DA40" s="110">
        <v>0</v>
      </c>
      <c r="DB40" s="114">
        <v>39016</v>
      </c>
      <c r="DC40" s="114">
        <v>4472</v>
      </c>
      <c r="DD40" s="114">
        <v>0</v>
      </c>
      <c r="DE40" s="114">
        <v>219472</v>
      </c>
      <c r="DF40" s="114">
        <v>0</v>
      </c>
      <c r="DG40" s="113">
        <v>262960</v>
      </c>
      <c r="DH40" s="116">
        <v>262960</v>
      </c>
      <c r="DI40" s="110">
        <v>0</v>
      </c>
      <c r="DJ40" s="114">
        <v>0</v>
      </c>
      <c r="DK40" s="112">
        <v>0</v>
      </c>
      <c r="DL40" s="111">
        <v>0</v>
      </c>
      <c r="DM40" s="114">
        <v>0</v>
      </c>
      <c r="DN40" s="114">
        <v>0</v>
      </c>
      <c r="DO40" s="114">
        <v>8320</v>
      </c>
      <c r="DP40" s="114">
        <v>0</v>
      </c>
      <c r="DQ40" s="114">
        <v>0</v>
      </c>
      <c r="DR40" s="113">
        <v>8320</v>
      </c>
      <c r="DS40" s="116">
        <v>8320</v>
      </c>
      <c r="DT40" s="110">
        <v>0</v>
      </c>
      <c r="DU40" s="114">
        <v>0</v>
      </c>
      <c r="DV40" s="113">
        <v>0</v>
      </c>
      <c r="DW40" s="110">
        <v>0</v>
      </c>
      <c r="DX40" s="114">
        <v>0</v>
      </c>
      <c r="DY40" s="114">
        <v>0</v>
      </c>
      <c r="DZ40" s="114">
        <v>8320</v>
      </c>
      <c r="EA40" s="114">
        <v>0</v>
      </c>
      <c r="EB40" s="114">
        <v>0</v>
      </c>
      <c r="EC40" s="113">
        <v>8320</v>
      </c>
      <c r="ED40" s="116">
        <v>8320</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8"/>
      <c r="FE40" s="114">
        <v>0</v>
      </c>
      <c r="FF40" s="114">
        <v>0</v>
      </c>
      <c r="FG40" s="114">
        <v>0</v>
      </c>
      <c r="FH40" s="114">
        <v>0</v>
      </c>
      <c r="FI40" s="114">
        <v>0</v>
      </c>
      <c r="FJ40" s="113">
        <v>0</v>
      </c>
      <c r="FK40" s="116">
        <v>0</v>
      </c>
      <c r="FL40" s="110">
        <v>800</v>
      </c>
      <c r="FM40" s="114">
        <v>1600</v>
      </c>
      <c r="FN40" s="113">
        <v>2400</v>
      </c>
      <c r="FO40" s="110">
        <v>0</v>
      </c>
      <c r="FP40" s="114">
        <v>90080</v>
      </c>
      <c r="FQ40" s="114">
        <v>75840</v>
      </c>
      <c r="FR40" s="114">
        <v>4400</v>
      </c>
      <c r="FS40" s="114">
        <v>31904</v>
      </c>
      <c r="FT40" s="114">
        <v>8800</v>
      </c>
      <c r="FU40" s="113">
        <v>211024</v>
      </c>
      <c r="FV40" s="116">
        <v>213424</v>
      </c>
      <c r="FW40" s="115">
        <v>800</v>
      </c>
      <c r="FX40" s="114">
        <v>1600</v>
      </c>
      <c r="FY40" s="112">
        <v>2400</v>
      </c>
      <c r="FZ40" s="111">
        <v>0</v>
      </c>
      <c r="GA40" s="114">
        <v>31120</v>
      </c>
      <c r="GB40" s="114">
        <v>75840</v>
      </c>
      <c r="GC40" s="114">
        <v>4400</v>
      </c>
      <c r="GD40" s="114">
        <v>31904</v>
      </c>
      <c r="GE40" s="114">
        <v>8800</v>
      </c>
      <c r="GF40" s="113">
        <v>152064</v>
      </c>
      <c r="GG40" s="319">
        <v>154464</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58960</v>
      </c>
      <c r="GX40" s="114">
        <v>0</v>
      </c>
      <c r="GY40" s="114">
        <v>0</v>
      </c>
      <c r="GZ40" s="114">
        <v>0</v>
      </c>
      <c r="HA40" s="114">
        <v>0</v>
      </c>
      <c r="HB40" s="112">
        <v>58960</v>
      </c>
      <c r="HC40" s="116">
        <v>58960</v>
      </c>
      <c r="HD40" s="110">
        <v>159238</v>
      </c>
      <c r="HE40" s="114">
        <v>0</v>
      </c>
      <c r="HF40" s="112">
        <v>159238</v>
      </c>
      <c r="HG40" s="111">
        <v>0</v>
      </c>
      <c r="HH40" s="114">
        <v>600792</v>
      </c>
      <c r="HI40" s="114">
        <v>491840</v>
      </c>
      <c r="HJ40" s="114">
        <v>374083</v>
      </c>
      <c r="HK40" s="114">
        <v>494747</v>
      </c>
      <c r="HL40" s="114">
        <v>234364</v>
      </c>
      <c r="HM40" s="113">
        <v>2195826</v>
      </c>
      <c r="HN40" s="109">
        <v>2355064</v>
      </c>
      <c r="HO40" s="329"/>
      <c r="HP40" s="330"/>
      <c r="HQ40" s="331"/>
      <c r="HR40" s="332"/>
      <c r="HS40" s="330"/>
      <c r="HT40" s="330"/>
      <c r="HU40" s="330"/>
      <c r="HV40" s="330"/>
      <c r="HW40" s="330"/>
      <c r="HX40" s="333"/>
      <c r="HY40" s="334"/>
      <c r="HZ40" s="150">
        <v>0</v>
      </c>
      <c r="IA40" s="135">
        <v>0</v>
      </c>
      <c r="IB40" s="150">
        <v>0</v>
      </c>
      <c r="IC40" s="146">
        <v>0</v>
      </c>
      <c r="ID40" s="132">
        <v>126224</v>
      </c>
      <c r="IE40" s="147">
        <v>514816</v>
      </c>
      <c r="IF40" s="133">
        <v>0</v>
      </c>
      <c r="IG40" s="132">
        <v>0</v>
      </c>
      <c r="IH40" s="133">
        <v>0</v>
      </c>
      <c r="II40" s="148">
        <v>641040</v>
      </c>
      <c r="IJ40" s="150">
        <v>641040</v>
      </c>
      <c r="IK40" s="232">
        <v>0</v>
      </c>
      <c r="IL40" s="236">
        <v>0</v>
      </c>
      <c r="IM40" s="237">
        <v>0</v>
      </c>
      <c r="IN40" s="140"/>
      <c r="IO40" s="119">
        <v>0</v>
      </c>
      <c r="IP40" s="119">
        <v>59320</v>
      </c>
      <c r="IQ40" s="119">
        <v>0</v>
      </c>
      <c r="IR40" s="119">
        <v>0</v>
      </c>
      <c r="IS40" s="119">
        <v>0</v>
      </c>
      <c r="IT40" s="141">
        <v>59320</v>
      </c>
      <c r="IU40" s="321">
        <v>5932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54512</v>
      </c>
      <c r="JM40" s="119">
        <v>0</v>
      </c>
      <c r="JN40" s="119">
        <v>0</v>
      </c>
      <c r="JO40" s="119">
        <v>0</v>
      </c>
      <c r="JP40" s="120">
        <v>54512</v>
      </c>
      <c r="JQ40" s="321">
        <v>54512</v>
      </c>
      <c r="JR40" s="142">
        <v>0</v>
      </c>
      <c r="JS40" s="119">
        <v>0</v>
      </c>
      <c r="JT40" s="141">
        <v>0</v>
      </c>
      <c r="JU40" s="118">
        <v>0</v>
      </c>
      <c r="JV40" s="119">
        <v>0</v>
      </c>
      <c r="JW40" s="119">
        <v>0</v>
      </c>
      <c r="JX40" s="119">
        <v>0</v>
      </c>
      <c r="JY40" s="119">
        <v>0</v>
      </c>
      <c r="JZ40" s="119">
        <v>0</v>
      </c>
      <c r="KA40" s="120">
        <v>0</v>
      </c>
      <c r="KB40" s="321">
        <v>0</v>
      </c>
      <c r="KC40" s="234">
        <v>0</v>
      </c>
      <c r="KD40" s="230">
        <v>0</v>
      </c>
      <c r="KE40" s="120">
        <v>0</v>
      </c>
      <c r="KF40" s="118">
        <v>0</v>
      </c>
      <c r="KG40" s="119">
        <v>126224</v>
      </c>
      <c r="KH40" s="119">
        <v>170736</v>
      </c>
      <c r="KI40" s="119">
        <v>0</v>
      </c>
      <c r="KJ40" s="119">
        <v>0</v>
      </c>
      <c r="KK40" s="119">
        <v>0</v>
      </c>
      <c r="KL40" s="120">
        <v>296960</v>
      </c>
      <c r="KM40" s="143">
        <v>296960</v>
      </c>
      <c r="KN40" s="232">
        <v>0</v>
      </c>
      <c r="KO40" s="236">
        <v>0</v>
      </c>
      <c r="KP40" s="237">
        <v>0</v>
      </c>
      <c r="KQ40" s="140"/>
      <c r="KR40" s="119">
        <v>0</v>
      </c>
      <c r="KS40" s="119">
        <v>230248</v>
      </c>
      <c r="KT40" s="119">
        <v>0</v>
      </c>
      <c r="KU40" s="119">
        <v>0</v>
      </c>
      <c r="KV40" s="119">
        <v>0</v>
      </c>
      <c r="KW40" s="120">
        <v>230248</v>
      </c>
      <c r="KX40" s="321">
        <v>230248</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1">
        <v>0</v>
      </c>
      <c r="LU40" s="142">
        <v>0</v>
      </c>
      <c r="LV40" s="119">
        <v>0</v>
      </c>
      <c r="LW40" s="120">
        <v>0</v>
      </c>
      <c r="LX40" s="145">
        <v>0</v>
      </c>
      <c r="LY40" s="119">
        <v>0</v>
      </c>
      <c r="LZ40" s="119">
        <v>0</v>
      </c>
      <c r="MA40" s="119">
        <v>0</v>
      </c>
      <c r="MB40" s="119">
        <v>0</v>
      </c>
      <c r="MC40" s="119">
        <v>0</v>
      </c>
      <c r="MD40" s="120">
        <v>0</v>
      </c>
      <c r="ME40" s="121">
        <v>0</v>
      </c>
      <c r="MF40" s="142">
        <v>0</v>
      </c>
      <c r="MG40" s="119">
        <v>0</v>
      </c>
      <c r="MH40" s="120">
        <v>0</v>
      </c>
      <c r="MI40" s="145"/>
      <c r="MJ40" s="119">
        <v>267888</v>
      </c>
      <c r="MK40" s="119">
        <v>0</v>
      </c>
      <c r="ML40" s="119">
        <v>0</v>
      </c>
      <c r="MM40" s="119">
        <v>886496</v>
      </c>
      <c r="MN40" s="119">
        <v>9416</v>
      </c>
      <c r="MO40" s="120">
        <v>1163800</v>
      </c>
      <c r="MP40" s="143">
        <v>1163800</v>
      </c>
      <c r="MQ40" s="142">
        <v>0</v>
      </c>
      <c r="MR40" s="119">
        <v>0</v>
      </c>
      <c r="MS40" s="120">
        <v>0</v>
      </c>
      <c r="MT40" s="145">
        <v>0</v>
      </c>
      <c r="MU40" s="119">
        <v>0</v>
      </c>
      <c r="MV40" s="119">
        <v>0</v>
      </c>
      <c r="MW40" s="119">
        <v>0</v>
      </c>
      <c r="MX40" s="119">
        <v>886496</v>
      </c>
      <c r="MY40" s="119">
        <v>0</v>
      </c>
      <c r="MZ40" s="120">
        <v>886496</v>
      </c>
      <c r="NA40" s="143">
        <v>886496</v>
      </c>
      <c r="NB40" s="142">
        <v>0</v>
      </c>
      <c r="NC40" s="119">
        <v>0</v>
      </c>
      <c r="ND40" s="120">
        <v>0</v>
      </c>
      <c r="NE40" s="145"/>
      <c r="NF40" s="119">
        <v>267888</v>
      </c>
      <c r="NG40" s="119">
        <v>0</v>
      </c>
      <c r="NH40" s="119">
        <v>0</v>
      </c>
      <c r="NI40" s="119">
        <v>0</v>
      </c>
      <c r="NJ40" s="119">
        <v>9416</v>
      </c>
      <c r="NK40" s="120">
        <v>277304</v>
      </c>
      <c r="NL40" s="321">
        <v>277304</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00062</v>
      </c>
      <c r="OJ40" s="119">
        <v>15696</v>
      </c>
      <c r="OK40" s="141">
        <v>215758</v>
      </c>
      <c r="OL40" s="118">
        <v>0</v>
      </c>
      <c r="OM40" s="119">
        <v>1630968</v>
      </c>
      <c r="ON40" s="119">
        <v>1924714</v>
      </c>
      <c r="OO40" s="119">
        <v>856772</v>
      </c>
      <c r="OP40" s="119">
        <v>1681419</v>
      </c>
      <c r="OQ40" s="119">
        <v>565085</v>
      </c>
      <c r="OR40" s="120">
        <v>6658958</v>
      </c>
      <c r="OS40" s="143">
        <v>6874716</v>
      </c>
    </row>
    <row r="41" spans="2:409" ht="20.25" customHeight="1" x14ac:dyDescent="0.2">
      <c r="B41" s="126" t="s">
        <v>36</v>
      </c>
      <c r="C41" s="110">
        <v>5200</v>
      </c>
      <c r="D41" s="114">
        <v>86616</v>
      </c>
      <c r="E41" s="113">
        <v>91816</v>
      </c>
      <c r="F41" s="109">
        <v>0</v>
      </c>
      <c r="G41" s="114">
        <v>461977</v>
      </c>
      <c r="H41" s="114">
        <v>379345</v>
      </c>
      <c r="I41" s="114">
        <v>334565</v>
      </c>
      <c r="J41" s="114">
        <v>459919</v>
      </c>
      <c r="K41" s="114">
        <v>283471</v>
      </c>
      <c r="L41" s="173">
        <v>1919277</v>
      </c>
      <c r="M41" s="116">
        <v>2011093</v>
      </c>
      <c r="N41" s="110">
        <v>0</v>
      </c>
      <c r="O41" s="114">
        <v>8256</v>
      </c>
      <c r="P41" s="113">
        <v>8256</v>
      </c>
      <c r="Q41" s="110">
        <v>0</v>
      </c>
      <c r="R41" s="114">
        <v>203816</v>
      </c>
      <c r="S41" s="114">
        <v>51619</v>
      </c>
      <c r="T41" s="114">
        <v>114992</v>
      </c>
      <c r="U41" s="114">
        <v>293664</v>
      </c>
      <c r="V41" s="114">
        <v>17784</v>
      </c>
      <c r="W41" s="113">
        <v>681875</v>
      </c>
      <c r="X41" s="116">
        <v>690131</v>
      </c>
      <c r="Y41" s="110">
        <v>0</v>
      </c>
      <c r="Z41" s="114">
        <v>0</v>
      </c>
      <c r="AA41" s="113">
        <v>0</v>
      </c>
      <c r="AB41" s="110">
        <v>0</v>
      </c>
      <c r="AC41" s="114">
        <v>123106</v>
      </c>
      <c r="AD41" s="114">
        <v>12839</v>
      </c>
      <c r="AE41" s="114">
        <v>0</v>
      </c>
      <c r="AF41" s="114">
        <v>0</v>
      </c>
      <c r="AG41" s="114">
        <v>0</v>
      </c>
      <c r="AH41" s="113">
        <v>135945</v>
      </c>
      <c r="AI41" s="116">
        <v>135945</v>
      </c>
      <c r="AJ41" s="110">
        <v>0</v>
      </c>
      <c r="AK41" s="114">
        <v>0</v>
      </c>
      <c r="AL41" s="113">
        <v>0</v>
      </c>
      <c r="AM41" s="110">
        <v>0</v>
      </c>
      <c r="AN41" s="114">
        <v>0</v>
      </c>
      <c r="AO41" s="114">
        <v>0</v>
      </c>
      <c r="AP41" s="114">
        <v>0</v>
      </c>
      <c r="AQ41" s="114">
        <v>105874</v>
      </c>
      <c r="AR41" s="114">
        <v>0</v>
      </c>
      <c r="AS41" s="113">
        <v>105874</v>
      </c>
      <c r="AT41" s="116">
        <v>105874</v>
      </c>
      <c r="AU41" s="110">
        <v>0</v>
      </c>
      <c r="AV41" s="114">
        <v>0</v>
      </c>
      <c r="AW41" s="113">
        <v>0</v>
      </c>
      <c r="AX41" s="110">
        <v>0</v>
      </c>
      <c r="AY41" s="114">
        <v>59782</v>
      </c>
      <c r="AZ41" s="114">
        <v>6868</v>
      </c>
      <c r="BA41" s="114">
        <v>73152</v>
      </c>
      <c r="BB41" s="114">
        <v>178886</v>
      </c>
      <c r="BC41" s="114">
        <v>0</v>
      </c>
      <c r="BD41" s="113">
        <v>318688</v>
      </c>
      <c r="BE41" s="116">
        <v>318688</v>
      </c>
      <c r="BF41" s="110">
        <v>0</v>
      </c>
      <c r="BG41" s="114">
        <v>0</v>
      </c>
      <c r="BH41" s="112">
        <v>0</v>
      </c>
      <c r="BI41" s="111">
        <v>0</v>
      </c>
      <c r="BJ41" s="114">
        <v>0</v>
      </c>
      <c r="BK41" s="114">
        <v>0</v>
      </c>
      <c r="BL41" s="114">
        <v>0</v>
      </c>
      <c r="BM41" s="114">
        <v>0</v>
      </c>
      <c r="BN41" s="114">
        <v>0</v>
      </c>
      <c r="BO41" s="113">
        <v>0</v>
      </c>
      <c r="BP41" s="116">
        <v>0</v>
      </c>
      <c r="BQ41" s="110">
        <v>0</v>
      </c>
      <c r="BR41" s="114">
        <v>8256</v>
      </c>
      <c r="BS41" s="113">
        <v>8256</v>
      </c>
      <c r="BT41" s="110">
        <v>0</v>
      </c>
      <c r="BU41" s="114">
        <v>20928</v>
      </c>
      <c r="BV41" s="114">
        <v>31912</v>
      </c>
      <c r="BW41" s="114">
        <v>41840</v>
      </c>
      <c r="BX41" s="114">
        <v>8904</v>
      </c>
      <c r="BY41" s="114">
        <v>17784</v>
      </c>
      <c r="BZ41" s="113">
        <v>121368</v>
      </c>
      <c r="CA41" s="116">
        <v>129624</v>
      </c>
      <c r="CB41" s="110">
        <v>0</v>
      </c>
      <c r="CC41" s="114">
        <v>37312</v>
      </c>
      <c r="CD41" s="113">
        <v>37312</v>
      </c>
      <c r="CE41" s="110">
        <v>0</v>
      </c>
      <c r="CF41" s="114">
        <v>90061</v>
      </c>
      <c r="CG41" s="114">
        <v>201382</v>
      </c>
      <c r="CH41" s="114">
        <v>0</v>
      </c>
      <c r="CI41" s="114">
        <v>37820</v>
      </c>
      <c r="CJ41" s="114">
        <v>0</v>
      </c>
      <c r="CK41" s="113">
        <v>329263</v>
      </c>
      <c r="CL41" s="116">
        <v>366575</v>
      </c>
      <c r="CM41" s="110">
        <v>0</v>
      </c>
      <c r="CN41" s="114">
        <v>0</v>
      </c>
      <c r="CO41" s="113">
        <v>0</v>
      </c>
      <c r="CP41" s="111">
        <v>0</v>
      </c>
      <c r="CQ41" s="114">
        <v>90061</v>
      </c>
      <c r="CR41" s="114">
        <v>144522</v>
      </c>
      <c r="CS41" s="114">
        <v>0</v>
      </c>
      <c r="CT41" s="114">
        <v>37820</v>
      </c>
      <c r="CU41" s="114">
        <v>0</v>
      </c>
      <c r="CV41" s="113">
        <v>272403</v>
      </c>
      <c r="CW41" s="116">
        <v>272403</v>
      </c>
      <c r="CX41" s="110">
        <v>0</v>
      </c>
      <c r="CY41" s="114">
        <v>37312</v>
      </c>
      <c r="CZ41" s="113">
        <v>37312</v>
      </c>
      <c r="DA41" s="110">
        <v>0</v>
      </c>
      <c r="DB41" s="114">
        <v>0</v>
      </c>
      <c r="DC41" s="114">
        <v>56860</v>
      </c>
      <c r="DD41" s="114">
        <v>0</v>
      </c>
      <c r="DE41" s="114">
        <v>0</v>
      </c>
      <c r="DF41" s="114">
        <v>0</v>
      </c>
      <c r="DG41" s="113">
        <v>56860</v>
      </c>
      <c r="DH41" s="116">
        <v>94172</v>
      </c>
      <c r="DI41" s="110">
        <v>0</v>
      </c>
      <c r="DJ41" s="114">
        <v>0</v>
      </c>
      <c r="DK41" s="112">
        <v>0</v>
      </c>
      <c r="DL41" s="111">
        <v>0</v>
      </c>
      <c r="DM41" s="114">
        <v>141740</v>
      </c>
      <c r="DN41" s="114">
        <v>76200</v>
      </c>
      <c r="DO41" s="114">
        <v>0</v>
      </c>
      <c r="DP41" s="114">
        <v>50715</v>
      </c>
      <c r="DQ41" s="114">
        <v>0</v>
      </c>
      <c r="DR41" s="113">
        <v>268655</v>
      </c>
      <c r="DS41" s="116">
        <v>268655</v>
      </c>
      <c r="DT41" s="110">
        <v>0</v>
      </c>
      <c r="DU41" s="114">
        <v>0</v>
      </c>
      <c r="DV41" s="113">
        <v>0</v>
      </c>
      <c r="DW41" s="110">
        <v>0</v>
      </c>
      <c r="DX41" s="114">
        <v>141740</v>
      </c>
      <c r="DY41" s="114">
        <v>0</v>
      </c>
      <c r="DZ41" s="114">
        <v>0</v>
      </c>
      <c r="EA41" s="114">
        <v>50715</v>
      </c>
      <c r="EB41" s="114">
        <v>0</v>
      </c>
      <c r="EC41" s="113">
        <v>192455</v>
      </c>
      <c r="ED41" s="116">
        <v>192455</v>
      </c>
      <c r="EE41" s="110">
        <v>0</v>
      </c>
      <c r="EF41" s="112">
        <v>0</v>
      </c>
      <c r="EG41" s="113">
        <v>0</v>
      </c>
      <c r="EH41" s="110">
        <v>0</v>
      </c>
      <c r="EI41" s="114">
        <v>0</v>
      </c>
      <c r="EJ41" s="114">
        <v>76200</v>
      </c>
      <c r="EK41" s="114">
        <v>0</v>
      </c>
      <c r="EL41" s="114">
        <v>0</v>
      </c>
      <c r="EM41" s="114">
        <v>0</v>
      </c>
      <c r="EN41" s="112">
        <v>76200</v>
      </c>
      <c r="EO41" s="116">
        <v>7620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8"/>
      <c r="FE41" s="114">
        <v>0</v>
      </c>
      <c r="FF41" s="114">
        <v>0</v>
      </c>
      <c r="FG41" s="114">
        <v>0</v>
      </c>
      <c r="FH41" s="114">
        <v>0</v>
      </c>
      <c r="FI41" s="114">
        <v>0</v>
      </c>
      <c r="FJ41" s="113">
        <v>0</v>
      </c>
      <c r="FK41" s="116">
        <v>0</v>
      </c>
      <c r="FL41" s="110">
        <v>5200</v>
      </c>
      <c r="FM41" s="114">
        <v>41048</v>
      </c>
      <c r="FN41" s="113">
        <v>46248</v>
      </c>
      <c r="FO41" s="110">
        <v>0</v>
      </c>
      <c r="FP41" s="114">
        <v>26360</v>
      </c>
      <c r="FQ41" s="114">
        <v>50144</v>
      </c>
      <c r="FR41" s="114">
        <v>33280</v>
      </c>
      <c r="FS41" s="114">
        <v>77720</v>
      </c>
      <c r="FT41" s="114">
        <v>35536</v>
      </c>
      <c r="FU41" s="113">
        <v>223040</v>
      </c>
      <c r="FV41" s="116">
        <v>269288</v>
      </c>
      <c r="FW41" s="115">
        <v>5200</v>
      </c>
      <c r="FX41" s="114">
        <v>41048</v>
      </c>
      <c r="FY41" s="112">
        <v>46248</v>
      </c>
      <c r="FZ41" s="111">
        <v>0</v>
      </c>
      <c r="GA41" s="114">
        <v>26360</v>
      </c>
      <c r="GB41" s="114">
        <v>50144</v>
      </c>
      <c r="GC41" s="114">
        <v>33280</v>
      </c>
      <c r="GD41" s="114">
        <v>77720</v>
      </c>
      <c r="GE41" s="114">
        <v>35536</v>
      </c>
      <c r="GF41" s="113">
        <v>223040</v>
      </c>
      <c r="GG41" s="319">
        <v>269288</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0</v>
      </c>
      <c r="HJ41" s="114">
        <v>186293</v>
      </c>
      <c r="HK41" s="114">
        <v>0</v>
      </c>
      <c r="HL41" s="114">
        <v>230151</v>
      </c>
      <c r="HM41" s="113">
        <v>416444</v>
      </c>
      <c r="HN41" s="109">
        <v>416444</v>
      </c>
      <c r="HO41" s="329"/>
      <c r="HP41" s="330"/>
      <c r="HQ41" s="331"/>
      <c r="HR41" s="332"/>
      <c r="HS41" s="330"/>
      <c r="HT41" s="330"/>
      <c r="HU41" s="330"/>
      <c r="HV41" s="330"/>
      <c r="HW41" s="330"/>
      <c r="HX41" s="333"/>
      <c r="HY41" s="334"/>
      <c r="HZ41" s="131">
        <v>0</v>
      </c>
      <c r="IA41" s="132">
        <v>0</v>
      </c>
      <c r="IB41" s="133">
        <v>0</v>
      </c>
      <c r="IC41" s="146">
        <v>0</v>
      </c>
      <c r="ID41" s="132">
        <v>68567</v>
      </c>
      <c r="IE41" s="147">
        <v>264617</v>
      </c>
      <c r="IF41" s="133">
        <v>198637</v>
      </c>
      <c r="IG41" s="132">
        <v>0</v>
      </c>
      <c r="IH41" s="133">
        <v>235959</v>
      </c>
      <c r="II41" s="148">
        <v>767780</v>
      </c>
      <c r="IJ41" s="139">
        <v>767780</v>
      </c>
      <c r="IK41" s="232">
        <v>0</v>
      </c>
      <c r="IL41" s="236">
        <v>0</v>
      </c>
      <c r="IM41" s="237">
        <v>0</v>
      </c>
      <c r="IN41" s="140"/>
      <c r="IO41" s="119">
        <v>0</v>
      </c>
      <c r="IP41" s="119">
        <v>0</v>
      </c>
      <c r="IQ41" s="119">
        <v>0</v>
      </c>
      <c r="IR41" s="119">
        <v>0</v>
      </c>
      <c r="IS41" s="119">
        <v>0</v>
      </c>
      <c r="IT41" s="141">
        <v>0</v>
      </c>
      <c r="IU41" s="321">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68567</v>
      </c>
      <c r="JL41" s="119">
        <v>29693</v>
      </c>
      <c r="JM41" s="119">
        <v>0</v>
      </c>
      <c r="JN41" s="119">
        <v>0</v>
      </c>
      <c r="JO41" s="119">
        <v>235959</v>
      </c>
      <c r="JP41" s="120">
        <v>334219</v>
      </c>
      <c r="JQ41" s="321">
        <v>334219</v>
      </c>
      <c r="JR41" s="142">
        <v>0</v>
      </c>
      <c r="JS41" s="119">
        <v>0</v>
      </c>
      <c r="JT41" s="141">
        <v>0</v>
      </c>
      <c r="JU41" s="118">
        <v>0</v>
      </c>
      <c r="JV41" s="119">
        <v>0</v>
      </c>
      <c r="JW41" s="119">
        <v>0</v>
      </c>
      <c r="JX41" s="119">
        <v>0</v>
      </c>
      <c r="JY41" s="119">
        <v>0</v>
      </c>
      <c r="JZ41" s="119">
        <v>0</v>
      </c>
      <c r="KA41" s="120">
        <v>0</v>
      </c>
      <c r="KB41" s="321">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34924</v>
      </c>
      <c r="KT41" s="119">
        <v>198637</v>
      </c>
      <c r="KU41" s="119">
        <v>0</v>
      </c>
      <c r="KV41" s="119">
        <v>0</v>
      </c>
      <c r="KW41" s="120">
        <v>433561</v>
      </c>
      <c r="KX41" s="321">
        <v>433561</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1">
        <v>0</v>
      </c>
      <c r="LU41" s="142">
        <v>0</v>
      </c>
      <c r="LV41" s="119">
        <v>0</v>
      </c>
      <c r="LW41" s="120">
        <v>0</v>
      </c>
      <c r="LX41" s="145">
        <v>0</v>
      </c>
      <c r="LY41" s="119">
        <v>0</v>
      </c>
      <c r="LZ41" s="119">
        <v>0</v>
      </c>
      <c r="MA41" s="119">
        <v>0</v>
      </c>
      <c r="MB41" s="119">
        <v>0</v>
      </c>
      <c r="MC41" s="119">
        <v>0</v>
      </c>
      <c r="MD41" s="120">
        <v>0</v>
      </c>
      <c r="ME41" s="121">
        <v>0</v>
      </c>
      <c r="MF41" s="142">
        <v>0</v>
      </c>
      <c r="MG41" s="119">
        <v>0</v>
      </c>
      <c r="MH41" s="120">
        <v>0</v>
      </c>
      <c r="MI41" s="145"/>
      <c r="MJ41" s="119">
        <v>0</v>
      </c>
      <c r="MK41" s="119">
        <v>230378</v>
      </c>
      <c r="ML41" s="119">
        <v>761949</v>
      </c>
      <c r="MM41" s="119">
        <v>952271</v>
      </c>
      <c r="MN41" s="119">
        <v>1073141</v>
      </c>
      <c r="MO41" s="120">
        <v>3017739</v>
      </c>
      <c r="MP41" s="143">
        <v>3017739</v>
      </c>
      <c r="MQ41" s="142">
        <v>0</v>
      </c>
      <c r="MR41" s="119">
        <v>0</v>
      </c>
      <c r="MS41" s="120">
        <v>0</v>
      </c>
      <c r="MT41" s="145">
        <v>0</v>
      </c>
      <c r="MU41" s="119">
        <v>0</v>
      </c>
      <c r="MV41" s="119">
        <v>0</v>
      </c>
      <c r="MW41" s="119">
        <v>0</v>
      </c>
      <c r="MX41" s="119">
        <v>952271</v>
      </c>
      <c r="MY41" s="119">
        <v>1073141</v>
      </c>
      <c r="MZ41" s="120">
        <v>2025412</v>
      </c>
      <c r="NA41" s="143">
        <v>2025412</v>
      </c>
      <c r="NB41" s="142">
        <v>0</v>
      </c>
      <c r="NC41" s="119">
        <v>0</v>
      </c>
      <c r="ND41" s="120">
        <v>0</v>
      </c>
      <c r="NE41" s="145"/>
      <c r="NF41" s="119">
        <v>0</v>
      </c>
      <c r="NG41" s="119">
        <v>230378</v>
      </c>
      <c r="NH41" s="119">
        <v>761949</v>
      </c>
      <c r="NI41" s="119">
        <v>0</v>
      </c>
      <c r="NJ41" s="119">
        <v>0</v>
      </c>
      <c r="NK41" s="120">
        <v>992327</v>
      </c>
      <c r="NL41" s="321">
        <v>992327</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5200</v>
      </c>
      <c r="OJ41" s="119">
        <v>86616</v>
      </c>
      <c r="OK41" s="141">
        <v>91816</v>
      </c>
      <c r="OL41" s="118">
        <v>0</v>
      </c>
      <c r="OM41" s="119">
        <v>530544</v>
      </c>
      <c r="ON41" s="119">
        <v>874340</v>
      </c>
      <c r="OO41" s="119">
        <v>1295151</v>
      </c>
      <c r="OP41" s="119">
        <v>1412190</v>
      </c>
      <c r="OQ41" s="119">
        <v>1592571</v>
      </c>
      <c r="OR41" s="120">
        <v>5704796</v>
      </c>
      <c r="OS41" s="143">
        <v>5796612</v>
      </c>
    </row>
    <row r="42" spans="2:409" ht="20.25" customHeight="1" thickBot="1" x14ac:dyDescent="0.25">
      <c r="B42" s="127" t="s">
        <v>37</v>
      </c>
      <c r="C42" s="117">
        <v>0</v>
      </c>
      <c r="D42" s="178">
        <v>0</v>
      </c>
      <c r="E42" s="179">
        <v>0</v>
      </c>
      <c r="F42" s="180">
        <v>0</v>
      </c>
      <c r="G42" s="178">
        <v>81722</v>
      </c>
      <c r="H42" s="178">
        <v>137651</v>
      </c>
      <c r="I42" s="178">
        <v>0</v>
      </c>
      <c r="J42" s="178">
        <v>0</v>
      </c>
      <c r="K42" s="178">
        <v>330235</v>
      </c>
      <c r="L42" s="180">
        <v>549608</v>
      </c>
      <c r="M42" s="181">
        <v>549608</v>
      </c>
      <c r="N42" s="117">
        <v>0</v>
      </c>
      <c r="O42" s="178">
        <v>0</v>
      </c>
      <c r="P42" s="179">
        <v>0</v>
      </c>
      <c r="Q42" s="117">
        <v>0</v>
      </c>
      <c r="R42" s="178">
        <v>54749</v>
      </c>
      <c r="S42" s="178">
        <v>26052</v>
      </c>
      <c r="T42" s="178">
        <v>0</v>
      </c>
      <c r="U42" s="178">
        <v>0</v>
      </c>
      <c r="V42" s="178">
        <v>76917</v>
      </c>
      <c r="W42" s="179">
        <v>157718</v>
      </c>
      <c r="X42" s="181">
        <v>157718</v>
      </c>
      <c r="Y42" s="117">
        <v>0</v>
      </c>
      <c r="Z42" s="178">
        <v>0</v>
      </c>
      <c r="AA42" s="179">
        <v>0</v>
      </c>
      <c r="AB42" s="117">
        <v>0</v>
      </c>
      <c r="AC42" s="178">
        <v>0</v>
      </c>
      <c r="AD42" s="178">
        <v>0</v>
      </c>
      <c r="AE42" s="178">
        <v>0</v>
      </c>
      <c r="AF42" s="178">
        <v>0</v>
      </c>
      <c r="AG42" s="178">
        <v>14360</v>
      </c>
      <c r="AH42" s="179">
        <v>14360</v>
      </c>
      <c r="AI42" s="181">
        <v>14360</v>
      </c>
      <c r="AJ42" s="117">
        <v>0</v>
      </c>
      <c r="AK42" s="178">
        <v>0</v>
      </c>
      <c r="AL42" s="179">
        <v>0</v>
      </c>
      <c r="AM42" s="117">
        <v>0</v>
      </c>
      <c r="AN42" s="178">
        <v>0</v>
      </c>
      <c r="AO42" s="178">
        <v>0</v>
      </c>
      <c r="AP42" s="178">
        <v>0</v>
      </c>
      <c r="AQ42" s="178">
        <v>0</v>
      </c>
      <c r="AR42" s="178">
        <v>37037</v>
      </c>
      <c r="AS42" s="179">
        <v>37037</v>
      </c>
      <c r="AT42" s="181">
        <v>37037</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54749</v>
      </c>
      <c r="BK42" s="178">
        <v>26052</v>
      </c>
      <c r="BL42" s="178">
        <v>0</v>
      </c>
      <c r="BM42" s="178">
        <v>0</v>
      </c>
      <c r="BN42" s="178">
        <v>0</v>
      </c>
      <c r="BO42" s="179">
        <v>80801</v>
      </c>
      <c r="BP42" s="181">
        <v>80801</v>
      </c>
      <c r="BQ42" s="117">
        <v>0</v>
      </c>
      <c r="BR42" s="178">
        <v>0</v>
      </c>
      <c r="BS42" s="179">
        <v>0</v>
      </c>
      <c r="BT42" s="117">
        <v>0</v>
      </c>
      <c r="BU42" s="178">
        <v>0</v>
      </c>
      <c r="BV42" s="178">
        <v>0</v>
      </c>
      <c r="BW42" s="178">
        <v>0</v>
      </c>
      <c r="BX42" s="178">
        <v>0</v>
      </c>
      <c r="BY42" s="178">
        <v>25520</v>
      </c>
      <c r="BZ42" s="179">
        <v>25520</v>
      </c>
      <c r="CA42" s="181">
        <v>25520</v>
      </c>
      <c r="CB42" s="117">
        <v>0</v>
      </c>
      <c r="CC42" s="178">
        <v>0</v>
      </c>
      <c r="CD42" s="179">
        <v>0</v>
      </c>
      <c r="CE42" s="117">
        <v>0</v>
      </c>
      <c r="CF42" s="178">
        <v>22605</v>
      </c>
      <c r="CG42" s="178">
        <v>92591</v>
      </c>
      <c r="CH42" s="178">
        <v>0</v>
      </c>
      <c r="CI42" s="178">
        <v>0</v>
      </c>
      <c r="CJ42" s="178">
        <v>0</v>
      </c>
      <c r="CK42" s="179">
        <v>115196</v>
      </c>
      <c r="CL42" s="181">
        <v>115196</v>
      </c>
      <c r="CM42" s="117">
        <v>0</v>
      </c>
      <c r="CN42" s="178">
        <v>0</v>
      </c>
      <c r="CO42" s="179">
        <v>0</v>
      </c>
      <c r="CP42" s="182">
        <v>0</v>
      </c>
      <c r="CQ42" s="178">
        <v>22605</v>
      </c>
      <c r="CR42" s="178">
        <v>92591</v>
      </c>
      <c r="CS42" s="178">
        <v>0</v>
      </c>
      <c r="CT42" s="178">
        <v>0</v>
      </c>
      <c r="CU42" s="178">
        <v>0</v>
      </c>
      <c r="CV42" s="179">
        <v>115196</v>
      </c>
      <c r="CW42" s="181">
        <v>115196</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9"/>
      <c r="FE42" s="178">
        <v>0</v>
      </c>
      <c r="FF42" s="178">
        <v>0</v>
      </c>
      <c r="FG42" s="178">
        <v>0</v>
      </c>
      <c r="FH42" s="178">
        <v>0</v>
      </c>
      <c r="FI42" s="178">
        <v>0</v>
      </c>
      <c r="FJ42" s="179">
        <v>0</v>
      </c>
      <c r="FK42" s="181">
        <v>0</v>
      </c>
      <c r="FL42" s="117">
        <v>0</v>
      </c>
      <c r="FM42" s="178">
        <v>0</v>
      </c>
      <c r="FN42" s="179">
        <v>0</v>
      </c>
      <c r="FO42" s="117">
        <v>0</v>
      </c>
      <c r="FP42" s="178">
        <v>4368</v>
      </c>
      <c r="FQ42" s="178">
        <v>19008</v>
      </c>
      <c r="FR42" s="178">
        <v>0</v>
      </c>
      <c r="FS42" s="178">
        <v>0</v>
      </c>
      <c r="FT42" s="178">
        <v>22240</v>
      </c>
      <c r="FU42" s="179">
        <v>45616</v>
      </c>
      <c r="FV42" s="181">
        <v>45616</v>
      </c>
      <c r="FW42" s="184">
        <v>0</v>
      </c>
      <c r="FX42" s="178">
        <v>0</v>
      </c>
      <c r="FY42" s="183">
        <v>0</v>
      </c>
      <c r="FZ42" s="182">
        <v>0</v>
      </c>
      <c r="GA42" s="178">
        <v>4368</v>
      </c>
      <c r="GB42" s="178">
        <v>19008</v>
      </c>
      <c r="GC42" s="178">
        <v>0</v>
      </c>
      <c r="GD42" s="178">
        <v>0</v>
      </c>
      <c r="GE42" s="178">
        <v>22240</v>
      </c>
      <c r="GF42" s="179">
        <v>45616</v>
      </c>
      <c r="GG42" s="320">
        <v>45616</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0</v>
      </c>
      <c r="HL42" s="178">
        <v>231078</v>
      </c>
      <c r="HM42" s="179">
        <v>231078</v>
      </c>
      <c r="HN42" s="180">
        <v>231078</v>
      </c>
      <c r="HO42" s="335"/>
      <c r="HP42" s="336"/>
      <c r="HQ42" s="337"/>
      <c r="HR42" s="338"/>
      <c r="HS42" s="336"/>
      <c r="HT42" s="336"/>
      <c r="HU42" s="336"/>
      <c r="HV42" s="336"/>
      <c r="HW42" s="336"/>
      <c r="HX42" s="339"/>
      <c r="HY42" s="340"/>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2">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2">
        <v>0</v>
      </c>
      <c r="JR42" s="163">
        <v>0</v>
      </c>
      <c r="JS42" s="161">
        <v>0</v>
      </c>
      <c r="JT42" s="162">
        <v>0</v>
      </c>
      <c r="JU42" s="164">
        <v>0</v>
      </c>
      <c r="JV42" s="161">
        <v>0</v>
      </c>
      <c r="JW42" s="161">
        <v>0</v>
      </c>
      <c r="JX42" s="161">
        <v>0</v>
      </c>
      <c r="JY42" s="161">
        <v>0</v>
      </c>
      <c r="JZ42" s="161">
        <v>0</v>
      </c>
      <c r="KA42" s="165">
        <v>0</v>
      </c>
      <c r="KB42" s="322">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2">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2">
        <v>0</v>
      </c>
      <c r="LU42" s="163">
        <v>0</v>
      </c>
      <c r="LV42" s="161">
        <v>0</v>
      </c>
      <c r="LW42" s="165">
        <v>0</v>
      </c>
      <c r="LX42" s="169">
        <v>0</v>
      </c>
      <c r="LY42" s="161">
        <v>0</v>
      </c>
      <c r="LZ42" s="161">
        <v>0</v>
      </c>
      <c r="MA42" s="161">
        <v>0</v>
      </c>
      <c r="MB42" s="161">
        <v>0</v>
      </c>
      <c r="MC42" s="161">
        <v>0</v>
      </c>
      <c r="MD42" s="165">
        <v>0</v>
      </c>
      <c r="ME42" s="166">
        <v>0</v>
      </c>
      <c r="MF42" s="163">
        <v>0</v>
      </c>
      <c r="MG42" s="161">
        <v>0</v>
      </c>
      <c r="MH42" s="165">
        <v>0</v>
      </c>
      <c r="MI42" s="169"/>
      <c r="MJ42" s="161">
        <v>0</v>
      </c>
      <c r="MK42" s="161">
        <v>0</v>
      </c>
      <c r="ML42" s="161">
        <v>222848</v>
      </c>
      <c r="MM42" s="161">
        <v>0</v>
      </c>
      <c r="MN42" s="161">
        <v>267867</v>
      </c>
      <c r="MO42" s="165">
        <v>490715</v>
      </c>
      <c r="MP42" s="167">
        <v>490715</v>
      </c>
      <c r="MQ42" s="163">
        <v>0</v>
      </c>
      <c r="MR42" s="161">
        <v>0</v>
      </c>
      <c r="MS42" s="165">
        <v>0</v>
      </c>
      <c r="MT42" s="169">
        <v>0</v>
      </c>
      <c r="MU42" s="161">
        <v>0</v>
      </c>
      <c r="MV42" s="161">
        <v>0</v>
      </c>
      <c r="MW42" s="161">
        <v>222848</v>
      </c>
      <c r="MX42" s="161">
        <v>0</v>
      </c>
      <c r="MY42" s="161">
        <v>267867</v>
      </c>
      <c r="MZ42" s="165">
        <v>490715</v>
      </c>
      <c r="NA42" s="167">
        <v>490715</v>
      </c>
      <c r="NB42" s="163">
        <v>0</v>
      </c>
      <c r="NC42" s="161">
        <v>0</v>
      </c>
      <c r="ND42" s="165">
        <v>0</v>
      </c>
      <c r="NE42" s="169"/>
      <c r="NF42" s="161">
        <v>0</v>
      </c>
      <c r="NG42" s="161">
        <v>0</v>
      </c>
      <c r="NH42" s="161">
        <v>0</v>
      </c>
      <c r="NI42" s="161">
        <v>0</v>
      </c>
      <c r="NJ42" s="161">
        <v>0</v>
      </c>
      <c r="NK42" s="165">
        <v>0</v>
      </c>
      <c r="NL42" s="322">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0</v>
      </c>
      <c r="OK42" s="162">
        <v>0</v>
      </c>
      <c r="OL42" s="164">
        <v>0</v>
      </c>
      <c r="OM42" s="161">
        <v>81722</v>
      </c>
      <c r="ON42" s="161">
        <v>137651</v>
      </c>
      <c r="OO42" s="161">
        <v>222848</v>
      </c>
      <c r="OP42" s="161">
        <v>0</v>
      </c>
      <c r="OQ42" s="161">
        <v>598102</v>
      </c>
      <c r="OR42" s="165">
        <v>1040323</v>
      </c>
      <c r="OS42" s="167">
        <v>1040323</v>
      </c>
    </row>
    <row r="43" spans="2:409" x14ac:dyDescent="0.2">
      <c r="B43" s="44"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5" customWidth="1"/>
    <col min="83" max="83" width="7.6640625" style="325" customWidth="1"/>
    <col min="84" max="84" width="9.88671875" style="325" customWidth="1"/>
    <col min="85" max="85" width="10" style="325" customWidth="1"/>
    <col min="86" max="86" width="9.77734375" style="325" customWidth="1"/>
    <col min="87" max="87" width="9.21875" style="325" customWidth="1"/>
    <col min="88" max="88" width="8.77734375" style="325" customWidth="1"/>
    <col min="89" max="89" width="9.88671875" style="325" customWidth="1"/>
    <col min="90" max="90" width="9.77734375" style="325"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5" customWidth="1"/>
    <col min="116" max="116" width="7.21875" style="325" customWidth="1"/>
    <col min="117" max="121" width="8.21875" style="325" customWidth="1"/>
    <col min="122" max="122" width="10.109375" style="325" customWidth="1"/>
    <col min="123" max="123" width="9.77734375" style="325"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5" customWidth="1"/>
    <col min="171" max="171" width="6.6640625" style="325" customWidth="1"/>
    <col min="172" max="176" width="8.21875" style="325" customWidth="1"/>
    <col min="177" max="177" width="10.109375" style="325" customWidth="1"/>
    <col min="178" max="178" width="9.88671875" style="325"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368">
        <f>第１表!F2</f>
        <v>4</v>
      </c>
      <c r="F1" s="251">
        <f>第１表!G2</f>
        <v>8</v>
      </c>
      <c r="G1" s="650">
        <f>IF(F1&lt;3,F1-2+12,F1-2)</f>
        <v>6</v>
      </c>
      <c r="H1" s="650"/>
      <c r="IB1" s="368"/>
      <c r="IC1" s="253"/>
      <c r="ID1" s="641"/>
      <c r="IE1" s="641"/>
    </row>
    <row r="2" spans="1:409" ht="24" customHeight="1" x14ac:dyDescent="0.2">
      <c r="B2" s="20" t="s">
        <v>147</v>
      </c>
      <c r="E2" s="250"/>
      <c r="F2" s="251"/>
      <c r="G2" s="355"/>
      <c r="H2" s="355"/>
      <c r="IB2" s="252"/>
      <c r="IC2" s="253"/>
      <c r="ID2" s="371"/>
      <c r="IE2" s="371"/>
    </row>
    <row r="3" spans="1:409" ht="24" customHeight="1" thickBot="1" x14ac:dyDescent="0.25">
      <c r="B3" s="20" t="s">
        <v>156</v>
      </c>
    </row>
    <row r="4" spans="1:409" ht="18" customHeight="1" thickBot="1" x14ac:dyDescent="0.25">
      <c r="B4" s="677" t="s">
        <v>42</v>
      </c>
      <c r="C4" s="680" t="s">
        <v>63</v>
      </c>
      <c r="D4" s="680"/>
      <c r="E4" s="680"/>
      <c r="F4" s="680"/>
      <c r="G4" s="680"/>
      <c r="H4" s="680"/>
      <c r="I4" s="680"/>
      <c r="J4" s="680"/>
      <c r="K4" s="680"/>
      <c r="L4" s="680"/>
      <c r="M4" s="680"/>
      <c r="N4" s="683"/>
      <c r="O4" s="683"/>
      <c r="P4" s="683"/>
      <c r="Q4" s="683"/>
      <c r="R4" s="683"/>
      <c r="S4" s="683"/>
      <c r="T4" s="683"/>
      <c r="U4" s="683"/>
      <c r="V4" s="683"/>
      <c r="W4" s="683"/>
      <c r="X4" s="683"/>
      <c r="Y4" s="683"/>
      <c r="Z4" s="683"/>
      <c r="AA4" s="683"/>
      <c r="AB4" s="683"/>
      <c r="AC4" s="683"/>
      <c r="AD4" s="683"/>
      <c r="AE4" s="683"/>
      <c r="AF4" s="683"/>
      <c r="AG4" s="683"/>
      <c r="AH4" s="683"/>
      <c r="AI4" s="683"/>
      <c r="AJ4" s="683"/>
      <c r="AK4" s="683"/>
      <c r="AL4" s="683"/>
      <c r="AM4" s="683"/>
      <c r="AN4" s="683"/>
      <c r="AO4" s="683"/>
      <c r="AP4" s="683"/>
      <c r="AQ4" s="683"/>
      <c r="AR4" s="683"/>
      <c r="AS4" s="683"/>
      <c r="AT4" s="683"/>
      <c r="AU4" s="683"/>
      <c r="AV4" s="683"/>
      <c r="AW4" s="683"/>
      <c r="AX4" s="683"/>
      <c r="AY4" s="683"/>
      <c r="AZ4" s="683"/>
      <c r="BA4" s="683"/>
      <c r="BB4" s="683"/>
      <c r="BC4" s="683"/>
      <c r="BD4" s="683"/>
      <c r="BE4" s="683"/>
      <c r="BF4" s="683"/>
      <c r="BG4" s="683"/>
      <c r="BH4" s="683"/>
      <c r="BI4" s="683"/>
      <c r="BJ4" s="683"/>
      <c r="BK4" s="683"/>
      <c r="BL4" s="683"/>
      <c r="BM4" s="683"/>
      <c r="BN4" s="683"/>
      <c r="BO4" s="683"/>
      <c r="BP4" s="683"/>
      <c r="BQ4" s="683"/>
      <c r="BR4" s="683"/>
      <c r="BS4" s="683"/>
      <c r="BT4" s="683"/>
      <c r="BU4" s="683"/>
      <c r="BV4" s="683"/>
      <c r="BW4" s="683"/>
      <c r="BX4" s="683"/>
      <c r="BY4" s="683"/>
      <c r="BZ4" s="683"/>
      <c r="CA4" s="683"/>
      <c r="CB4" s="683"/>
      <c r="CC4" s="683"/>
      <c r="CD4" s="683"/>
      <c r="CE4" s="683"/>
      <c r="CF4" s="683"/>
      <c r="CG4" s="683"/>
      <c r="CH4" s="683"/>
      <c r="CI4" s="683"/>
      <c r="CJ4" s="683"/>
      <c r="CK4" s="683"/>
      <c r="CL4" s="683"/>
      <c r="CM4" s="683"/>
      <c r="CN4" s="683"/>
      <c r="CO4" s="683"/>
      <c r="CP4" s="683"/>
      <c r="CQ4" s="683"/>
      <c r="CR4" s="683"/>
      <c r="CS4" s="683"/>
      <c r="CT4" s="683"/>
      <c r="CU4" s="683"/>
      <c r="CV4" s="683"/>
      <c r="CW4" s="683"/>
      <c r="CX4" s="683"/>
      <c r="CY4" s="683"/>
      <c r="CZ4" s="683"/>
      <c r="DA4" s="683"/>
      <c r="DB4" s="683"/>
      <c r="DC4" s="683"/>
      <c r="DD4" s="683"/>
      <c r="DE4" s="683"/>
      <c r="DF4" s="683"/>
      <c r="DG4" s="683"/>
      <c r="DH4" s="683"/>
      <c r="DI4" s="683"/>
      <c r="DJ4" s="683"/>
      <c r="DK4" s="683"/>
      <c r="DL4" s="683"/>
      <c r="DM4" s="683"/>
      <c r="DN4" s="683"/>
      <c r="DO4" s="683"/>
      <c r="DP4" s="683"/>
      <c r="DQ4" s="683"/>
      <c r="DR4" s="683"/>
      <c r="DS4" s="683"/>
      <c r="DT4" s="683"/>
      <c r="DU4" s="683"/>
      <c r="DV4" s="683"/>
      <c r="DW4" s="683"/>
      <c r="DX4" s="683"/>
      <c r="DY4" s="683"/>
      <c r="DZ4" s="683"/>
      <c r="EA4" s="683"/>
      <c r="EB4" s="683"/>
      <c r="EC4" s="683"/>
      <c r="ED4" s="683"/>
      <c r="EE4" s="683"/>
      <c r="EF4" s="683"/>
      <c r="EG4" s="683"/>
      <c r="EH4" s="683"/>
      <c r="EI4" s="683"/>
      <c r="EJ4" s="683"/>
      <c r="EK4" s="683"/>
      <c r="EL4" s="683"/>
      <c r="EM4" s="683"/>
      <c r="EN4" s="683"/>
      <c r="EO4" s="683"/>
      <c r="EP4" s="683"/>
      <c r="EQ4" s="683"/>
      <c r="ER4" s="683"/>
      <c r="ES4" s="683"/>
      <c r="ET4" s="683"/>
      <c r="EU4" s="683"/>
      <c r="EV4" s="683"/>
      <c r="EW4" s="683"/>
      <c r="EX4" s="683"/>
      <c r="EY4" s="683"/>
      <c r="EZ4" s="683"/>
      <c r="FA4" s="683"/>
      <c r="FB4" s="683"/>
      <c r="FC4" s="683"/>
      <c r="FD4" s="683"/>
      <c r="FE4" s="683"/>
      <c r="FF4" s="683"/>
      <c r="FG4" s="683"/>
      <c r="FH4" s="683"/>
      <c r="FI4" s="683"/>
      <c r="FJ4" s="683"/>
      <c r="FK4" s="683"/>
      <c r="FL4" s="683"/>
      <c r="FM4" s="683"/>
      <c r="FN4" s="683"/>
      <c r="FO4" s="683"/>
      <c r="FP4" s="683"/>
      <c r="FQ4" s="683"/>
      <c r="FR4" s="683"/>
      <c r="FS4" s="683"/>
      <c r="FT4" s="683"/>
      <c r="FU4" s="683"/>
      <c r="FV4" s="683"/>
      <c r="FW4" s="683"/>
      <c r="FX4" s="683"/>
      <c r="FY4" s="683"/>
      <c r="FZ4" s="683"/>
      <c r="GA4" s="683"/>
      <c r="GB4" s="683"/>
      <c r="GC4" s="683"/>
      <c r="GD4" s="683"/>
      <c r="GE4" s="683"/>
      <c r="GF4" s="683"/>
      <c r="GG4" s="683"/>
      <c r="GH4" s="683"/>
      <c r="GI4" s="683"/>
      <c r="GJ4" s="683"/>
      <c r="GK4" s="683"/>
      <c r="GL4" s="683"/>
      <c r="GM4" s="683"/>
      <c r="GN4" s="683"/>
      <c r="GO4" s="683"/>
      <c r="GP4" s="683"/>
      <c r="GQ4" s="683"/>
      <c r="GR4" s="683"/>
      <c r="GS4" s="683"/>
      <c r="GT4" s="683"/>
      <c r="GU4" s="683"/>
      <c r="GV4" s="683"/>
      <c r="GW4" s="683"/>
      <c r="GX4" s="683"/>
      <c r="GY4" s="683"/>
      <c r="GZ4" s="683"/>
      <c r="HA4" s="683"/>
      <c r="HB4" s="683"/>
      <c r="HC4" s="683"/>
      <c r="HD4" s="683"/>
      <c r="HE4" s="683"/>
      <c r="HF4" s="683"/>
      <c r="HG4" s="683"/>
      <c r="HH4" s="683"/>
      <c r="HI4" s="683"/>
      <c r="HJ4" s="683"/>
      <c r="HK4" s="683"/>
      <c r="HL4" s="683"/>
      <c r="HM4" s="683"/>
      <c r="HN4" s="683"/>
      <c r="HO4" s="683"/>
      <c r="HP4" s="683"/>
      <c r="HQ4" s="683"/>
      <c r="HR4" s="683"/>
      <c r="HS4" s="683"/>
      <c r="HT4" s="683"/>
      <c r="HU4" s="683"/>
      <c r="HV4" s="683"/>
      <c r="HW4" s="683"/>
      <c r="HX4" s="683"/>
      <c r="HY4" s="684"/>
      <c r="HZ4" s="638" t="s">
        <v>85</v>
      </c>
      <c r="IA4" s="639"/>
      <c r="IB4" s="639"/>
      <c r="IC4" s="639"/>
      <c r="ID4" s="639"/>
      <c r="IE4" s="639"/>
      <c r="IF4" s="639"/>
      <c r="IG4" s="639"/>
      <c r="IH4" s="639"/>
      <c r="II4" s="639"/>
      <c r="IJ4" s="639"/>
      <c r="IK4" s="639"/>
      <c r="IL4" s="639"/>
      <c r="IM4" s="639"/>
      <c r="IN4" s="639"/>
      <c r="IO4" s="639"/>
      <c r="IP4" s="639"/>
      <c r="IQ4" s="639"/>
      <c r="IR4" s="639"/>
      <c r="IS4" s="639"/>
      <c r="IT4" s="639"/>
      <c r="IU4" s="639"/>
      <c r="IV4" s="639"/>
      <c r="IW4" s="639"/>
      <c r="IX4" s="639"/>
      <c r="IY4" s="639"/>
      <c r="IZ4" s="639"/>
      <c r="JA4" s="639"/>
      <c r="JB4" s="639"/>
      <c r="JC4" s="639"/>
      <c r="JD4" s="639"/>
      <c r="JE4" s="639"/>
      <c r="JF4" s="639"/>
      <c r="JG4" s="639"/>
      <c r="JH4" s="639"/>
      <c r="JI4" s="639"/>
      <c r="JJ4" s="639"/>
      <c r="JK4" s="639"/>
      <c r="JL4" s="639"/>
      <c r="JM4" s="639"/>
      <c r="JN4" s="639"/>
      <c r="JO4" s="639"/>
      <c r="JP4" s="639"/>
      <c r="JQ4" s="639"/>
      <c r="JR4" s="639"/>
      <c r="JS4" s="639"/>
      <c r="JT4" s="639"/>
      <c r="JU4" s="639"/>
      <c r="JV4" s="639"/>
      <c r="JW4" s="639"/>
      <c r="JX4" s="639"/>
      <c r="JY4" s="639"/>
      <c r="JZ4" s="639"/>
      <c r="KA4" s="639"/>
      <c r="KB4" s="639"/>
      <c r="KC4" s="639"/>
      <c r="KD4" s="639"/>
      <c r="KE4" s="639"/>
      <c r="KF4" s="639"/>
      <c r="KG4" s="639"/>
      <c r="KH4" s="639"/>
      <c r="KI4" s="639"/>
      <c r="KJ4" s="639"/>
      <c r="KK4" s="639"/>
      <c r="KL4" s="639"/>
      <c r="KM4" s="639"/>
      <c r="KN4" s="639"/>
      <c r="KO4" s="639"/>
      <c r="KP4" s="639"/>
      <c r="KQ4" s="639"/>
      <c r="KR4" s="639"/>
      <c r="KS4" s="639"/>
      <c r="KT4" s="639"/>
      <c r="KU4" s="639"/>
      <c r="KV4" s="639"/>
      <c r="KW4" s="639"/>
      <c r="KX4" s="639"/>
      <c r="KY4" s="639"/>
      <c r="KZ4" s="639"/>
      <c r="LA4" s="639"/>
      <c r="LB4" s="639"/>
      <c r="LC4" s="639"/>
      <c r="LD4" s="639"/>
      <c r="LE4" s="639"/>
      <c r="LF4" s="639"/>
      <c r="LG4" s="639"/>
      <c r="LH4" s="639"/>
      <c r="LI4" s="639"/>
      <c r="LJ4" s="639"/>
      <c r="LK4" s="639"/>
      <c r="LL4" s="639"/>
      <c r="LM4" s="639"/>
      <c r="LN4" s="639"/>
      <c r="LO4" s="639"/>
      <c r="LP4" s="639"/>
      <c r="LQ4" s="639"/>
      <c r="LR4" s="639"/>
      <c r="LS4" s="639"/>
      <c r="LT4" s="639"/>
      <c r="LU4" s="639"/>
      <c r="LV4" s="639"/>
      <c r="LW4" s="639"/>
      <c r="LX4" s="639"/>
      <c r="LY4" s="639"/>
      <c r="LZ4" s="639"/>
      <c r="MA4" s="639"/>
      <c r="MB4" s="639"/>
      <c r="MC4" s="639"/>
      <c r="MD4" s="639"/>
      <c r="ME4" s="640"/>
      <c r="MF4" s="638" t="s">
        <v>86</v>
      </c>
      <c r="MG4" s="639"/>
      <c r="MH4" s="639"/>
      <c r="MI4" s="639"/>
      <c r="MJ4" s="639"/>
      <c r="MK4" s="639"/>
      <c r="ML4" s="639"/>
      <c r="MM4" s="639"/>
      <c r="MN4" s="639"/>
      <c r="MO4" s="639"/>
      <c r="MP4" s="639"/>
      <c r="MQ4" s="639"/>
      <c r="MR4" s="639"/>
      <c r="MS4" s="639"/>
      <c r="MT4" s="639"/>
      <c r="MU4" s="639"/>
      <c r="MV4" s="639"/>
      <c r="MW4" s="639"/>
      <c r="MX4" s="639"/>
      <c r="MY4" s="639"/>
      <c r="MZ4" s="639"/>
      <c r="NA4" s="639"/>
      <c r="NB4" s="639"/>
      <c r="NC4" s="639"/>
      <c r="ND4" s="639"/>
      <c r="NE4" s="639"/>
      <c r="NF4" s="639"/>
      <c r="NG4" s="639"/>
      <c r="NH4" s="639"/>
      <c r="NI4" s="639"/>
      <c r="NJ4" s="639"/>
      <c r="NK4" s="639"/>
      <c r="NL4" s="639"/>
      <c r="NM4" s="639"/>
      <c r="NN4" s="639"/>
      <c r="NO4" s="639"/>
      <c r="NP4" s="639"/>
      <c r="NQ4" s="639"/>
      <c r="NR4" s="639"/>
      <c r="NS4" s="639"/>
      <c r="NT4" s="639"/>
      <c r="NU4" s="639"/>
      <c r="NV4" s="639"/>
      <c r="NW4" s="639"/>
      <c r="NX4" s="639"/>
      <c r="NY4" s="639"/>
      <c r="NZ4" s="639"/>
      <c r="OA4" s="639"/>
      <c r="OB4" s="639"/>
      <c r="OC4" s="639"/>
      <c r="OD4" s="639"/>
      <c r="OE4" s="639"/>
      <c r="OF4" s="639"/>
      <c r="OG4" s="639"/>
      <c r="OH4" s="640"/>
      <c r="OI4" s="594" t="s">
        <v>60</v>
      </c>
      <c r="OJ4" s="503"/>
      <c r="OK4" s="503"/>
      <c r="OL4" s="503"/>
      <c r="OM4" s="503"/>
      <c r="ON4" s="503"/>
      <c r="OO4" s="503"/>
      <c r="OP4" s="503"/>
      <c r="OQ4" s="503"/>
      <c r="OR4" s="503"/>
      <c r="OS4" s="504"/>
    </row>
    <row r="5" spans="1:409" ht="18" customHeight="1" thickBot="1" x14ac:dyDescent="0.25">
      <c r="B5" s="678"/>
      <c r="C5" s="681"/>
      <c r="D5" s="681"/>
      <c r="E5" s="681"/>
      <c r="F5" s="681"/>
      <c r="G5" s="681"/>
      <c r="H5" s="681"/>
      <c r="I5" s="681"/>
      <c r="J5" s="681"/>
      <c r="K5" s="681"/>
      <c r="L5" s="681"/>
      <c r="M5" s="681"/>
      <c r="N5" s="685" t="s">
        <v>64</v>
      </c>
      <c r="O5" s="686"/>
      <c r="P5" s="686"/>
      <c r="Q5" s="686"/>
      <c r="R5" s="686"/>
      <c r="S5" s="686"/>
      <c r="T5" s="686"/>
      <c r="U5" s="686"/>
      <c r="V5" s="686"/>
      <c r="W5" s="686"/>
      <c r="X5" s="686"/>
      <c r="Y5" s="686"/>
      <c r="Z5" s="686"/>
      <c r="AA5" s="686"/>
      <c r="AB5" s="686"/>
      <c r="AC5" s="686"/>
      <c r="AD5" s="686"/>
      <c r="AE5" s="686"/>
      <c r="AF5" s="686"/>
      <c r="AG5" s="686"/>
      <c r="AH5" s="686"/>
      <c r="AI5" s="686"/>
      <c r="AJ5" s="686"/>
      <c r="AK5" s="686"/>
      <c r="AL5" s="686"/>
      <c r="AM5" s="686"/>
      <c r="AN5" s="686"/>
      <c r="AO5" s="686"/>
      <c r="AP5" s="686"/>
      <c r="AQ5" s="686"/>
      <c r="AR5" s="686"/>
      <c r="AS5" s="686"/>
      <c r="AT5" s="686"/>
      <c r="AU5" s="686"/>
      <c r="AV5" s="686"/>
      <c r="AW5" s="686"/>
      <c r="AX5" s="686"/>
      <c r="AY5" s="686"/>
      <c r="AZ5" s="686"/>
      <c r="BA5" s="686"/>
      <c r="BB5" s="686"/>
      <c r="BC5" s="686"/>
      <c r="BD5" s="686"/>
      <c r="BE5" s="686"/>
      <c r="BF5" s="686"/>
      <c r="BG5" s="686"/>
      <c r="BH5" s="686"/>
      <c r="BI5" s="686"/>
      <c r="BJ5" s="686"/>
      <c r="BK5" s="686"/>
      <c r="BL5" s="686"/>
      <c r="BM5" s="686"/>
      <c r="BN5" s="686"/>
      <c r="BO5" s="686"/>
      <c r="BP5" s="686"/>
      <c r="BQ5" s="686"/>
      <c r="BR5" s="686"/>
      <c r="BS5" s="686"/>
      <c r="BT5" s="686"/>
      <c r="BU5" s="686"/>
      <c r="BV5" s="686"/>
      <c r="BW5" s="686"/>
      <c r="BX5" s="686"/>
      <c r="BY5" s="686"/>
      <c r="BZ5" s="686"/>
      <c r="CA5" s="687"/>
      <c r="CB5" s="685" t="s">
        <v>65</v>
      </c>
      <c r="CC5" s="686"/>
      <c r="CD5" s="686"/>
      <c r="CE5" s="686"/>
      <c r="CF5" s="686"/>
      <c r="CG5" s="686"/>
      <c r="CH5" s="686"/>
      <c r="CI5" s="686"/>
      <c r="CJ5" s="686"/>
      <c r="CK5" s="686"/>
      <c r="CL5" s="686"/>
      <c r="CM5" s="686"/>
      <c r="CN5" s="686"/>
      <c r="CO5" s="686"/>
      <c r="CP5" s="686"/>
      <c r="CQ5" s="686"/>
      <c r="CR5" s="686"/>
      <c r="CS5" s="686"/>
      <c r="CT5" s="686"/>
      <c r="CU5" s="686"/>
      <c r="CV5" s="686"/>
      <c r="CW5" s="686"/>
      <c r="CX5" s="686"/>
      <c r="CY5" s="686"/>
      <c r="CZ5" s="686"/>
      <c r="DA5" s="686"/>
      <c r="DB5" s="686"/>
      <c r="DC5" s="686"/>
      <c r="DD5" s="686"/>
      <c r="DE5" s="686"/>
      <c r="DF5" s="686"/>
      <c r="DG5" s="686"/>
      <c r="DH5" s="687"/>
      <c r="DI5" s="507" t="s">
        <v>66</v>
      </c>
      <c r="DJ5" s="508"/>
      <c r="DK5" s="508"/>
      <c r="DL5" s="508"/>
      <c r="DM5" s="508"/>
      <c r="DN5" s="508"/>
      <c r="DO5" s="508"/>
      <c r="DP5" s="508"/>
      <c r="DQ5" s="508"/>
      <c r="DR5" s="508"/>
      <c r="DS5" s="508"/>
      <c r="DT5" s="508"/>
      <c r="DU5" s="508"/>
      <c r="DV5" s="508"/>
      <c r="DW5" s="508"/>
      <c r="DX5" s="508"/>
      <c r="DY5" s="508"/>
      <c r="DZ5" s="508"/>
      <c r="EA5" s="508"/>
      <c r="EB5" s="508"/>
      <c r="EC5" s="508"/>
      <c r="ED5" s="508"/>
      <c r="EE5" s="508"/>
      <c r="EF5" s="508"/>
      <c r="EG5" s="508"/>
      <c r="EH5" s="508"/>
      <c r="EI5" s="508"/>
      <c r="EJ5" s="508"/>
      <c r="EK5" s="508"/>
      <c r="EL5" s="508"/>
      <c r="EM5" s="508"/>
      <c r="EN5" s="508"/>
      <c r="EO5" s="508"/>
      <c r="EP5" s="508"/>
      <c r="EQ5" s="508"/>
      <c r="ER5" s="508"/>
      <c r="ES5" s="508"/>
      <c r="ET5" s="508"/>
      <c r="EU5" s="508"/>
      <c r="EV5" s="508"/>
      <c r="EW5" s="508"/>
      <c r="EX5" s="508"/>
      <c r="EY5" s="508"/>
      <c r="EZ5" s="508"/>
      <c r="FA5" s="508"/>
      <c r="FB5" s="508"/>
      <c r="FC5" s="508"/>
      <c r="FD5" s="508"/>
      <c r="FE5" s="508"/>
      <c r="FF5" s="508"/>
      <c r="FG5" s="508"/>
      <c r="FH5" s="508"/>
      <c r="FI5" s="508"/>
      <c r="FJ5" s="508"/>
      <c r="FK5" s="509"/>
      <c r="FL5" s="685" t="s">
        <v>67</v>
      </c>
      <c r="FM5" s="686"/>
      <c r="FN5" s="686"/>
      <c r="FO5" s="686"/>
      <c r="FP5" s="686"/>
      <c r="FQ5" s="686"/>
      <c r="FR5" s="686"/>
      <c r="FS5" s="686"/>
      <c r="FT5" s="686"/>
      <c r="FU5" s="686"/>
      <c r="FV5" s="686"/>
      <c r="FW5" s="686"/>
      <c r="FX5" s="686"/>
      <c r="FY5" s="686"/>
      <c r="FZ5" s="686"/>
      <c r="GA5" s="686"/>
      <c r="GB5" s="686"/>
      <c r="GC5" s="686"/>
      <c r="GD5" s="686"/>
      <c r="GE5" s="686"/>
      <c r="GF5" s="686"/>
      <c r="GG5" s="686"/>
      <c r="GH5" s="686"/>
      <c r="GI5" s="686"/>
      <c r="GJ5" s="686"/>
      <c r="GK5" s="686"/>
      <c r="GL5" s="686"/>
      <c r="GM5" s="686"/>
      <c r="GN5" s="686"/>
      <c r="GO5" s="686"/>
      <c r="GP5" s="686"/>
      <c r="GQ5" s="686"/>
      <c r="GR5" s="686"/>
      <c r="GS5" s="686"/>
      <c r="GT5" s="686"/>
      <c r="GU5" s="686"/>
      <c r="GV5" s="686"/>
      <c r="GW5" s="686"/>
      <c r="GX5" s="686"/>
      <c r="GY5" s="686"/>
      <c r="GZ5" s="686"/>
      <c r="HA5" s="686"/>
      <c r="HB5" s="686"/>
      <c r="HC5" s="687"/>
      <c r="HD5" s="688" t="s">
        <v>68</v>
      </c>
      <c r="HE5" s="689"/>
      <c r="HF5" s="689"/>
      <c r="HG5" s="689"/>
      <c r="HH5" s="689"/>
      <c r="HI5" s="689"/>
      <c r="HJ5" s="689"/>
      <c r="HK5" s="689"/>
      <c r="HL5" s="689"/>
      <c r="HM5" s="689"/>
      <c r="HN5" s="690"/>
      <c r="HO5" s="688" t="s">
        <v>69</v>
      </c>
      <c r="HP5" s="689"/>
      <c r="HQ5" s="689"/>
      <c r="HR5" s="689"/>
      <c r="HS5" s="689"/>
      <c r="HT5" s="689"/>
      <c r="HU5" s="689"/>
      <c r="HV5" s="689"/>
      <c r="HW5" s="689"/>
      <c r="HX5" s="689"/>
      <c r="HY5" s="690"/>
      <c r="HZ5" s="617"/>
      <c r="IA5" s="618"/>
      <c r="IB5" s="618"/>
      <c r="IC5" s="618"/>
      <c r="ID5" s="618"/>
      <c r="IE5" s="618"/>
      <c r="IF5" s="618"/>
      <c r="IG5" s="618"/>
      <c r="IH5" s="618"/>
      <c r="II5" s="618"/>
      <c r="IJ5" s="619"/>
      <c r="IK5" s="594" t="s">
        <v>94</v>
      </c>
      <c r="IL5" s="503"/>
      <c r="IM5" s="503"/>
      <c r="IN5" s="503"/>
      <c r="IO5" s="503"/>
      <c r="IP5" s="503"/>
      <c r="IQ5" s="503"/>
      <c r="IR5" s="503"/>
      <c r="IS5" s="503"/>
      <c r="IT5" s="503"/>
      <c r="IU5" s="504"/>
      <c r="IV5" s="594" t="s">
        <v>88</v>
      </c>
      <c r="IW5" s="503"/>
      <c r="IX5" s="503"/>
      <c r="IY5" s="503"/>
      <c r="IZ5" s="503"/>
      <c r="JA5" s="503"/>
      <c r="JB5" s="503"/>
      <c r="JC5" s="503"/>
      <c r="JD5" s="503"/>
      <c r="JE5" s="503"/>
      <c r="JF5" s="504"/>
      <c r="JG5" s="623" t="s">
        <v>144</v>
      </c>
      <c r="JH5" s="624"/>
      <c r="JI5" s="624"/>
      <c r="JJ5" s="624"/>
      <c r="JK5" s="624"/>
      <c r="JL5" s="624"/>
      <c r="JM5" s="624"/>
      <c r="JN5" s="624"/>
      <c r="JO5" s="624"/>
      <c r="JP5" s="624"/>
      <c r="JQ5" s="625"/>
      <c r="JR5" s="594" t="s">
        <v>90</v>
      </c>
      <c r="JS5" s="503"/>
      <c r="JT5" s="503"/>
      <c r="JU5" s="503"/>
      <c r="JV5" s="503"/>
      <c r="JW5" s="503"/>
      <c r="JX5" s="503"/>
      <c r="JY5" s="503"/>
      <c r="JZ5" s="503"/>
      <c r="KA5" s="503"/>
      <c r="KB5" s="504"/>
      <c r="KC5" s="594" t="s">
        <v>89</v>
      </c>
      <c r="KD5" s="503"/>
      <c r="KE5" s="503"/>
      <c r="KF5" s="503"/>
      <c r="KG5" s="503"/>
      <c r="KH5" s="503"/>
      <c r="KI5" s="503"/>
      <c r="KJ5" s="503"/>
      <c r="KK5" s="503"/>
      <c r="KL5" s="503"/>
      <c r="KM5" s="504"/>
      <c r="KN5" s="594" t="s">
        <v>91</v>
      </c>
      <c r="KO5" s="503"/>
      <c r="KP5" s="503"/>
      <c r="KQ5" s="503"/>
      <c r="KR5" s="503"/>
      <c r="KS5" s="503"/>
      <c r="KT5" s="503"/>
      <c r="KU5" s="503"/>
      <c r="KV5" s="503"/>
      <c r="KW5" s="503"/>
      <c r="KX5" s="504"/>
      <c r="KY5" s="594" t="s">
        <v>92</v>
      </c>
      <c r="KZ5" s="503"/>
      <c r="LA5" s="503"/>
      <c r="LB5" s="503"/>
      <c r="LC5" s="503"/>
      <c r="LD5" s="503"/>
      <c r="LE5" s="503"/>
      <c r="LF5" s="503"/>
      <c r="LG5" s="503"/>
      <c r="LH5" s="503"/>
      <c r="LI5" s="504"/>
      <c r="LJ5" s="629" t="s">
        <v>93</v>
      </c>
      <c r="LK5" s="630"/>
      <c r="LL5" s="630"/>
      <c r="LM5" s="630"/>
      <c r="LN5" s="630"/>
      <c r="LO5" s="630"/>
      <c r="LP5" s="630"/>
      <c r="LQ5" s="630"/>
      <c r="LR5" s="630"/>
      <c r="LS5" s="630"/>
      <c r="LT5" s="631"/>
      <c r="LU5" s="632" t="s">
        <v>145</v>
      </c>
      <c r="LV5" s="633"/>
      <c r="LW5" s="633"/>
      <c r="LX5" s="633"/>
      <c r="LY5" s="633"/>
      <c r="LZ5" s="633"/>
      <c r="MA5" s="633"/>
      <c r="MB5" s="633"/>
      <c r="MC5" s="633"/>
      <c r="MD5" s="633"/>
      <c r="ME5" s="634"/>
      <c r="MF5" s="617"/>
      <c r="MG5" s="618"/>
      <c r="MH5" s="618"/>
      <c r="MI5" s="618"/>
      <c r="MJ5" s="618"/>
      <c r="MK5" s="618"/>
      <c r="ML5" s="618"/>
      <c r="MM5" s="618"/>
      <c r="MN5" s="618"/>
      <c r="MO5" s="618"/>
      <c r="MP5" s="619"/>
      <c r="MQ5" s="594" t="s">
        <v>57</v>
      </c>
      <c r="MR5" s="503"/>
      <c r="MS5" s="503"/>
      <c r="MT5" s="503"/>
      <c r="MU5" s="503"/>
      <c r="MV5" s="503"/>
      <c r="MW5" s="503"/>
      <c r="MX5" s="503"/>
      <c r="MY5" s="503"/>
      <c r="MZ5" s="503"/>
      <c r="NA5" s="504"/>
      <c r="NB5" s="594" t="s">
        <v>58</v>
      </c>
      <c r="NC5" s="503"/>
      <c r="ND5" s="503"/>
      <c r="NE5" s="503"/>
      <c r="NF5" s="503"/>
      <c r="NG5" s="503"/>
      <c r="NH5" s="503"/>
      <c r="NI5" s="503"/>
      <c r="NJ5" s="503"/>
      <c r="NK5" s="503"/>
      <c r="NL5" s="504"/>
      <c r="NM5" s="594" t="s">
        <v>59</v>
      </c>
      <c r="NN5" s="503"/>
      <c r="NO5" s="503"/>
      <c r="NP5" s="503"/>
      <c r="NQ5" s="503"/>
      <c r="NR5" s="503"/>
      <c r="NS5" s="503"/>
      <c r="NT5" s="503"/>
      <c r="NU5" s="503"/>
      <c r="NV5" s="503"/>
      <c r="NW5" s="504"/>
      <c r="NX5" s="642" t="s">
        <v>151</v>
      </c>
      <c r="NY5" s="643"/>
      <c r="NZ5" s="643"/>
      <c r="OA5" s="643"/>
      <c r="OB5" s="643"/>
      <c r="OC5" s="643"/>
      <c r="OD5" s="643"/>
      <c r="OE5" s="643"/>
      <c r="OF5" s="643"/>
      <c r="OG5" s="643"/>
      <c r="OH5" s="644"/>
      <c r="OI5" s="614"/>
      <c r="OJ5" s="615"/>
      <c r="OK5" s="615"/>
      <c r="OL5" s="615"/>
      <c r="OM5" s="615"/>
      <c r="ON5" s="615"/>
      <c r="OO5" s="615"/>
      <c r="OP5" s="615"/>
      <c r="OQ5" s="615"/>
      <c r="OR5" s="615"/>
      <c r="OS5" s="616"/>
    </row>
    <row r="6" spans="1:409" ht="18" customHeight="1" thickBot="1" x14ac:dyDescent="0.25">
      <c r="B6" s="678"/>
      <c r="C6" s="682"/>
      <c r="D6" s="682"/>
      <c r="E6" s="682"/>
      <c r="F6" s="682"/>
      <c r="G6" s="682"/>
      <c r="H6" s="682"/>
      <c r="I6" s="682"/>
      <c r="J6" s="682"/>
      <c r="K6" s="682"/>
      <c r="L6" s="682"/>
      <c r="M6" s="682"/>
      <c r="N6" s="516"/>
      <c r="O6" s="517"/>
      <c r="P6" s="517"/>
      <c r="Q6" s="517"/>
      <c r="R6" s="517"/>
      <c r="S6" s="517"/>
      <c r="T6" s="517"/>
      <c r="U6" s="517"/>
      <c r="V6" s="517"/>
      <c r="W6" s="517"/>
      <c r="X6" s="518"/>
      <c r="Y6" s="697" t="s">
        <v>70</v>
      </c>
      <c r="Z6" s="520"/>
      <c r="AA6" s="520"/>
      <c r="AB6" s="520"/>
      <c r="AC6" s="520"/>
      <c r="AD6" s="520"/>
      <c r="AE6" s="520"/>
      <c r="AF6" s="520"/>
      <c r="AG6" s="520"/>
      <c r="AH6" s="520"/>
      <c r="AI6" s="521"/>
      <c r="AJ6" s="694" t="s">
        <v>71</v>
      </c>
      <c r="AK6" s="695"/>
      <c r="AL6" s="695"/>
      <c r="AM6" s="695"/>
      <c r="AN6" s="695"/>
      <c r="AO6" s="695"/>
      <c r="AP6" s="695"/>
      <c r="AQ6" s="695"/>
      <c r="AR6" s="695"/>
      <c r="AS6" s="695"/>
      <c r="AT6" s="696"/>
      <c r="AU6" s="694" t="s">
        <v>72</v>
      </c>
      <c r="AV6" s="695"/>
      <c r="AW6" s="695"/>
      <c r="AX6" s="695"/>
      <c r="AY6" s="695"/>
      <c r="AZ6" s="695"/>
      <c r="BA6" s="695"/>
      <c r="BB6" s="695"/>
      <c r="BC6" s="695"/>
      <c r="BD6" s="695"/>
      <c r="BE6" s="696"/>
      <c r="BF6" s="694" t="s">
        <v>73</v>
      </c>
      <c r="BG6" s="695"/>
      <c r="BH6" s="695"/>
      <c r="BI6" s="695"/>
      <c r="BJ6" s="695"/>
      <c r="BK6" s="695"/>
      <c r="BL6" s="695"/>
      <c r="BM6" s="695"/>
      <c r="BN6" s="695"/>
      <c r="BO6" s="695"/>
      <c r="BP6" s="696"/>
      <c r="BQ6" s="694" t="s">
        <v>74</v>
      </c>
      <c r="BR6" s="695"/>
      <c r="BS6" s="695"/>
      <c r="BT6" s="695"/>
      <c r="BU6" s="695"/>
      <c r="BV6" s="695"/>
      <c r="BW6" s="695"/>
      <c r="BX6" s="695"/>
      <c r="BY6" s="695"/>
      <c r="BZ6" s="695"/>
      <c r="CA6" s="696"/>
      <c r="CB6" s="698"/>
      <c r="CC6" s="699"/>
      <c r="CD6" s="699"/>
      <c r="CE6" s="699"/>
      <c r="CF6" s="699"/>
      <c r="CG6" s="699"/>
      <c r="CH6" s="699"/>
      <c r="CI6" s="699"/>
      <c r="CJ6" s="699"/>
      <c r="CK6" s="699"/>
      <c r="CL6" s="700"/>
      <c r="CM6" s="694" t="s">
        <v>75</v>
      </c>
      <c r="CN6" s="695"/>
      <c r="CO6" s="695"/>
      <c r="CP6" s="695"/>
      <c r="CQ6" s="695"/>
      <c r="CR6" s="695"/>
      <c r="CS6" s="695"/>
      <c r="CT6" s="695"/>
      <c r="CU6" s="695"/>
      <c r="CV6" s="695"/>
      <c r="CW6" s="696"/>
      <c r="CX6" s="694" t="s">
        <v>76</v>
      </c>
      <c r="CY6" s="695"/>
      <c r="CZ6" s="695"/>
      <c r="DA6" s="695"/>
      <c r="DB6" s="695"/>
      <c r="DC6" s="695"/>
      <c r="DD6" s="695"/>
      <c r="DE6" s="695"/>
      <c r="DF6" s="695"/>
      <c r="DG6" s="695"/>
      <c r="DH6" s="696"/>
      <c r="DI6" s="698"/>
      <c r="DJ6" s="699"/>
      <c r="DK6" s="699"/>
      <c r="DL6" s="699"/>
      <c r="DM6" s="699"/>
      <c r="DN6" s="699"/>
      <c r="DO6" s="699"/>
      <c r="DP6" s="699"/>
      <c r="DQ6" s="699"/>
      <c r="DR6" s="699"/>
      <c r="DS6" s="699"/>
      <c r="DT6" s="694" t="s">
        <v>77</v>
      </c>
      <c r="DU6" s="695"/>
      <c r="DV6" s="695"/>
      <c r="DW6" s="695"/>
      <c r="DX6" s="695"/>
      <c r="DY6" s="695"/>
      <c r="DZ6" s="695"/>
      <c r="EA6" s="695"/>
      <c r="EB6" s="695"/>
      <c r="EC6" s="695"/>
      <c r="ED6" s="696"/>
      <c r="EE6" s="694" t="s">
        <v>78</v>
      </c>
      <c r="EF6" s="695"/>
      <c r="EG6" s="695"/>
      <c r="EH6" s="695"/>
      <c r="EI6" s="695"/>
      <c r="EJ6" s="695"/>
      <c r="EK6" s="695"/>
      <c r="EL6" s="695"/>
      <c r="EM6" s="695"/>
      <c r="EN6" s="695"/>
      <c r="EO6" s="696"/>
      <c r="EP6" s="694" t="s">
        <v>79</v>
      </c>
      <c r="EQ6" s="695"/>
      <c r="ER6" s="695"/>
      <c r="ES6" s="695"/>
      <c r="ET6" s="695"/>
      <c r="EU6" s="695"/>
      <c r="EV6" s="695"/>
      <c r="EW6" s="695"/>
      <c r="EX6" s="695"/>
      <c r="EY6" s="695"/>
      <c r="EZ6" s="696"/>
      <c r="FA6" s="676" t="s">
        <v>152</v>
      </c>
      <c r="FB6" s="695"/>
      <c r="FC6" s="695"/>
      <c r="FD6" s="695"/>
      <c r="FE6" s="695"/>
      <c r="FF6" s="695"/>
      <c r="FG6" s="695"/>
      <c r="FH6" s="695"/>
      <c r="FI6" s="695"/>
      <c r="FJ6" s="695"/>
      <c r="FK6" s="696"/>
      <c r="FL6" s="698"/>
      <c r="FM6" s="699"/>
      <c r="FN6" s="699"/>
      <c r="FO6" s="699"/>
      <c r="FP6" s="699"/>
      <c r="FQ6" s="699"/>
      <c r="FR6" s="699"/>
      <c r="FS6" s="699"/>
      <c r="FT6" s="699"/>
      <c r="FU6" s="699"/>
      <c r="FV6" s="699"/>
      <c r="FW6" s="694" t="s">
        <v>80</v>
      </c>
      <c r="FX6" s="695"/>
      <c r="FY6" s="695"/>
      <c r="FZ6" s="695"/>
      <c r="GA6" s="695"/>
      <c r="GB6" s="695"/>
      <c r="GC6" s="695"/>
      <c r="GD6" s="695"/>
      <c r="GE6" s="695"/>
      <c r="GF6" s="695"/>
      <c r="GG6" s="696"/>
      <c r="GH6" s="697" t="s">
        <v>81</v>
      </c>
      <c r="GI6" s="520"/>
      <c r="GJ6" s="520"/>
      <c r="GK6" s="520"/>
      <c r="GL6" s="520"/>
      <c r="GM6" s="520"/>
      <c r="GN6" s="520"/>
      <c r="GO6" s="520"/>
      <c r="GP6" s="520"/>
      <c r="GQ6" s="520"/>
      <c r="GR6" s="521"/>
      <c r="GS6" s="697" t="s">
        <v>82</v>
      </c>
      <c r="GT6" s="520"/>
      <c r="GU6" s="520"/>
      <c r="GV6" s="520"/>
      <c r="GW6" s="520"/>
      <c r="GX6" s="520"/>
      <c r="GY6" s="520"/>
      <c r="GZ6" s="520"/>
      <c r="HA6" s="520"/>
      <c r="HB6" s="520"/>
      <c r="HC6" s="521"/>
      <c r="HD6" s="691"/>
      <c r="HE6" s="692"/>
      <c r="HF6" s="692"/>
      <c r="HG6" s="692"/>
      <c r="HH6" s="692"/>
      <c r="HI6" s="692"/>
      <c r="HJ6" s="692"/>
      <c r="HK6" s="692"/>
      <c r="HL6" s="692"/>
      <c r="HM6" s="692"/>
      <c r="HN6" s="693"/>
      <c r="HO6" s="691"/>
      <c r="HP6" s="692"/>
      <c r="HQ6" s="692"/>
      <c r="HR6" s="692"/>
      <c r="HS6" s="692"/>
      <c r="HT6" s="692"/>
      <c r="HU6" s="692"/>
      <c r="HV6" s="692"/>
      <c r="HW6" s="692"/>
      <c r="HX6" s="692"/>
      <c r="HY6" s="693"/>
      <c r="HZ6" s="620"/>
      <c r="IA6" s="621"/>
      <c r="IB6" s="621"/>
      <c r="IC6" s="621"/>
      <c r="ID6" s="621"/>
      <c r="IE6" s="621"/>
      <c r="IF6" s="621"/>
      <c r="IG6" s="621"/>
      <c r="IH6" s="621"/>
      <c r="II6" s="621"/>
      <c r="IJ6" s="622"/>
      <c r="IK6" s="595"/>
      <c r="IL6" s="586"/>
      <c r="IM6" s="586"/>
      <c r="IN6" s="586"/>
      <c r="IO6" s="586"/>
      <c r="IP6" s="586"/>
      <c r="IQ6" s="586"/>
      <c r="IR6" s="586"/>
      <c r="IS6" s="586"/>
      <c r="IT6" s="586"/>
      <c r="IU6" s="596"/>
      <c r="IV6" s="595"/>
      <c r="IW6" s="586"/>
      <c r="IX6" s="586"/>
      <c r="IY6" s="586"/>
      <c r="IZ6" s="586"/>
      <c r="JA6" s="586"/>
      <c r="JB6" s="586"/>
      <c r="JC6" s="586"/>
      <c r="JD6" s="586"/>
      <c r="JE6" s="586"/>
      <c r="JF6" s="596"/>
      <c r="JG6" s="626"/>
      <c r="JH6" s="627"/>
      <c r="JI6" s="627"/>
      <c r="JJ6" s="627"/>
      <c r="JK6" s="627"/>
      <c r="JL6" s="627"/>
      <c r="JM6" s="627"/>
      <c r="JN6" s="627"/>
      <c r="JO6" s="627"/>
      <c r="JP6" s="627"/>
      <c r="JQ6" s="628"/>
      <c r="JR6" s="595"/>
      <c r="JS6" s="586"/>
      <c r="JT6" s="586"/>
      <c r="JU6" s="586"/>
      <c r="JV6" s="586"/>
      <c r="JW6" s="586"/>
      <c r="JX6" s="586"/>
      <c r="JY6" s="586"/>
      <c r="JZ6" s="586"/>
      <c r="KA6" s="586"/>
      <c r="KB6" s="596"/>
      <c r="KC6" s="595"/>
      <c r="KD6" s="586"/>
      <c r="KE6" s="586"/>
      <c r="KF6" s="586"/>
      <c r="KG6" s="586"/>
      <c r="KH6" s="586"/>
      <c r="KI6" s="586"/>
      <c r="KJ6" s="586"/>
      <c r="KK6" s="586"/>
      <c r="KL6" s="586"/>
      <c r="KM6" s="596"/>
      <c r="KN6" s="595"/>
      <c r="KO6" s="586"/>
      <c r="KP6" s="586"/>
      <c r="KQ6" s="586"/>
      <c r="KR6" s="586"/>
      <c r="KS6" s="586"/>
      <c r="KT6" s="586"/>
      <c r="KU6" s="586"/>
      <c r="KV6" s="586"/>
      <c r="KW6" s="586"/>
      <c r="KX6" s="596"/>
      <c r="KY6" s="595"/>
      <c r="KZ6" s="586"/>
      <c r="LA6" s="586"/>
      <c r="LB6" s="586"/>
      <c r="LC6" s="586"/>
      <c r="LD6" s="586"/>
      <c r="LE6" s="586"/>
      <c r="LF6" s="586"/>
      <c r="LG6" s="586"/>
      <c r="LH6" s="586"/>
      <c r="LI6" s="596"/>
      <c r="LJ6" s="620"/>
      <c r="LK6" s="621"/>
      <c r="LL6" s="621"/>
      <c r="LM6" s="621"/>
      <c r="LN6" s="621"/>
      <c r="LO6" s="621"/>
      <c r="LP6" s="621"/>
      <c r="LQ6" s="621"/>
      <c r="LR6" s="621"/>
      <c r="LS6" s="621"/>
      <c r="LT6" s="622"/>
      <c r="LU6" s="635"/>
      <c r="LV6" s="636"/>
      <c r="LW6" s="636"/>
      <c r="LX6" s="636"/>
      <c r="LY6" s="636"/>
      <c r="LZ6" s="636"/>
      <c r="MA6" s="636"/>
      <c r="MB6" s="636"/>
      <c r="MC6" s="636"/>
      <c r="MD6" s="636"/>
      <c r="ME6" s="637"/>
      <c r="MF6" s="620"/>
      <c r="MG6" s="621"/>
      <c r="MH6" s="621"/>
      <c r="MI6" s="621"/>
      <c r="MJ6" s="621"/>
      <c r="MK6" s="621"/>
      <c r="ML6" s="621"/>
      <c r="MM6" s="621"/>
      <c r="MN6" s="621"/>
      <c r="MO6" s="621"/>
      <c r="MP6" s="622"/>
      <c r="MQ6" s="595"/>
      <c r="MR6" s="586"/>
      <c r="MS6" s="586"/>
      <c r="MT6" s="586"/>
      <c r="MU6" s="586"/>
      <c r="MV6" s="586"/>
      <c r="MW6" s="586"/>
      <c r="MX6" s="586"/>
      <c r="MY6" s="586"/>
      <c r="MZ6" s="586"/>
      <c r="NA6" s="596"/>
      <c r="NB6" s="595"/>
      <c r="NC6" s="586"/>
      <c r="ND6" s="586"/>
      <c r="NE6" s="586"/>
      <c r="NF6" s="586"/>
      <c r="NG6" s="586"/>
      <c r="NH6" s="586"/>
      <c r="NI6" s="586"/>
      <c r="NJ6" s="586"/>
      <c r="NK6" s="586"/>
      <c r="NL6" s="596"/>
      <c r="NM6" s="595"/>
      <c r="NN6" s="586"/>
      <c r="NO6" s="586"/>
      <c r="NP6" s="586"/>
      <c r="NQ6" s="586"/>
      <c r="NR6" s="586"/>
      <c r="NS6" s="586"/>
      <c r="NT6" s="586"/>
      <c r="NU6" s="586"/>
      <c r="NV6" s="586"/>
      <c r="NW6" s="596"/>
      <c r="NX6" s="645"/>
      <c r="NY6" s="646"/>
      <c r="NZ6" s="646"/>
      <c r="OA6" s="646"/>
      <c r="OB6" s="646"/>
      <c r="OC6" s="646"/>
      <c r="OD6" s="646"/>
      <c r="OE6" s="646"/>
      <c r="OF6" s="646"/>
      <c r="OG6" s="646"/>
      <c r="OH6" s="647"/>
      <c r="OI6" s="595"/>
      <c r="OJ6" s="586"/>
      <c r="OK6" s="586"/>
      <c r="OL6" s="586"/>
      <c r="OM6" s="586"/>
      <c r="ON6" s="586"/>
      <c r="OO6" s="586"/>
      <c r="OP6" s="586"/>
      <c r="OQ6" s="586"/>
      <c r="OR6" s="586"/>
      <c r="OS6" s="596"/>
    </row>
    <row r="7" spans="1:409" ht="23.25" customHeight="1" x14ac:dyDescent="0.2">
      <c r="B7" s="678"/>
      <c r="C7" s="701" t="s">
        <v>61</v>
      </c>
      <c r="D7" s="701"/>
      <c r="E7" s="701"/>
      <c r="F7" s="702" t="s">
        <v>62</v>
      </c>
      <c r="G7" s="701"/>
      <c r="H7" s="701"/>
      <c r="I7" s="701"/>
      <c r="J7" s="701"/>
      <c r="K7" s="701"/>
      <c r="L7" s="701"/>
      <c r="M7" s="702" t="s">
        <v>52</v>
      </c>
      <c r="N7" s="704" t="s">
        <v>61</v>
      </c>
      <c r="O7" s="701"/>
      <c r="P7" s="701"/>
      <c r="Q7" s="702" t="s">
        <v>62</v>
      </c>
      <c r="R7" s="701"/>
      <c r="S7" s="701"/>
      <c r="T7" s="701"/>
      <c r="U7" s="701"/>
      <c r="V7" s="701"/>
      <c r="W7" s="705"/>
      <c r="X7" s="709" t="s">
        <v>52</v>
      </c>
      <c r="Y7" s="516" t="s">
        <v>61</v>
      </c>
      <c r="Z7" s="517"/>
      <c r="AA7" s="711"/>
      <c r="AB7" s="712" t="s">
        <v>62</v>
      </c>
      <c r="AC7" s="517"/>
      <c r="AD7" s="517"/>
      <c r="AE7" s="517"/>
      <c r="AF7" s="517"/>
      <c r="AG7" s="517"/>
      <c r="AH7" s="711"/>
      <c r="AI7" s="518" t="s">
        <v>52</v>
      </c>
      <c r="AJ7" s="714" t="s">
        <v>61</v>
      </c>
      <c r="AK7" s="707"/>
      <c r="AL7" s="715"/>
      <c r="AM7" s="706" t="s">
        <v>62</v>
      </c>
      <c r="AN7" s="707"/>
      <c r="AO7" s="707"/>
      <c r="AP7" s="707"/>
      <c r="AQ7" s="707"/>
      <c r="AR7" s="707"/>
      <c r="AS7" s="708"/>
      <c r="AT7" s="518" t="s">
        <v>52</v>
      </c>
      <c r="AU7" s="714" t="s">
        <v>61</v>
      </c>
      <c r="AV7" s="707"/>
      <c r="AW7" s="715"/>
      <c r="AX7" s="706" t="s">
        <v>62</v>
      </c>
      <c r="AY7" s="707"/>
      <c r="AZ7" s="707"/>
      <c r="BA7" s="707"/>
      <c r="BB7" s="707"/>
      <c r="BC7" s="707"/>
      <c r="BD7" s="708"/>
      <c r="BE7" s="518" t="s">
        <v>52</v>
      </c>
      <c r="BF7" s="714" t="s">
        <v>61</v>
      </c>
      <c r="BG7" s="707"/>
      <c r="BH7" s="715"/>
      <c r="BI7" s="706" t="s">
        <v>62</v>
      </c>
      <c r="BJ7" s="707"/>
      <c r="BK7" s="707"/>
      <c r="BL7" s="707"/>
      <c r="BM7" s="707"/>
      <c r="BN7" s="707"/>
      <c r="BO7" s="708"/>
      <c r="BP7" s="518" t="s">
        <v>52</v>
      </c>
      <c r="BQ7" s="714" t="s">
        <v>61</v>
      </c>
      <c r="BR7" s="707"/>
      <c r="BS7" s="715"/>
      <c r="BT7" s="706" t="s">
        <v>62</v>
      </c>
      <c r="BU7" s="707"/>
      <c r="BV7" s="707"/>
      <c r="BW7" s="707"/>
      <c r="BX7" s="707"/>
      <c r="BY7" s="707"/>
      <c r="BZ7" s="708"/>
      <c r="CA7" s="518" t="s">
        <v>52</v>
      </c>
      <c r="CB7" s="716" t="s">
        <v>61</v>
      </c>
      <c r="CC7" s="717"/>
      <c r="CD7" s="718"/>
      <c r="CE7" s="719" t="s">
        <v>62</v>
      </c>
      <c r="CF7" s="717"/>
      <c r="CG7" s="717"/>
      <c r="CH7" s="717"/>
      <c r="CI7" s="717"/>
      <c r="CJ7" s="717"/>
      <c r="CK7" s="720"/>
      <c r="CL7" s="709" t="s">
        <v>52</v>
      </c>
      <c r="CM7" s="714" t="s">
        <v>61</v>
      </c>
      <c r="CN7" s="707"/>
      <c r="CO7" s="708"/>
      <c r="CP7" s="706" t="s">
        <v>62</v>
      </c>
      <c r="CQ7" s="707"/>
      <c r="CR7" s="707"/>
      <c r="CS7" s="707"/>
      <c r="CT7" s="707"/>
      <c r="CU7" s="707"/>
      <c r="CV7" s="708"/>
      <c r="CW7" s="721" t="s">
        <v>52</v>
      </c>
      <c r="CX7" s="714" t="s">
        <v>61</v>
      </c>
      <c r="CY7" s="707"/>
      <c r="CZ7" s="708"/>
      <c r="DA7" s="706" t="s">
        <v>62</v>
      </c>
      <c r="DB7" s="707"/>
      <c r="DC7" s="707"/>
      <c r="DD7" s="707"/>
      <c r="DE7" s="707"/>
      <c r="DF7" s="707"/>
      <c r="DG7" s="708"/>
      <c r="DH7" s="721" t="s">
        <v>52</v>
      </c>
      <c r="DI7" s="716" t="s">
        <v>61</v>
      </c>
      <c r="DJ7" s="717"/>
      <c r="DK7" s="720"/>
      <c r="DL7" s="719" t="s">
        <v>62</v>
      </c>
      <c r="DM7" s="717"/>
      <c r="DN7" s="717"/>
      <c r="DO7" s="717"/>
      <c r="DP7" s="717"/>
      <c r="DQ7" s="717"/>
      <c r="DR7" s="720"/>
      <c r="DS7" s="709" t="s">
        <v>52</v>
      </c>
      <c r="DT7" s="714" t="s">
        <v>61</v>
      </c>
      <c r="DU7" s="707"/>
      <c r="DV7" s="715"/>
      <c r="DW7" s="706" t="s">
        <v>62</v>
      </c>
      <c r="DX7" s="707"/>
      <c r="DY7" s="707"/>
      <c r="DZ7" s="707"/>
      <c r="EA7" s="707"/>
      <c r="EB7" s="707"/>
      <c r="EC7" s="708"/>
      <c r="ED7" s="518" t="s">
        <v>52</v>
      </c>
      <c r="EE7" s="714" t="s">
        <v>61</v>
      </c>
      <c r="EF7" s="707"/>
      <c r="EG7" s="715"/>
      <c r="EH7" s="706" t="s">
        <v>62</v>
      </c>
      <c r="EI7" s="707"/>
      <c r="EJ7" s="707"/>
      <c r="EK7" s="707"/>
      <c r="EL7" s="707"/>
      <c r="EM7" s="707"/>
      <c r="EN7" s="708"/>
      <c r="EO7" s="518" t="s">
        <v>52</v>
      </c>
      <c r="EP7" s="714" t="s">
        <v>61</v>
      </c>
      <c r="EQ7" s="707"/>
      <c r="ER7" s="715"/>
      <c r="ES7" s="706" t="s">
        <v>62</v>
      </c>
      <c r="ET7" s="707"/>
      <c r="EU7" s="707"/>
      <c r="EV7" s="707"/>
      <c r="EW7" s="707"/>
      <c r="EX7" s="707"/>
      <c r="EY7" s="708"/>
      <c r="EZ7" s="518" t="s">
        <v>52</v>
      </c>
      <c r="FA7" s="714" t="s">
        <v>61</v>
      </c>
      <c r="FB7" s="707"/>
      <c r="FC7" s="715"/>
      <c r="FD7" s="706" t="s">
        <v>62</v>
      </c>
      <c r="FE7" s="707"/>
      <c r="FF7" s="707"/>
      <c r="FG7" s="707"/>
      <c r="FH7" s="707"/>
      <c r="FI7" s="707"/>
      <c r="FJ7" s="708"/>
      <c r="FK7" s="518" t="s">
        <v>52</v>
      </c>
      <c r="FL7" s="716" t="s">
        <v>61</v>
      </c>
      <c r="FM7" s="717"/>
      <c r="FN7" s="718"/>
      <c r="FO7" s="719" t="s">
        <v>62</v>
      </c>
      <c r="FP7" s="717"/>
      <c r="FQ7" s="717"/>
      <c r="FR7" s="717"/>
      <c r="FS7" s="717"/>
      <c r="FT7" s="717"/>
      <c r="FU7" s="720"/>
      <c r="FV7" s="701" t="s">
        <v>52</v>
      </c>
      <c r="FW7" s="714" t="s">
        <v>61</v>
      </c>
      <c r="FX7" s="707"/>
      <c r="FY7" s="715"/>
      <c r="FZ7" s="706" t="s">
        <v>62</v>
      </c>
      <c r="GA7" s="707"/>
      <c r="GB7" s="707"/>
      <c r="GC7" s="707"/>
      <c r="GD7" s="707"/>
      <c r="GE7" s="707"/>
      <c r="GF7" s="708"/>
      <c r="GG7" s="518" t="s">
        <v>52</v>
      </c>
      <c r="GH7" s="516" t="s">
        <v>61</v>
      </c>
      <c r="GI7" s="517"/>
      <c r="GJ7" s="517"/>
      <c r="GK7" s="712" t="s">
        <v>62</v>
      </c>
      <c r="GL7" s="517"/>
      <c r="GM7" s="517"/>
      <c r="GN7" s="517"/>
      <c r="GO7" s="517"/>
      <c r="GP7" s="517"/>
      <c r="GQ7" s="711"/>
      <c r="GR7" s="722" t="s">
        <v>52</v>
      </c>
      <c r="GS7" s="516" t="s">
        <v>61</v>
      </c>
      <c r="GT7" s="517"/>
      <c r="GU7" s="711"/>
      <c r="GV7" s="712" t="s">
        <v>62</v>
      </c>
      <c r="GW7" s="517"/>
      <c r="GX7" s="517"/>
      <c r="GY7" s="517"/>
      <c r="GZ7" s="517"/>
      <c r="HA7" s="517"/>
      <c r="HB7" s="711"/>
      <c r="HC7" s="722" t="s">
        <v>52</v>
      </c>
      <c r="HD7" s="714" t="s">
        <v>61</v>
      </c>
      <c r="HE7" s="707"/>
      <c r="HF7" s="715"/>
      <c r="HG7" s="706" t="s">
        <v>62</v>
      </c>
      <c r="HH7" s="707"/>
      <c r="HI7" s="707"/>
      <c r="HJ7" s="707"/>
      <c r="HK7" s="707"/>
      <c r="HL7" s="707"/>
      <c r="HM7" s="708"/>
      <c r="HN7" s="518" t="s">
        <v>52</v>
      </c>
      <c r="HO7" s="714" t="s">
        <v>61</v>
      </c>
      <c r="HP7" s="707"/>
      <c r="HQ7" s="715"/>
      <c r="HR7" s="706" t="s">
        <v>62</v>
      </c>
      <c r="HS7" s="707"/>
      <c r="HT7" s="707"/>
      <c r="HU7" s="707"/>
      <c r="HV7" s="707"/>
      <c r="HW7" s="707"/>
      <c r="HX7" s="708"/>
      <c r="HY7" s="518" t="s">
        <v>52</v>
      </c>
      <c r="HZ7" s="573" t="s">
        <v>61</v>
      </c>
      <c r="IA7" s="574"/>
      <c r="IB7" s="575"/>
      <c r="IC7" s="609" t="s">
        <v>62</v>
      </c>
      <c r="ID7" s="574"/>
      <c r="IE7" s="574"/>
      <c r="IF7" s="574"/>
      <c r="IG7" s="574"/>
      <c r="IH7" s="574"/>
      <c r="II7" s="610"/>
      <c r="IJ7" s="577" t="s">
        <v>52</v>
      </c>
      <c r="IK7" s="590" t="s">
        <v>61</v>
      </c>
      <c r="IL7" s="583"/>
      <c r="IM7" s="584"/>
      <c r="IN7" s="612" t="s">
        <v>62</v>
      </c>
      <c r="IO7" s="583"/>
      <c r="IP7" s="583"/>
      <c r="IQ7" s="583"/>
      <c r="IR7" s="583"/>
      <c r="IS7" s="583"/>
      <c r="IT7" s="613"/>
      <c r="IU7" s="596" t="s">
        <v>52</v>
      </c>
      <c r="IV7" s="590" t="s">
        <v>61</v>
      </c>
      <c r="IW7" s="583"/>
      <c r="IX7" s="613"/>
      <c r="IY7" s="612" t="s">
        <v>62</v>
      </c>
      <c r="IZ7" s="583"/>
      <c r="JA7" s="583"/>
      <c r="JB7" s="583"/>
      <c r="JC7" s="583"/>
      <c r="JD7" s="583"/>
      <c r="JE7" s="613"/>
      <c r="JF7" s="596" t="s">
        <v>52</v>
      </c>
      <c r="JG7" s="590" t="s">
        <v>61</v>
      </c>
      <c r="JH7" s="583"/>
      <c r="JI7" s="584"/>
      <c r="JJ7" s="612" t="s">
        <v>62</v>
      </c>
      <c r="JK7" s="583"/>
      <c r="JL7" s="583"/>
      <c r="JM7" s="583"/>
      <c r="JN7" s="583"/>
      <c r="JO7" s="583"/>
      <c r="JP7" s="613"/>
      <c r="JQ7" s="607" t="s">
        <v>52</v>
      </c>
      <c r="JR7" s="590" t="s">
        <v>61</v>
      </c>
      <c r="JS7" s="583"/>
      <c r="JT7" s="584"/>
      <c r="JU7" s="612" t="s">
        <v>62</v>
      </c>
      <c r="JV7" s="583"/>
      <c r="JW7" s="583"/>
      <c r="JX7" s="583"/>
      <c r="JY7" s="583"/>
      <c r="JZ7" s="583"/>
      <c r="KA7" s="613"/>
      <c r="KB7" s="607" t="s">
        <v>52</v>
      </c>
      <c r="KC7" s="590" t="s">
        <v>61</v>
      </c>
      <c r="KD7" s="583"/>
      <c r="KE7" s="584"/>
      <c r="KF7" s="612" t="s">
        <v>62</v>
      </c>
      <c r="KG7" s="583"/>
      <c r="KH7" s="583"/>
      <c r="KI7" s="583"/>
      <c r="KJ7" s="583"/>
      <c r="KK7" s="583"/>
      <c r="KL7" s="613"/>
      <c r="KM7" s="607" t="s">
        <v>52</v>
      </c>
      <c r="KN7" s="590" t="s">
        <v>61</v>
      </c>
      <c r="KO7" s="583"/>
      <c r="KP7" s="584"/>
      <c r="KQ7" s="612" t="s">
        <v>62</v>
      </c>
      <c r="KR7" s="583"/>
      <c r="KS7" s="583"/>
      <c r="KT7" s="583"/>
      <c r="KU7" s="583"/>
      <c r="KV7" s="583"/>
      <c r="KW7" s="613"/>
      <c r="KX7" s="607" t="s">
        <v>52</v>
      </c>
      <c r="KY7" s="590" t="s">
        <v>61</v>
      </c>
      <c r="KZ7" s="583"/>
      <c r="LA7" s="584"/>
      <c r="LB7" s="612" t="s">
        <v>62</v>
      </c>
      <c r="LC7" s="583"/>
      <c r="LD7" s="583"/>
      <c r="LE7" s="583"/>
      <c r="LF7" s="583"/>
      <c r="LG7" s="583"/>
      <c r="LH7" s="613"/>
      <c r="LI7" s="607" t="s">
        <v>52</v>
      </c>
      <c r="LJ7" s="590" t="s">
        <v>61</v>
      </c>
      <c r="LK7" s="583"/>
      <c r="LL7" s="584"/>
      <c r="LM7" s="612" t="s">
        <v>62</v>
      </c>
      <c r="LN7" s="583"/>
      <c r="LO7" s="583"/>
      <c r="LP7" s="583"/>
      <c r="LQ7" s="583"/>
      <c r="LR7" s="583"/>
      <c r="LS7" s="613"/>
      <c r="LT7" s="607" t="s">
        <v>52</v>
      </c>
      <c r="LU7" s="590" t="s">
        <v>61</v>
      </c>
      <c r="LV7" s="583"/>
      <c r="LW7" s="584"/>
      <c r="LX7" s="612" t="s">
        <v>62</v>
      </c>
      <c r="LY7" s="583"/>
      <c r="LZ7" s="583"/>
      <c r="MA7" s="583"/>
      <c r="MB7" s="583"/>
      <c r="MC7" s="583"/>
      <c r="MD7" s="613"/>
      <c r="ME7" s="607" t="s">
        <v>52</v>
      </c>
      <c r="MF7" s="573" t="s">
        <v>61</v>
      </c>
      <c r="MG7" s="574"/>
      <c r="MH7" s="575"/>
      <c r="MI7" s="609" t="s">
        <v>62</v>
      </c>
      <c r="MJ7" s="574"/>
      <c r="MK7" s="574"/>
      <c r="ML7" s="574"/>
      <c r="MM7" s="574"/>
      <c r="MN7" s="574"/>
      <c r="MO7" s="610"/>
      <c r="MP7" s="611" t="s">
        <v>52</v>
      </c>
      <c r="MQ7" s="590" t="s">
        <v>61</v>
      </c>
      <c r="MR7" s="583"/>
      <c r="MS7" s="584"/>
      <c r="MT7" s="612" t="s">
        <v>62</v>
      </c>
      <c r="MU7" s="583"/>
      <c r="MV7" s="583"/>
      <c r="MW7" s="583"/>
      <c r="MX7" s="583"/>
      <c r="MY7" s="583"/>
      <c r="MZ7" s="613"/>
      <c r="NA7" s="607" t="s">
        <v>52</v>
      </c>
      <c r="NB7" s="590" t="s">
        <v>61</v>
      </c>
      <c r="NC7" s="583"/>
      <c r="ND7" s="584"/>
      <c r="NE7" s="612" t="s">
        <v>62</v>
      </c>
      <c r="NF7" s="583"/>
      <c r="NG7" s="583"/>
      <c r="NH7" s="583"/>
      <c r="NI7" s="583"/>
      <c r="NJ7" s="583"/>
      <c r="NK7" s="613"/>
      <c r="NL7" s="607" t="s">
        <v>52</v>
      </c>
      <c r="NM7" s="590" t="s">
        <v>61</v>
      </c>
      <c r="NN7" s="583"/>
      <c r="NO7" s="584"/>
      <c r="NP7" s="612" t="s">
        <v>62</v>
      </c>
      <c r="NQ7" s="583"/>
      <c r="NR7" s="583"/>
      <c r="NS7" s="583"/>
      <c r="NT7" s="583"/>
      <c r="NU7" s="583"/>
      <c r="NV7" s="613"/>
      <c r="NW7" s="607" t="s">
        <v>52</v>
      </c>
      <c r="NX7" s="590" t="s">
        <v>61</v>
      </c>
      <c r="NY7" s="583"/>
      <c r="NZ7" s="584"/>
      <c r="OA7" s="612" t="s">
        <v>62</v>
      </c>
      <c r="OB7" s="583"/>
      <c r="OC7" s="583"/>
      <c r="OD7" s="583"/>
      <c r="OE7" s="583"/>
      <c r="OF7" s="583"/>
      <c r="OG7" s="613"/>
      <c r="OH7" s="607" t="s">
        <v>52</v>
      </c>
      <c r="OI7" s="573" t="s">
        <v>61</v>
      </c>
      <c r="OJ7" s="574"/>
      <c r="OK7" s="575"/>
      <c r="OL7" s="609" t="s">
        <v>62</v>
      </c>
      <c r="OM7" s="574"/>
      <c r="ON7" s="574"/>
      <c r="OO7" s="574"/>
      <c r="OP7" s="574"/>
      <c r="OQ7" s="574"/>
      <c r="OR7" s="610"/>
      <c r="OS7" s="611" t="s">
        <v>52</v>
      </c>
    </row>
    <row r="8" spans="1:409" ht="28.5" customHeight="1" thickBot="1" x14ac:dyDescent="0.25">
      <c r="B8" s="679"/>
      <c r="C8" s="326" t="s">
        <v>43</v>
      </c>
      <c r="D8" s="47" t="s">
        <v>44</v>
      </c>
      <c r="E8" s="327" t="s">
        <v>45</v>
      </c>
      <c r="F8" s="52" t="s">
        <v>83</v>
      </c>
      <c r="G8" s="47" t="s">
        <v>47</v>
      </c>
      <c r="H8" s="47" t="s">
        <v>48</v>
      </c>
      <c r="I8" s="47" t="s">
        <v>49</v>
      </c>
      <c r="J8" s="47" t="s">
        <v>50</v>
      </c>
      <c r="K8" s="47" t="s">
        <v>51</v>
      </c>
      <c r="L8" s="48" t="s">
        <v>45</v>
      </c>
      <c r="M8" s="703"/>
      <c r="N8" s="51" t="s">
        <v>43</v>
      </c>
      <c r="O8" s="47" t="s">
        <v>44</v>
      </c>
      <c r="P8" s="48" t="s">
        <v>45</v>
      </c>
      <c r="Q8" s="52" t="s">
        <v>83</v>
      </c>
      <c r="R8" s="47" t="s">
        <v>47</v>
      </c>
      <c r="S8" s="47" t="s">
        <v>48</v>
      </c>
      <c r="T8" s="47" t="s">
        <v>49</v>
      </c>
      <c r="U8" s="47" t="s">
        <v>50</v>
      </c>
      <c r="V8" s="47" t="s">
        <v>51</v>
      </c>
      <c r="W8" s="48" t="s">
        <v>45</v>
      </c>
      <c r="X8" s="710"/>
      <c r="Y8" s="51" t="s">
        <v>43</v>
      </c>
      <c r="Z8" s="47" t="s">
        <v>44</v>
      </c>
      <c r="AA8" s="48" t="s">
        <v>45</v>
      </c>
      <c r="AB8" s="52" t="s">
        <v>83</v>
      </c>
      <c r="AC8" s="47" t="s">
        <v>47</v>
      </c>
      <c r="AD8" s="47" t="s">
        <v>48</v>
      </c>
      <c r="AE8" s="47" t="s">
        <v>49</v>
      </c>
      <c r="AF8" s="47" t="s">
        <v>50</v>
      </c>
      <c r="AG8" s="47" t="s">
        <v>51</v>
      </c>
      <c r="AH8" s="48" t="s">
        <v>45</v>
      </c>
      <c r="AI8" s="713"/>
      <c r="AJ8" s="51" t="s">
        <v>43</v>
      </c>
      <c r="AK8" s="47" t="s">
        <v>44</v>
      </c>
      <c r="AL8" s="327" t="s">
        <v>45</v>
      </c>
      <c r="AM8" s="52" t="s">
        <v>83</v>
      </c>
      <c r="AN8" s="47" t="s">
        <v>47</v>
      </c>
      <c r="AO8" s="47" t="s">
        <v>48</v>
      </c>
      <c r="AP8" s="47" t="s">
        <v>49</v>
      </c>
      <c r="AQ8" s="47" t="s">
        <v>50</v>
      </c>
      <c r="AR8" s="47" t="s">
        <v>51</v>
      </c>
      <c r="AS8" s="48" t="s">
        <v>45</v>
      </c>
      <c r="AT8" s="713"/>
      <c r="AU8" s="51" t="s">
        <v>43</v>
      </c>
      <c r="AV8" s="47" t="s">
        <v>44</v>
      </c>
      <c r="AW8" s="327" t="s">
        <v>45</v>
      </c>
      <c r="AX8" s="52" t="s">
        <v>83</v>
      </c>
      <c r="AY8" s="47" t="s">
        <v>47</v>
      </c>
      <c r="AZ8" s="47" t="s">
        <v>48</v>
      </c>
      <c r="BA8" s="47" t="s">
        <v>49</v>
      </c>
      <c r="BB8" s="47" t="s">
        <v>50</v>
      </c>
      <c r="BC8" s="47" t="s">
        <v>51</v>
      </c>
      <c r="BD8" s="48" t="s">
        <v>45</v>
      </c>
      <c r="BE8" s="713"/>
      <c r="BF8" s="328" t="s">
        <v>43</v>
      </c>
      <c r="BG8" s="47" t="s">
        <v>44</v>
      </c>
      <c r="BH8" s="327" t="s">
        <v>45</v>
      </c>
      <c r="BI8" s="52" t="s">
        <v>83</v>
      </c>
      <c r="BJ8" s="47" t="s">
        <v>47</v>
      </c>
      <c r="BK8" s="47" t="s">
        <v>48</v>
      </c>
      <c r="BL8" s="47" t="s">
        <v>49</v>
      </c>
      <c r="BM8" s="47" t="s">
        <v>50</v>
      </c>
      <c r="BN8" s="47" t="s">
        <v>51</v>
      </c>
      <c r="BO8" s="48" t="s">
        <v>45</v>
      </c>
      <c r="BP8" s="713"/>
      <c r="BQ8" s="51" t="s">
        <v>43</v>
      </c>
      <c r="BR8" s="47" t="s">
        <v>44</v>
      </c>
      <c r="BS8" s="327" t="s">
        <v>45</v>
      </c>
      <c r="BT8" s="52" t="s">
        <v>83</v>
      </c>
      <c r="BU8" s="47" t="s">
        <v>47</v>
      </c>
      <c r="BV8" s="47" t="s">
        <v>48</v>
      </c>
      <c r="BW8" s="47" t="s">
        <v>49</v>
      </c>
      <c r="BX8" s="47" t="s">
        <v>50</v>
      </c>
      <c r="BY8" s="47" t="s">
        <v>51</v>
      </c>
      <c r="BZ8" s="48" t="s">
        <v>45</v>
      </c>
      <c r="CA8" s="713"/>
      <c r="CB8" s="51" t="s">
        <v>43</v>
      </c>
      <c r="CC8" s="47" t="s">
        <v>44</v>
      </c>
      <c r="CD8" s="327" t="s">
        <v>45</v>
      </c>
      <c r="CE8" s="52" t="s">
        <v>83</v>
      </c>
      <c r="CF8" s="47" t="s">
        <v>47</v>
      </c>
      <c r="CG8" s="47" t="s">
        <v>48</v>
      </c>
      <c r="CH8" s="47" t="s">
        <v>49</v>
      </c>
      <c r="CI8" s="47" t="s">
        <v>50</v>
      </c>
      <c r="CJ8" s="47" t="s">
        <v>51</v>
      </c>
      <c r="CK8" s="48" t="s">
        <v>45</v>
      </c>
      <c r="CL8" s="710"/>
      <c r="CM8" s="51" t="s">
        <v>43</v>
      </c>
      <c r="CN8" s="47" t="s">
        <v>44</v>
      </c>
      <c r="CO8" s="48" t="s">
        <v>45</v>
      </c>
      <c r="CP8" s="52" t="s">
        <v>83</v>
      </c>
      <c r="CQ8" s="47" t="s">
        <v>47</v>
      </c>
      <c r="CR8" s="47" t="s">
        <v>48</v>
      </c>
      <c r="CS8" s="47" t="s">
        <v>49</v>
      </c>
      <c r="CT8" s="47" t="s">
        <v>50</v>
      </c>
      <c r="CU8" s="47" t="s">
        <v>51</v>
      </c>
      <c r="CV8" s="48" t="s">
        <v>45</v>
      </c>
      <c r="CW8" s="710"/>
      <c r="CX8" s="51" t="s">
        <v>43</v>
      </c>
      <c r="CY8" s="47" t="s">
        <v>44</v>
      </c>
      <c r="CZ8" s="48" t="s">
        <v>45</v>
      </c>
      <c r="DA8" s="52" t="s">
        <v>83</v>
      </c>
      <c r="DB8" s="47" t="s">
        <v>47</v>
      </c>
      <c r="DC8" s="47" t="s">
        <v>48</v>
      </c>
      <c r="DD8" s="47" t="s">
        <v>49</v>
      </c>
      <c r="DE8" s="47" t="s">
        <v>50</v>
      </c>
      <c r="DF8" s="47" t="s">
        <v>51</v>
      </c>
      <c r="DG8" s="48" t="s">
        <v>45</v>
      </c>
      <c r="DH8" s="710"/>
      <c r="DI8" s="51" t="s">
        <v>43</v>
      </c>
      <c r="DJ8" s="47" t="s">
        <v>44</v>
      </c>
      <c r="DK8" s="48" t="s">
        <v>45</v>
      </c>
      <c r="DL8" s="52" t="s">
        <v>83</v>
      </c>
      <c r="DM8" s="47" t="s">
        <v>47</v>
      </c>
      <c r="DN8" s="47" t="s">
        <v>48</v>
      </c>
      <c r="DO8" s="47" t="s">
        <v>49</v>
      </c>
      <c r="DP8" s="47" t="s">
        <v>50</v>
      </c>
      <c r="DQ8" s="47" t="s">
        <v>51</v>
      </c>
      <c r="DR8" s="48" t="s">
        <v>45</v>
      </c>
      <c r="DS8" s="710"/>
      <c r="DT8" s="51" t="s">
        <v>43</v>
      </c>
      <c r="DU8" s="47" t="s">
        <v>44</v>
      </c>
      <c r="DV8" s="327" t="s">
        <v>45</v>
      </c>
      <c r="DW8" s="52" t="s">
        <v>83</v>
      </c>
      <c r="DX8" s="47" t="s">
        <v>47</v>
      </c>
      <c r="DY8" s="47" t="s">
        <v>48</v>
      </c>
      <c r="DZ8" s="47" t="s">
        <v>49</v>
      </c>
      <c r="EA8" s="47" t="s">
        <v>50</v>
      </c>
      <c r="EB8" s="47" t="s">
        <v>51</v>
      </c>
      <c r="EC8" s="48" t="s">
        <v>45</v>
      </c>
      <c r="ED8" s="713"/>
      <c r="EE8" s="51" t="s">
        <v>43</v>
      </c>
      <c r="EF8" s="47" t="s">
        <v>44</v>
      </c>
      <c r="EG8" s="327" t="s">
        <v>45</v>
      </c>
      <c r="EH8" s="52" t="s">
        <v>83</v>
      </c>
      <c r="EI8" s="47" t="s">
        <v>47</v>
      </c>
      <c r="EJ8" s="47" t="s">
        <v>48</v>
      </c>
      <c r="EK8" s="47" t="s">
        <v>49</v>
      </c>
      <c r="EL8" s="47" t="s">
        <v>50</v>
      </c>
      <c r="EM8" s="47" t="s">
        <v>51</v>
      </c>
      <c r="EN8" s="48" t="s">
        <v>45</v>
      </c>
      <c r="EO8" s="713"/>
      <c r="EP8" s="51" t="s">
        <v>43</v>
      </c>
      <c r="EQ8" s="47" t="s">
        <v>44</v>
      </c>
      <c r="ER8" s="327" t="s">
        <v>45</v>
      </c>
      <c r="ES8" s="52" t="s">
        <v>83</v>
      </c>
      <c r="ET8" s="47" t="s">
        <v>47</v>
      </c>
      <c r="EU8" s="47" t="s">
        <v>48</v>
      </c>
      <c r="EV8" s="47" t="s">
        <v>49</v>
      </c>
      <c r="EW8" s="47" t="s">
        <v>50</v>
      </c>
      <c r="EX8" s="47" t="s">
        <v>51</v>
      </c>
      <c r="EY8" s="48" t="s">
        <v>45</v>
      </c>
      <c r="EZ8" s="713"/>
      <c r="FA8" s="51" t="s">
        <v>43</v>
      </c>
      <c r="FB8" s="47" t="s">
        <v>44</v>
      </c>
      <c r="FC8" s="327" t="s">
        <v>45</v>
      </c>
      <c r="FD8" s="52" t="s">
        <v>83</v>
      </c>
      <c r="FE8" s="47" t="s">
        <v>47</v>
      </c>
      <c r="FF8" s="47" t="s">
        <v>48</v>
      </c>
      <c r="FG8" s="47" t="s">
        <v>49</v>
      </c>
      <c r="FH8" s="47" t="s">
        <v>50</v>
      </c>
      <c r="FI8" s="47" t="s">
        <v>51</v>
      </c>
      <c r="FJ8" s="48" t="s">
        <v>45</v>
      </c>
      <c r="FK8" s="713"/>
      <c r="FL8" s="51" t="s">
        <v>43</v>
      </c>
      <c r="FM8" s="47" t="s">
        <v>44</v>
      </c>
      <c r="FN8" s="327" t="s">
        <v>45</v>
      </c>
      <c r="FO8" s="52" t="s">
        <v>83</v>
      </c>
      <c r="FP8" s="47" t="s">
        <v>47</v>
      </c>
      <c r="FQ8" s="47" t="s">
        <v>48</v>
      </c>
      <c r="FR8" s="47" t="s">
        <v>49</v>
      </c>
      <c r="FS8" s="47" t="s">
        <v>50</v>
      </c>
      <c r="FT8" s="47" t="s">
        <v>51</v>
      </c>
      <c r="FU8" s="48" t="s">
        <v>45</v>
      </c>
      <c r="FV8" s="724"/>
      <c r="FW8" s="51" t="s">
        <v>43</v>
      </c>
      <c r="FX8" s="47" t="s">
        <v>44</v>
      </c>
      <c r="FY8" s="327" t="s">
        <v>45</v>
      </c>
      <c r="FZ8" s="52" t="s">
        <v>83</v>
      </c>
      <c r="GA8" s="47" t="s">
        <v>47</v>
      </c>
      <c r="GB8" s="47" t="s">
        <v>48</v>
      </c>
      <c r="GC8" s="47" t="s">
        <v>49</v>
      </c>
      <c r="GD8" s="47" t="s">
        <v>50</v>
      </c>
      <c r="GE8" s="47" t="s">
        <v>51</v>
      </c>
      <c r="GF8" s="48" t="s">
        <v>45</v>
      </c>
      <c r="GG8" s="713"/>
      <c r="GH8" s="51" t="s">
        <v>43</v>
      </c>
      <c r="GI8" s="47" t="s">
        <v>44</v>
      </c>
      <c r="GJ8" s="327" t="s">
        <v>45</v>
      </c>
      <c r="GK8" s="52" t="s">
        <v>83</v>
      </c>
      <c r="GL8" s="47" t="s">
        <v>47</v>
      </c>
      <c r="GM8" s="47" t="s">
        <v>48</v>
      </c>
      <c r="GN8" s="47" t="s">
        <v>49</v>
      </c>
      <c r="GO8" s="47" t="s">
        <v>50</v>
      </c>
      <c r="GP8" s="47" t="s">
        <v>51</v>
      </c>
      <c r="GQ8" s="48" t="s">
        <v>45</v>
      </c>
      <c r="GR8" s="723"/>
      <c r="GS8" s="51" t="s">
        <v>43</v>
      </c>
      <c r="GT8" s="47" t="s">
        <v>44</v>
      </c>
      <c r="GU8" s="327" t="s">
        <v>45</v>
      </c>
      <c r="GV8" s="52" t="s">
        <v>83</v>
      </c>
      <c r="GW8" s="47" t="s">
        <v>47</v>
      </c>
      <c r="GX8" s="47" t="s">
        <v>48</v>
      </c>
      <c r="GY8" s="47" t="s">
        <v>49</v>
      </c>
      <c r="GZ8" s="47" t="s">
        <v>50</v>
      </c>
      <c r="HA8" s="47" t="s">
        <v>51</v>
      </c>
      <c r="HB8" s="48" t="s">
        <v>45</v>
      </c>
      <c r="HC8" s="723"/>
      <c r="HD8" s="51" t="s">
        <v>43</v>
      </c>
      <c r="HE8" s="47" t="s">
        <v>44</v>
      </c>
      <c r="HF8" s="327" t="s">
        <v>45</v>
      </c>
      <c r="HG8" s="52" t="s">
        <v>83</v>
      </c>
      <c r="HH8" s="47" t="s">
        <v>47</v>
      </c>
      <c r="HI8" s="47" t="s">
        <v>48</v>
      </c>
      <c r="HJ8" s="47" t="s">
        <v>49</v>
      </c>
      <c r="HK8" s="47" t="s">
        <v>50</v>
      </c>
      <c r="HL8" s="47" t="s">
        <v>51</v>
      </c>
      <c r="HM8" s="48" t="s">
        <v>45</v>
      </c>
      <c r="HN8" s="713"/>
      <c r="HO8" s="51" t="s">
        <v>43</v>
      </c>
      <c r="HP8" s="47" t="s">
        <v>44</v>
      </c>
      <c r="HQ8" s="327" t="s">
        <v>45</v>
      </c>
      <c r="HR8" s="52" t="s">
        <v>83</v>
      </c>
      <c r="HS8" s="47" t="s">
        <v>47</v>
      </c>
      <c r="HT8" s="47" t="s">
        <v>48</v>
      </c>
      <c r="HU8" s="47" t="s">
        <v>49</v>
      </c>
      <c r="HV8" s="47" t="s">
        <v>50</v>
      </c>
      <c r="HW8" s="47" t="s">
        <v>51</v>
      </c>
      <c r="HX8" s="48" t="s">
        <v>45</v>
      </c>
      <c r="HY8" s="713"/>
      <c r="HZ8" s="369" t="s">
        <v>43</v>
      </c>
      <c r="IA8" s="370" t="s">
        <v>44</v>
      </c>
      <c r="IB8" s="41" t="s">
        <v>45</v>
      </c>
      <c r="IC8" s="42" t="s">
        <v>83</v>
      </c>
      <c r="ID8" s="370" t="s">
        <v>47</v>
      </c>
      <c r="IE8" s="370" t="s">
        <v>48</v>
      </c>
      <c r="IF8" s="370" t="s">
        <v>49</v>
      </c>
      <c r="IG8" s="370" t="s">
        <v>50</v>
      </c>
      <c r="IH8" s="370" t="s">
        <v>51</v>
      </c>
      <c r="II8" s="17" t="s">
        <v>45</v>
      </c>
      <c r="IJ8" s="649"/>
      <c r="IK8" s="369" t="s">
        <v>43</v>
      </c>
      <c r="IL8" s="370" t="s">
        <v>44</v>
      </c>
      <c r="IM8" s="41" t="s">
        <v>45</v>
      </c>
      <c r="IN8" s="42" t="s">
        <v>83</v>
      </c>
      <c r="IO8" s="59" t="s">
        <v>47</v>
      </c>
      <c r="IP8" s="59" t="s">
        <v>48</v>
      </c>
      <c r="IQ8" s="59" t="s">
        <v>49</v>
      </c>
      <c r="IR8" s="59" t="s">
        <v>50</v>
      </c>
      <c r="IS8" s="59" t="s">
        <v>51</v>
      </c>
      <c r="IT8" s="64" t="s">
        <v>45</v>
      </c>
      <c r="IU8" s="648"/>
      <c r="IV8" s="61" t="s">
        <v>43</v>
      </c>
      <c r="IW8" s="59" t="s">
        <v>44</v>
      </c>
      <c r="IX8" s="64" t="s">
        <v>45</v>
      </c>
      <c r="IY8" s="33" t="s">
        <v>83</v>
      </c>
      <c r="IZ8" s="59" t="s">
        <v>47</v>
      </c>
      <c r="JA8" s="59" t="s">
        <v>48</v>
      </c>
      <c r="JB8" s="59" t="s">
        <v>49</v>
      </c>
      <c r="JC8" s="59" t="s">
        <v>50</v>
      </c>
      <c r="JD8" s="59" t="s">
        <v>51</v>
      </c>
      <c r="JE8" s="64" t="s">
        <v>45</v>
      </c>
      <c r="JF8" s="648"/>
      <c r="JG8" s="61" t="s">
        <v>43</v>
      </c>
      <c r="JH8" s="59" t="s">
        <v>44</v>
      </c>
      <c r="JI8" s="60" t="s">
        <v>45</v>
      </c>
      <c r="JJ8" s="33" t="s">
        <v>83</v>
      </c>
      <c r="JK8" s="59" t="s">
        <v>47</v>
      </c>
      <c r="JL8" s="59" t="s">
        <v>48</v>
      </c>
      <c r="JM8" s="59" t="s">
        <v>49</v>
      </c>
      <c r="JN8" s="59" t="s">
        <v>50</v>
      </c>
      <c r="JO8" s="59" t="s">
        <v>51</v>
      </c>
      <c r="JP8" s="64" t="s">
        <v>45</v>
      </c>
      <c r="JQ8" s="608"/>
      <c r="JR8" s="61" t="s">
        <v>43</v>
      </c>
      <c r="JS8" s="59" t="s">
        <v>44</v>
      </c>
      <c r="JT8" s="60" t="s">
        <v>45</v>
      </c>
      <c r="JU8" s="33" t="s">
        <v>83</v>
      </c>
      <c r="JV8" s="59" t="s">
        <v>47</v>
      </c>
      <c r="JW8" s="59" t="s">
        <v>48</v>
      </c>
      <c r="JX8" s="59" t="s">
        <v>49</v>
      </c>
      <c r="JY8" s="59" t="s">
        <v>50</v>
      </c>
      <c r="JZ8" s="59" t="s">
        <v>51</v>
      </c>
      <c r="KA8" s="64" t="s">
        <v>45</v>
      </c>
      <c r="KB8" s="608"/>
      <c r="KC8" s="61" t="s">
        <v>43</v>
      </c>
      <c r="KD8" s="59" t="s">
        <v>44</v>
      </c>
      <c r="KE8" s="60" t="s">
        <v>45</v>
      </c>
      <c r="KF8" s="33" t="s">
        <v>83</v>
      </c>
      <c r="KG8" s="59" t="s">
        <v>47</v>
      </c>
      <c r="KH8" s="59" t="s">
        <v>48</v>
      </c>
      <c r="KI8" s="59" t="s">
        <v>49</v>
      </c>
      <c r="KJ8" s="59" t="s">
        <v>50</v>
      </c>
      <c r="KK8" s="59" t="s">
        <v>51</v>
      </c>
      <c r="KL8" s="64" t="s">
        <v>45</v>
      </c>
      <c r="KM8" s="608"/>
      <c r="KN8" s="61" t="s">
        <v>43</v>
      </c>
      <c r="KO8" s="59" t="s">
        <v>44</v>
      </c>
      <c r="KP8" s="60" t="s">
        <v>45</v>
      </c>
      <c r="KQ8" s="42" t="s">
        <v>83</v>
      </c>
      <c r="KR8" s="59" t="s">
        <v>47</v>
      </c>
      <c r="KS8" s="59" t="s">
        <v>48</v>
      </c>
      <c r="KT8" s="59" t="s">
        <v>49</v>
      </c>
      <c r="KU8" s="59" t="s">
        <v>50</v>
      </c>
      <c r="KV8" s="59" t="s">
        <v>51</v>
      </c>
      <c r="KW8" s="64" t="s">
        <v>45</v>
      </c>
      <c r="KX8" s="608"/>
      <c r="KY8" s="61" t="s">
        <v>43</v>
      </c>
      <c r="KZ8" s="59" t="s">
        <v>44</v>
      </c>
      <c r="LA8" s="60" t="s">
        <v>45</v>
      </c>
      <c r="LB8" s="42" t="s">
        <v>83</v>
      </c>
      <c r="LC8" s="59" t="s">
        <v>47</v>
      </c>
      <c r="LD8" s="59" t="s">
        <v>48</v>
      </c>
      <c r="LE8" s="59" t="s">
        <v>49</v>
      </c>
      <c r="LF8" s="59" t="s">
        <v>50</v>
      </c>
      <c r="LG8" s="59" t="s">
        <v>51</v>
      </c>
      <c r="LH8" s="64" t="s">
        <v>45</v>
      </c>
      <c r="LI8" s="608"/>
      <c r="LJ8" s="61" t="s">
        <v>43</v>
      </c>
      <c r="LK8" s="59" t="s">
        <v>44</v>
      </c>
      <c r="LL8" s="60" t="s">
        <v>45</v>
      </c>
      <c r="LM8" s="42" t="s">
        <v>83</v>
      </c>
      <c r="LN8" s="59" t="s">
        <v>47</v>
      </c>
      <c r="LO8" s="59" t="s">
        <v>48</v>
      </c>
      <c r="LP8" s="59" t="s">
        <v>49</v>
      </c>
      <c r="LQ8" s="59" t="s">
        <v>50</v>
      </c>
      <c r="LR8" s="59" t="s">
        <v>51</v>
      </c>
      <c r="LS8" s="64" t="s">
        <v>45</v>
      </c>
      <c r="LT8" s="608"/>
      <c r="LU8" s="61" t="s">
        <v>43</v>
      </c>
      <c r="LV8" s="59" t="s">
        <v>44</v>
      </c>
      <c r="LW8" s="60" t="s">
        <v>45</v>
      </c>
      <c r="LX8" s="42" t="s">
        <v>83</v>
      </c>
      <c r="LY8" s="59" t="s">
        <v>47</v>
      </c>
      <c r="LZ8" s="59" t="s">
        <v>48</v>
      </c>
      <c r="MA8" s="59" t="s">
        <v>49</v>
      </c>
      <c r="MB8" s="59" t="s">
        <v>50</v>
      </c>
      <c r="MC8" s="59" t="s">
        <v>51</v>
      </c>
      <c r="MD8" s="64" t="s">
        <v>45</v>
      </c>
      <c r="ME8" s="608"/>
      <c r="MF8" s="61" t="s">
        <v>43</v>
      </c>
      <c r="MG8" s="59" t="s">
        <v>44</v>
      </c>
      <c r="MH8" s="60" t="s">
        <v>45</v>
      </c>
      <c r="MI8" s="42" t="s">
        <v>83</v>
      </c>
      <c r="MJ8" s="59" t="s">
        <v>47</v>
      </c>
      <c r="MK8" s="59" t="s">
        <v>48</v>
      </c>
      <c r="ML8" s="59" t="s">
        <v>49</v>
      </c>
      <c r="MM8" s="59" t="s">
        <v>50</v>
      </c>
      <c r="MN8" s="59" t="s">
        <v>51</v>
      </c>
      <c r="MO8" s="64" t="s">
        <v>45</v>
      </c>
      <c r="MP8" s="608"/>
      <c r="MQ8" s="61" t="s">
        <v>43</v>
      </c>
      <c r="MR8" s="59" t="s">
        <v>44</v>
      </c>
      <c r="MS8" s="60" t="s">
        <v>45</v>
      </c>
      <c r="MT8" s="42" t="s">
        <v>83</v>
      </c>
      <c r="MU8" s="59" t="s">
        <v>47</v>
      </c>
      <c r="MV8" s="59" t="s">
        <v>48</v>
      </c>
      <c r="MW8" s="59" t="s">
        <v>49</v>
      </c>
      <c r="MX8" s="59" t="s">
        <v>50</v>
      </c>
      <c r="MY8" s="59" t="s">
        <v>51</v>
      </c>
      <c r="MZ8" s="64" t="s">
        <v>45</v>
      </c>
      <c r="NA8" s="608"/>
      <c r="NB8" s="61" t="s">
        <v>43</v>
      </c>
      <c r="NC8" s="59" t="s">
        <v>44</v>
      </c>
      <c r="ND8" s="60" t="s">
        <v>45</v>
      </c>
      <c r="NE8" s="42" t="s">
        <v>83</v>
      </c>
      <c r="NF8" s="59" t="s">
        <v>47</v>
      </c>
      <c r="NG8" s="59" t="s">
        <v>48</v>
      </c>
      <c r="NH8" s="59" t="s">
        <v>49</v>
      </c>
      <c r="NI8" s="59" t="s">
        <v>50</v>
      </c>
      <c r="NJ8" s="59" t="s">
        <v>51</v>
      </c>
      <c r="NK8" s="64" t="s">
        <v>45</v>
      </c>
      <c r="NL8" s="608"/>
      <c r="NM8" s="61" t="s">
        <v>43</v>
      </c>
      <c r="NN8" s="59" t="s">
        <v>44</v>
      </c>
      <c r="NO8" s="60" t="s">
        <v>45</v>
      </c>
      <c r="NP8" s="42" t="s">
        <v>83</v>
      </c>
      <c r="NQ8" s="59" t="s">
        <v>47</v>
      </c>
      <c r="NR8" s="59" t="s">
        <v>48</v>
      </c>
      <c r="NS8" s="59" t="s">
        <v>49</v>
      </c>
      <c r="NT8" s="59" t="s">
        <v>50</v>
      </c>
      <c r="NU8" s="59" t="s">
        <v>51</v>
      </c>
      <c r="NV8" s="64" t="s">
        <v>45</v>
      </c>
      <c r="NW8" s="608"/>
      <c r="NX8" s="61" t="s">
        <v>43</v>
      </c>
      <c r="NY8" s="59" t="s">
        <v>44</v>
      </c>
      <c r="NZ8" s="60" t="s">
        <v>45</v>
      </c>
      <c r="OA8" s="42" t="s">
        <v>83</v>
      </c>
      <c r="OB8" s="59" t="s">
        <v>47</v>
      </c>
      <c r="OC8" s="59" t="s">
        <v>48</v>
      </c>
      <c r="OD8" s="59" t="s">
        <v>49</v>
      </c>
      <c r="OE8" s="59" t="s">
        <v>50</v>
      </c>
      <c r="OF8" s="59" t="s">
        <v>51</v>
      </c>
      <c r="OG8" s="64" t="s">
        <v>45</v>
      </c>
      <c r="OH8" s="608"/>
      <c r="OI8" s="61" t="s">
        <v>43</v>
      </c>
      <c r="OJ8" s="59" t="s">
        <v>44</v>
      </c>
      <c r="OK8" s="60" t="s">
        <v>45</v>
      </c>
      <c r="OL8" s="33" t="s">
        <v>83</v>
      </c>
      <c r="OM8" s="59" t="s">
        <v>47</v>
      </c>
      <c r="ON8" s="59" t="s">
        <v>48</v>
      </c>
      <c r="OO8" s="59" t="s">
        <v>49</v>
      </c>
      <c r="OP8" s="59" t="s">
        <v>50</v>
      </c>
      <c r="OQ8" s="59" t="s">
        <v>51</v>
      </c>
      <c r="OR8" s="64" t="s">
        <v>45</v>
      </c>
      <c r="OS8" s="608"/>
    </row>
    <row r="9" spans="1:409" s="474" customFormat="1" ht="20.25" customHeight="1" x14ac:dyDescent="0.2">
      <c r="A9" s="44"/>
      <c r="B9" s="468" t="s">
        <v>4</v>
      </c>
      <c r="C9" s="388">
        <v>24764956</v>
      </c>
      <c r="D9" s="389">
        <v>41701830</v>
      </c>
      <c r="E9" s="390">
        <v>66466786</v>
      </c>
      <c r="F9" s="391">
        <v>0</v>
      </c>
      <c r="G9" s="389">
        <v>252574405</v>
      </c>
      <c r="H9" s="389">
        <v>340292140</v>
      </c>
      <c r="I9" s="389">
        <v>286157904</v>
      </c>
      <c r="J9" s="389">
        <v>312041715</v>
      </c>
      <c r="K9" s="389">
        <v>241929993</v>
      </c>
      <c r="L9" s="392">
        <v>1432996157</v>
      </c>
      <c r="M9" s="393">
        <v>1499462943</v>
      </c>
      <c r="N9" s="388">
        <v>7410863</v>
      </c>
      <c r="O9" s="389">
        <v>14740369</v>
      </c>
      <c r="P9" s="394">
        <v>22151232</v>
      </c>
      <c r="Q9" s="388">
        <v>0</v>
      </c>
      <c r="R9" s="389">
        <v>79280887</v>
      </c>
      <c r="S9" s="389">
        <v>118711976</v>
      </c>
      <c r="T9" s="389">
        <v>92820472</v>
      </c>
      <c r="U9" s="389">
        <v>114162193</v>
      </c>
      <c r="V9" s="389">
        <v>114510988</v>
      </c>
      <c r="W9" s="394">
        <v>519486516</v>
      </c>
      <c r="X9" s="393">
        <v>541637748</v>
      </c>
      <c r="Y9" s="388">
        <v>0</v>
      </c>
      <c r="Z9" s="389">
        <v>0</v>
      </c>
      <c r="AA9" s="394">
        <v>0</v>
      </c>
      <c r="AB9" s="395">
        <v>0</v>
      </c>
      <c r="AC9" s="396">
        <v>32823780</v>
      </c>
      <c r="AD9" s="396">
        <v>48490176</v>
      </c>
      <c r="AE9" s="396">
        <v>44010552</v>
      </c>
      <c r="AF9" s="396">
        <v>57123638</v>
      </c>
      <c r="AG9" s="396">
        <v>61992127</v>
      </c>
      <c r="AH9" s="394">
        <v>244440273</v>
      </c>
      <c r="AI9" s="393">
        <v>244440273</v>
      </c>
      <c r="AJ9" s="397">
        <v>0</v>
      </c>
      <c r="AK9" s="396">
        <v>92511</v>
      </c>
      <c r="AL9" s="394">
        <v>92511</v>
      </c>
      <c r="AM9" s="395">
        <v>0</v>
      </c>
      <c r="AN9" s="396">
        <v>372232</v>
      </c>
      <c r="AO9" s="392">
        <v>1333306</v>
      </c>
      <c r="AP9" s="396">
        <v>2494124</v>
      </c>
      <c r="AQ9" s="396">
        <v>7059393</v>
      </c>
      <c r="AR9" s="396">
        <v>13034342</v>
      </c>
      <c r="AS9" s="394">
        <v>24293397</v>
      </c>
      <c r="AT9" s="393">
        <v>24385908</v>
      </c>
      <c r="AU9" s="397">
        <v>3692957</v>
      </c>
      <c r="AV9" s="396">
        <v>10096102</v>
      </c>
      <c r="AW9" s="394">
        <v>13789059</v>
      </c>
      <c r="AX9" s="395">
        <v>0</v>
      </c>
      <c r="AY9" s="396">
        <v>29702668</v>
      </c>
      <c r="AZ9" s="396">
        <v>47048201</v>
      </c>
      <c r="BA9" s="396">
        <v>27900830</v>
      </c>
      <c r="BB9" s="396">
        <v>29008121</v>
      </c>
      <c r="BC9" s="396">
        <v>24817145</v>
      </c>
      <c r="BD9" s="394">
        <v>158476965</v>
      </c>
      <c r="BE9" s="398">
        <v>172266024</v>
      </c>
      <c r="BF9" s="397">
        <v>511787</v>
      </c>
      <c r="BG9" s="392">
        <v>1413229</v>
      </c>
      <c r="BH9" s="399">
        <v>1925016</v>
      </c>
      <c r="BI9" s="395">
        <v>0</v>
      </c>
      <c r="BJ9" s="396">
        <v>2650180</v>
      </c>
      <c r="BK9" s="396">
        <v>4500896</v>
      </c>
      <c r="BL9" s="396">
        <v>2952758</v>
      </c>
      <c r="BM9" s="396">
        <v>3541140</v>
      </c>
      <c r="BN9" s="396">
        <v>1416287</v>
      </c>
      <c r="BO9" s="394">
        <v>15061261</v>
      </c>
      <c r="BP9" s="393">
        <v>16986277</v>
      </c>
      <c r="BQ9" s="397">
        <v>3206119</v>
      </c>
      <c r="BR9" s="396">
        <v>3138527</v>
      </c>
      <c r="BS9" s="394">
        <v>6344646</v>
      </c>
      <c r="BT9" s="395">
        <v>0</v>
      </c>
      <c r="BU9" s="396">
        <v>13732027</v>
      </c>
      <c r="BV9" s="396">
        <v>17339397</v>
      </c>
      <c r="BW9" s="396">
        <v>15462208</v>
      </c>
      <c r="BX9" s="396">
        <v>17429901</v>
      </c>
      <c r="BY9" s="396">
        <v>13251087</v>
      </c>
      <c r="BZ9" s="394">
        <v>77214620</v>
      </c>
      <c r="CA9" s="393">
        <v>83559266</v>
      </c>
      <c r="CB9" s="397">
        <v>2238939</v>
      </c>
      <c r="CC9" s="396">
        <v>5089847</v>
      </c>
      <c r="CD9" s="394">
        <v>7328786</v>
      </c>
      <c r="CE9" s="395">
        <v>0</v>
      </c>
      <c r="CF9" s="396">
        <v>71004581</v>
      </c>
      <c r="CG9" s="396">
        <v>82617392</v>
      </c>
      <c r="CH9" s="400">
        <v>57013905</v>
      </c>
      <c r="CI9" s="396">
        <v>43244703</v>
      </c>
      <c r="CJ9" s="396">
        <v>19014405</v>
      </c>
      <c r="CK9" s="394">
        <v>272894986</v>
      </c>
      <c r="CL9" s="393">
        <v>280223772</v>
      </c>
      <c r="CM9" s="388">
        <v>0</v>
      </c>
      <c r="CN9" s="389">
        <v>0</v>
      </c>
      <c r="CO9" s="394">
        <v>0</v>
      </c>
      <c r="CP9" s="395">
        <v>0</v>
      </c>
      <c r="CQ9" s="396">
        <v>57317592</v>
      </c>
      <c r="CR9" s="396">
        <v>60304517</v>
      </c>
      <c r="CS9" s="396">
        <v>39945731</v>
      </c>
      <c r="CT9" s="396">
        <v>29087286</v>
      </c>
      <c r="CU9" s="396">
        <v>13507312</v>
      </c>
      <c r="CV9" s="401">
        <v>200162438</v>
      </c>
      <c r="CW9" s="393">
        <v>200162438</v>
      </c>
      <c r="CX9" s="397">
        <v>2238939</v>
      </c>
      <c r="CY9" s="396">
        <v>5089847</v>
      </c>
      <c r="CZ9" s="394">
        <v>7328786</v>
      </c>
      <c r="DA9" s="395">
        <v>0</v>
      </c>
      <c r="DB9" s="396">
        <v>13686989</v>
      </c>
      <c r="DC9" s="396">
        <v>22312875</v>
      </c>
      <c r="DD9" s="396">
        <v>17068174</v>
      </c>
      <c r="DE9" s="396">
        <v>14157417</v>
      </c>
      <c r="DF9" s="396">
        <v>5507093</v>
      </c>
      <c r="DG9" s="394">
        <v>72732548</v>
      </c>
      <c r="DH9" s="393">
        <v>80061334</v>
      </c>
      <c r="DI9" s="397">
        <v>103661</v>
      </c>
      <c r="DJ9" s="396">
        <v>477678</v>
      </c>
      <c r="DK9" s="399">
        <v>581339</v>
      </c>
      <c r="DL9" s="395">
        <v>0</v>
      </c>
      <c r="DM9" s="396">
        <v>8617807</v>
      </c>
      <c r="DN9" s="396">
        <v>14443398</v>
      </c>
      <c r="DO9" s="396">
        <v>23943632</v>
      </c>
      <c r="DP9" s="396">
        <v>21804092</v>
      </c>
      <c r="DQ9" s="396">
        <v>11511055</v>
      </c>
      <c r="DR9" s="402">
        <v>80319984</v>
      </c>
      <c r="DS9" s="393">
        <v>80901323</v>
      </c>
      <c r="DT9" s="397">
        <v>75777</v>
      </c>
      <c r="DU9" s="396">
        <v>449074</v>
      </c>
      <c r="DV9" s="394">
        <v>524851</v>
      </c>
      <c r="DW9" s="395">
        <v>0</v>
      </c>
      <c r="DX9" s="396">
        <v>7222854</v>
      </c>
      <c r="DY9" s="396">
        <v>11153343</v>
      </c>
      <c r="DZ9" s="396">
        <v>20909331</v>
      </c>
      <c r="EA9" s="396">
        <v>18475793</v>
      </c>
      <c r="EB9" s="396">
        <v>9259961</v>
      </c>
      <c r="EC9" s="394">
        <v>67021282</v>
      </c>
      <c r="ED9" s="393">
        <v>67546133</v>
      </c>
      <c r="EE9" s="397">
        <v>27884</v>
      </c>
      <c r="EF9" s="392">
        <v>28604</v>
      </c>
      <c r="EG9" s="394">
        <v>56488</v>
      </c>
      <c r="EH9" s="398">
        <v>0</v>
      </c>
      <c r="EI9" s="396">
        <v>1394953</v>
      </c>
      <c r="EJ9" s="396">
        <v>3290055</v>
      </c>
      <c r="EK9" s="396">
        <v>3034301</v>
      </c>
      <c r="EL9" s="396">
        <v>3328299</v>
      </c>
      <c r="EM9" s="400">
        <v>2251094</v>
      </c>
      <c r="EN9" s="392">
        <v>13298702</v>
      </c>
      <c r="EO9" s="393">
        <v>13355190</v>
      </c>
      <c r="EP9" s="397">
        <v>0</v>
      </c>
      <c r="EQ9" s="396">
        <v>0</v>
      </c>
      <c r="ER9" s="392">
        <v>0</v>
      </c>
      <c r="ES9" s="395">
        <v>0</v>
      </c>
      <c r="ET9" s="396">
        <v>0</v>
      </c>
      <c r="EU9" s="396">
        <v>0</v>
      </c>
      <c r="EV9" s="396">
        <v>0</v>
      </c>
      <c r="EW9" s="396">
        <v>0</v>
      </c>
      <c r="EX9" s="396">
        <v>0</v>
      </c>
      <c r="EY9" s="401">
        <v>0</v>
      </c>
      <c r="EZ9" s="393">
        <v>0</v>
      </c>
      <c r="FA9" s="397">
        <v>0</v>
      </c>
      <c r="FB9" s="396">
        <v>0</v>
      </c>
      <c r="FC9" s="392">
        <v>0</v>
      </c>
      <c r="FD9" s="403"/>
      <c r="FE9" s="396">
        <v>0</v>
      </c>
      <c r="FF9" s="396">
        <v>0</v>
      </c>
      <c r="FG9" s="396">
        <v>0</v>
      </c>
      <c r="FH9" s="396">
        <v>0</v>
      </c>
      <c r="FI9" s="396">
        <v>0</v>
      </c>
      <c r="FJ9" s="401">
        <v>0</v>
      </c>
      <c r="FK9" s="393">
        <v>0</v>
      </c>
      <c r="FL9" s="397">
        <v>4462433</v>
      </c>
      <c r="FM9" s="396">
        <v>8386285</v>
      </c>
      <c r="FN9" s="394">
        <v>12848718</v>
      </c>
      <c r="FO9" s="395">
        <v>0</v>
      </c>
      <c r="FP9" s="396">
        <v>12196957</v>
      </c>
      <c r="FQ9" s="396">
        <v>30608337</v>
      </c>
      <c r="FR9" s="396">
        <v>21840956</v>
      </c>
      <c r="FS9" s="396">
        <v>21293120</v>
      </c>
      <c r="FT9" s="396">
        <v>16696984</v>
      </c>
      <c r="FU9" s="394">
        <v>102636354</v>
      </c>
      <c r="FV9" s="393">
        <v>115485072</v>
      </c>
      <c r="FW9" s="397">
        <v>2419172</v>
      </c>
      <c r="FX9" s="396">
        <v>5407366</v>
      </c>
      <c r="FY9" s="392">
        <v>7826538</v>
      </c>
      <c r="FZ9" s="398">
        <v>0</v>
      </c>
      <c r="GA9" s="396">
        <v>8973874</v>
      </c>
      <c r="GB9" s="404">
        <v>26880698</v>
      </c>
      <c r="GC9" s="396">
        <v>19615164</v>
      </c>
      <c r="GD9" s="404">
        <v>19929433</v>
      </c>
      <c r="GE9" s="396">
        <v>15667133</v>
      </c>
      <c r="GF9" s="401">
        <v>91066302</v>
      </c>
      <c r="GG9" s="405">
        <v>98892840</v>
      </c>
      <c r="GH9" s="406">
        <v>183753</v>
      </c>
      <c r="GI9" s="396">
        <v>482822</v>
      </c>
      <c r="GJ9" s="404">
        <v>666575</v>
      </c>
      <c r="GK9" s="391">
        <v>0</v>
      </c>
      <c r="GL9" s="396">
        <v>530288</v>
      </c>
      <c r="GM9" s="392">
        <v>1122851</v>
      </c>
      <c r="GN9" s="396">
        <v>943247</v>
      </c>
      <c r="GO9" s="392">
        <v>635740</v>
      </c>
      <c r="GP9" s="396">
        <v>397751</v>
      </c>
      <c r="GQ9" s="402">
        <v>3629877</v>
      </c>
      <c r="GR9" s="393">
        <v>4296452</v>
      </c>
      <c r="GS9" s="392">
        <v>1859508</v>
      </c>
      <c r="GT9" s="396">
        <v>2496097</v>
      </c>
      <c r="GU9" s="394">
        <v>4355605</v>
      </c>
      <c r="GV9" s="392">
        <v>0</v>
      </c>
      <c r="GW9" s="396">
        <v>2692795</v>
      </c>
      <c r="GX9" s="392">
        <v>2604788</v>
      </c>
      <c r="GY9" s="396">
        <v>1282545</v>
      </c>
      <c r="GZ9" s="392">
        <v>727947</v>
      </c>
      <c r="HA9" s="396">
        <v>632100</v>
      </c>
      <c r="HB9" s="392">
        <v>7940175</v>
      </c>
      <c r="HC9" s="393">
        <v>12295780</v>
      </c>
      <c r="HD9" s="392">
        <v>10549060</v>
      </c>
      <c r="HE9" s="396">
        <v>13007651</v>
      </c>
      <c r="HF9" s="392">
        <v>23556711</v>
      </c>
      <c r="HG9" s="398">
        <v>0</v>
      </c>
      <c r="HH9" s="396">
        <v>81474173</v>
      </c>
      <c r="HI9" s="404">
        <v>93911037</v>
      </c>
      <c r="HJ9" s="396">
        <v>90538939</v>
      </c>
      <c r="HK9" s="404">
        <v>111537607</v>
      </c>
      <c r="HL9" s="396">
        <v>80196561</v>
      </c>
      <c r="HM9" s="401">
        <v>457658317</v>
      </c>
      <c r="HN9" s="392">
        <v>481215028</v>
      </c>
      <c r="HO9" s="469"/>
      <c r="HP9" s="470"/>
      <c r="HQ9" s="471"/>
      <c r="HR9" s="472"/>
      <c r="HS9" s="470"/>
      <c r="HT9" s="472"/>
      <c r="HU9" s="470"/>
      <c r="HV9" s="472"/>
      <c r="HW9" s="470"/>
      <c r="HX9" s="472"/>
      <c r="HY9" s="473"/>
      <c r="HZ9" s="407">
        <v>549709</v>
      </c>
      <c r="IA9" s="408">
        <v>769786</v>
      </c>
      <c r="IB9" s="409">
        <v>1319495</v>
      </c>
      <c r="IC9" s="410">
        <v>0</v>
      </c>
      <c r="ID9" s="408">
        <v>55483086</v>
      </c>
      <c r="IE9" s="411">
        <v>69498769</v>
      </c>
      <c r="IF9" s="412">
        <v>74509118</v>
      </c>
      <c r="IG9" s="408">
        <v>57099101</v>
      </c>
      <c r="IH9" s="412">
        <v>45802510</v>
      </c>
      <c r="II9" s="413">
        <v>302392584</v>
      </c>
      <c r="IJ9" s="414">
        <v>303712079</v>
      </c>
      <c r="IK9" s="415">
        <v>0</v>
      </c>
      <c r="IL9" s="416">
        <v>0</v>
      </c>
      <c r="IM9" s="417">
        <v>0</v>
      </c>
      <c r="IN9" s="418"/>
      <c r="IO9" s="419">
        <v>1666896</v>
      </c>
      <c r="IP9" s="419">
        <v>3093645</v>
      </c>
      <c r="IQ9" s="419">
        <v>3382277</v>
      </c>
      <c r="IR9" s="419">
        <v>5267759</v>
      </c>
      <c r="IS9" s="419">
        <v>3567674</v>
      </c>
      <c r="IT9" s="420">
        <v>16978251</v>
      </c>
      <c r="IU9" s="421">
        <v>16978251</v>
      </c>
      <c r="IV9" s="422">
        <v>0</v>
      </c>
      <c r="IW9" s="419">
        <v>0</v>
      </c>
      <c r="IX9" s="423">
        <v>0</v>
      </c>
      <c r="IY9" s="424"/>
      <c r="IZ9" s="419">
        <v>139700</v>
      </c>
      <c r="JA9" s="419">
        <v>526522</v>
      </c>
      <c r="JB9" s="419">
        <v>638607</v>
      </c>
      <c r="JC9" s="419">
        <v>829525</v>
      </c>
      <c r="JD9" s="419">
        <v>948074</v>
      </c>
      <c r="JE9" s="423">
        <v>3082428</v>
      </c>
      <c r="JF9" s="425">
        <v>3082428</v>
      </c>
      <c r="JG9" s="422">
        <v>0</v>
      </c>
      <c r="JH9" s="419">
        <v>0</v>
      </c>
      <c r="JI9" s="420">
        <v>0</v>
      </c>
      <c r="JJ9" s="426">
        <v>0</v>
      </c>
      <c r="JK9" s="419">
        <v>27121365</v>
      </c>
      <c r="JL9" s="419">
        <v>25590507</v>
      </c>
      <c r="JM9" s="419">
        <v>19097881</v>
      </c>
      <c r="JN9" s="419">
        <v>9521612</v>
      </c>
      <c r="JO9" s="419">
        <v>5511756</v>
      </c>
      <c r="JP9" s="423">
        <v>86843121</v>
      </c>
      <c r="JQ9" s="421">
        <v>86843121</v>
      </c>
      <c r="JR9" s="422">
        <v>60546</v>
      </c>
      <c r="JS9" s="419">
        <v>0</v>
      </c>
      <c r="JT9" s="420">
        <v>60546</v>
      </c>
      <c r="JU9" s="426">
        <v>0</v>
      </c>
      <c r="JV9" s="419">
        <v>2843853</v>
      </c>
      <c r="JW9" s="419">
        <v>5685716</v>
      </c>
      <c r="JX9" s="419">
        <v>6072934</v>
      </c>
      <c r="JY9" s="419">
        <v>3669747</v>
      </c>
      <c r="JZ9" s="419">
        <v>3598334</v>
      </c>
      <c r="KA9" s="423">
        <v>21870584</v>
      </c>
      <c r="KB9" s="421">
        <v>21931130</v>
      </c>
      <c r="KC9" s="427">
        <v>489163</v>
      </c>
      <c r="KD9" s="428">
        <v>769786</v>
      </c>
      <c r="KE9" s="423">
        <v>1258949</v>
      </c>
      <c r="KF9" s="426">
        <v>0</v>
      </c>
      <c r="KG9" s="419">
        <v>7206644</v>
      </c>
      <c r="KH9" s="419">
        <v>7376609</v>
      </c>
      <c r="KI9" s="419">
        <v>11372477</v>
      </c>
      <c r="KJ9" s="419">
        <v>7568579</v>
      </c>
      <c r="KK9" s="419">
        <v>4734693</v>
      </c>
      <c r="KL9" s="423">
        <v>38259002</v>
      </c>
      <c r="KM9" s="429">
        <v>39517951</v>
      </c>
      <c r="KN9" s="415">
        <v>0</v>
      </c>
      <c r="KO9" s="416">
        <v>0</v>
      </c>
      <c r="KP9" s="417">
        <v>0</v>
      </c>
      <c r="KQ9" s="418">
        <v>0</v>
      </c>
      <c r="KR9" s="419">
        <v>14915229</v>
      </c>
      <c r="KS9" s="419">
        <v>23525520</v>
      </c>
      <c r="KT9" s="419">
        <v>27434372</v>
      </c>
      <c r="KU9" s="419">
        <v>19003421</v>
      </c>
      <c r="KV9" s="419">
        <v>14573115</v>
      </c>
      <c r="KW9" s="423">
        <v>99451657</v>
      </c>
      <c r="KX9" s="421">
        <v>99451657</v>
      </c>
      <c r="KY9" s="422">
        <v>0</v>
      </c>
      <c r="KZ9" s="419">
        <v>0</v>
      </c>
      <c r="LA9" s="423">
        <v>0</v>
      </c>
      <c r="LB9" s="430"/>
      <c r="LC9" s="419">
        <v>326144</v>
      </c>
      <c r="LD9" s="419">
        <v>1055784</v>
      </c>
      <c r="LE9" s="419">
        <v>996835</v>
      </c>
      <c r="LF9" s="419">
        <v>1104432</v>
      </c>
      <c r="LG9" s="419">
        <v>1396399</v>
      </c>
      <c r="LH9" s="423">
        <v>4879594</v>
      </c>
      <c r="LI9" s="425">
        <v>4879594</v>
      </c>
      <c r="LJ9" s="422">
        <v>0</v>
      </c>
      <c r="LK9" s="419">
        <v>0</v>
      </c>
      <c r="LL9" s="423">
        <v>0</v>
      </c>
      <c r="LM9" s="430"/>
      <c r="LN9" s="419">
        <v>185161</v>
      </c>
      <c r="LO9" s="419">
        <v>328779</v>
      </c>
      <c r="LP9" s="419">
        <v>2237880</v>
      </c>
      <c r="LQ9" s="419">
        <v>3778567</v>
      </c>
      <c r="LR9" s="419">
        <v>2262265</v>
      </c>
      <c r="LS9" s="423">
        <v>8792652</v>
      </c>
      <c r="LT9" s="421">
        <v>8792652</v>
      </c>
      <c r="LU9" s="422">
        <v>0</v>
      </c>
      <c r="LV9" s="419">
        <v>0</v>
      </c>
      <c r="LW9" s="423">
        <v>0</v>
      </c>
      <c r="LX9" s="430"/>
      <c r="LY9" s="419">
        <v>1078094</v>
      </c>
      <c r="LZ9" s="419">
        <v>2315687</v>
      </c>
      <c r="MA9" s="419">
        <v>3275855</v>
      </c>
      <c r="MB9" s="419">
        <v>6355459</v>
      </c>
      <c r="MC9" s="419">
        <v>9210200</v>
      </c>
      <c r="MD9" s="423">
        <v>22235295</v>
      </c>
      <c r="ME9" s="425">
        <v>22235295</v>
      </c>
      <c r="MF9" s="422">
        <v>0</v>
      </c>
      <c r="MG9" s="419">
        <v>0</v>
      </c>
      <c r="MH9" s="423">
        <v>0</v>
      </c>
      <c r="MI9" s="430"/>
      <c r="MJ9" s="419">
        <v>11081325</v>
      </c>
      <c r="MK9" s="419">
        <v>33331152</v>
      </c>
      <c r="ML9" s="419">
        <v>98938863</v>
      </c>
      <c r="MM9" s="419">
        <v>162553757</v>
      </c>
      <c r="MN9" s="419">
        <v>108570640</v>
      </c>
      <c r="MO9" s="423">
        <v>414475737</v>
      </c>
      <c r="MP9" s="429">
        <v>414475737</v>
      </c>
      <c r="MQ9" s="422">
        <v>0</v>
      </c>
      <c r="MR9" s="419">
        <v>0</v>
      </c>
      <c r="MS9" s="423">
        <v>0</v>
      </c>
      <c r="MT9" s="430"/>
      <c r="MU9" s="419">
        <v>694105</v>
      </c>
      <c r="MV9" s="419">
        <v>5839867</v>
      </c>
      <c r="MW9" s="419">
        <v>48071394</v>
      </c>
      <c r="MX9" s="419">
        <v>95085434</v>
      </c>
      <c r="MY9" s="419">
        <v>64921130</v>
      </c>
      <c r="MZ9" s="423">
        <v>214611930</v>
      </c>
      <c r="NA9" s="429">
        <v>214611930</v>
      </c>
      <c r="NB9" s="422">
        <v>0</v>
      </c>
      <c r="NC9" s="419">
        <v>0</v>
      </c>
      <c r="ND9" s="423">
        <v>0</v>
      </c>
      <c r="NE9" s="430"/>
      <c r="NF9" s="419">
        <v>10387220</v>
      </c>
      <c r="NG9" s="419">
        <v>26939201</v>
      </c>
      <c r="NH9" s="419">
        <v>50867469</v>
      </c>
      <c r="NI9" s="419">
        <v>61437987</v>
      </c>
      <c r="NJ9" s="419">
        <v>32676412</v>
      </c>
      <c r="NK9" s="423">
        <v>182308289</v>
      </c>
      <c r="NL9" s="421">
        <v>182308289</v>
      </c>
      <c r="NM9" s="422">
        <v>0</v>
      </c>
      <c r="NN9" s="419">
        <v>0</v>
      </c>
      <c r="NO9" s="423">
        <v>0</v>
      </c>
      <c r="NP9" s="430"/>
      <c r="NQ9" s="419">
        <v>0</v>
      </c>
      <c r="NR9" s="419">
        <v>150978</v>
      </c>
      <c r="NS9" s="419">
        <v>0</v>
      </c>
      <c r="NT9" s="419">
        <v>3178116</v>
      </c>
      <c r="NU9" s="419">
        <v>4430845</v>
      </c>
      <c r="NV9" s="423">
        <v>7759939</v>
      </c>
      <c r="NW9" s="425">
        <v>7759939</v>
      </c>
      <c r="NX9" s="422">
        <v>0</v>
      </c>
      <c r="NY9" s="419">
        <v>0</v>
      </c>
      <c r="NZ9" s="423">
        <v>0</v>
      </c>
      <c r="OA9" s="430"/>
      <c r="OB9" s="419">
        <v>0</v>
      </c>
      <c r="OC9" s="419">
        <v>401106</v>
      </c>
      <c r="OD9" s="419">
        <v>0</v>
      </c>
      <c r="OE9" s="419">
        <v>2852220</v>
      </c>
      <c r="OF9" s="419">
        <v>6542253</v>
      </c>
      <c r="OG9" s="423">
        <v>9795579</v>
      </c>
      <c r="OH9" s="425">
        <v>9795579</v>
      </c>
      <c r="OI9" s="422">
        <v>25314665</v>
      </c>
      <c r="OJ9" s="419">
        <v>42471616</v>
      </c>
      <c r="OK9" s="420">
        <v>67786281</v>
      </c>
      <c r="OL9" s="426">
        <v>0</v>
      </c>
      <c r="OM9" s="419">
        <v>319138816</v>
      </c>
      <c r="ON9" s="419">
        <v>443122061</v>
      </c>
      <c r="OO9" s="419">
        <v>459605885</v>
      </c>
      <c r="OP9" s="419">
        <v>531694573</v>
      </c>
      <c r="OQ9" s="419">
        <v>396303143</v>
      </c>
      <c r="OR9" s="423">
        <v>2149864478</v>
      </c>
      <c r="OS9" s="429">
        <v>2217650759</v>
      </c>
    </row>
    <row r="10" spans="1:409" s="474" customFormat="1" ht="20.25" customHeight="1" x14ac:dyDescent="0.2">
      <c r="A10" s="44"/>
      <c r="B10" s="475" t="s">
        <v>5</v>
      </c>
      <c r="C10" s="433">
        <v>10751404</v>
      </c>
      <c r="D10" s="434">
        <v>20741442</v>
      </c>
      <c r="E10" s="435">
        <v>31492846</v>
      </c>
      <c r="F10" s="436">
        <v>0</v>
      </c>
      <c r="G10" s="434">
        <v>97581344</v>
      </c>
      <c r="H10" s="434">
        <v>174468503</v>
      </c>
      <c r="I10" s="434">
        <v>131088180</v>
      </c>
      <c r="J10" s="434">
        <v>138946475</v>
      </c>
      <c r="K10" s="434">
        <v>102964221</v>
      </c>
      <c r="L10" s="436">
        <v>645048723</v>
      </c>
      <c r="M10" s="437">
        <v>676541569</v>
      </c>
      <c r="N10" s="433">
        <v>3286845</v>
      </c>
      <c r="O10" s="434">
        <v>7800142</v>
      </c>
      <c r="P10" s="435">
        <v>11086987</v>
      </c>
      <c r="Q10" s="433">
        <v>0</v>
      </c>
      <c r="R10" s="434">
        <v>31098645</v>
      </c>
      <c r="S10" s="434">
        <v>64412027</v>
      </c>
      <c r="T10" s="434">
        <v>41315287</v>
      </c>
      <c r="U10" s="434">
        <v>51513545</v>
      </c>
      <c r="V10" s="434">
        <v>48001743</v>
      </c>
      <c r="W10" s="435">
        <v>236341247</v>
      </c>
      <c r="X10" s="437">
        <v>247428234</v>
      </c>
      <c r="Y10" s="433">
        <v>0</v>
      </c>
      <c r="Z10" s="434">
        <v>0</v>
      </c>
      <c r="AA10" s="435">
        <v>0</v>
      </c>
      <c r="AB10" s="433">
        <v>0</v>
      </c>
      <c r="AC10" s="434">
        <v>12416910</v>
      </c>
      <c r="AD10" s="434">
        <v>24966481</v>
      </c>
      <c r="AE10" s="434">
        <v>18345834</v>
      </c>
      <c r="AF10" s="434">
        <v>24708687</v>
      </c>
      <c r="AG10" s="434">
        <v>25241228</v>
      </c>
      <c r="AH10" s="435">
        <v>105679140</v>
      </c>
      <c r="AI10" s="437">
        <v>105679140</v>
      </c>
      <c r="AJ10" s="433">
        <v>0</v>
      </c>
      <c r="AK10" s="434">
        <v>28465</v>
      </c>
      <c r="AL10" s="435">
        <v>28465</v>
      </c>
      <c r="AM10" s="433">
        <v>0</v>
      </c>
      <c r="AN10" s="434">
        <v>45636</v>
      </c>
      <c r="AO10" s="434">
        <v>717994</v>
      </c>
      <c r="AP10" s="434">
        <v>1108483</v>
      </c>
      <c r="AQ10" s="434">
        <v>3333677</v>
      </c>
      <c r="AR10" s="434">
        <v>5391239</v>
      </c>
      <c r="AS10" s="435">
        <v>10597029</v>
      </c>
      <c r="AT10" s="437">
        <v>10625494</v>
      </c>
      <c r="AU10" s="433">
        <v>1763178</v>
      </c>
      <c r="AV10" s="434">
        <v>5263321</v>
      </c>
      <c r="AW10" s="435">
        <v>7026499</v>
      </c>
      <c r="AX10" s="433">
        <v>0</v>
      </c>
      <c r="AY10" s="434">
        <v>11975705</v>
      </c>
      <c r="AZ10" s="434">
        <v>27692899</v>
      </c>
      <c r="BA10" s="434">
        <v>13873999</v>
      </c>
      <c r="BB10" s="434">
        <v>14140228</v>
      </c>
      <c r="BC10" s="434">
        <v>11197936</v>
      </c>
      <c r="BD10" s="435">
        <v>78880767</v>
      </c>
      <c r="BE10" s="437">
        <v>85907266</v>
      </c>
      <c r="BF10" s="433">
        <v>180584</v>
      </c>
      <c r="BG10" s="434">
        <v>828307</v>
      </c>
      <c r="BH10" s="438">
        <v>1008891</v>
      </c>
      <c r="BI10" s="439">
        <v>0</v>
      </c>
      <c r="BJ10" s="434">
        <v>850281</v>
      </c>
      <c r="BK10" s="434">
        <v>2156688</v>
      </c>
      <c r="BL10" s="434">
        <v>1113727</v>
      </c>
      <c r="BM10" s="434">
        <v>1603163</v>
      </c>
      <c r="BN10" s="434">
        <v>614611</v>
      </c>
      <c r="BO10" s="435">
        <v>6338470</v>
      </c>
      <c r="BP10" s="437">
        <v>7347361</v>
      </c>
      <c r="BQ10" s="433">
        <v>1343083</v>
      </c>
      <c r="BR10" s="434">
        <v>1680049</v>
      </c>
      <c r="BS10" s="435">
        <v>3023132</v>
      </c>
      <c r="BT10" s="433">
        <v>0</v>
      </c>
      <c r="BU10" s="434">
        <v>5810113</v>
      </c>
      <c r="BV10" s="434">
        <v>8877965</v>
      </c>
      <c r="BW10" s="434">
        <v>6873244</v>
      </c>
      <c r="BX10" s="434">
        <v>7727790</v>
      </c>
      <c r="BY10" s="434">
        <v>5556729</v>
      </c>
      <c r="BZ10" s="435">
        <v>34845841</v>
      </c>
      <c r="CA10" s="437">
        <v>37868973</v>
      </c>
      <c r="CB10" s="433">
        <v>1131704</v>
      </c>
      <c r="CC10" s="434">
        <v>2351305</v>
      </c>
      <c r="CD10" s="435">
        <v>3483009</v>
      </c>
      <c r="CE10" s="433">
        <v>0</v>
      </c>
      <c r="CF10" s="434">
        <v>23543730</v>
      </c>
      <c r="CG10" s="434">
        <v>37508258</v>
      </c>
      <c r="CH10" s="434">
        <v>25244843</v>
      </c>
      <c r="CI10" s="434">
        <v>17467808</v>
      </c>
      <c r="CJ10" s="434">
        <v>8336833</v>
      </c>
      <c r="CK10" s="435">
        <v>112101472</v>
      </c>
      <c r="CL10" s="437">
        <v>115584481</v>
      </c>
      <c r="CM10" s="433">
        <v>0</v>
      </c>
      <c r="CN10" s="434">
        <v>0</v>
      </c>
      <c r="CO10" s="435">
        <v>0</v>
      </c>
      <c r="CP10" s="439">
        <v>0</v>
      </c>
      <c r="CQ10" s="434">
        <v>19149936</v>
      </c>
      <c r="CR10" s="434">
        <v>25682258</v>
      </c>
      <c r="CS10" s="434">
        <v>17165720</v>
      </c>
      <c r="CT10" s="434">
        <v>11445755</v>
      </c>
      <c r="CU10" s="434">
        <v>5399609</v>
      </c>
      <c r="CV10" s="435">
        <v>78843278</v>
      </c>
      <c r="CW10" s="437">
        <v>78843278</v>
      </c>
      <c r="CX10" s="433">
        <v>1131704</v>
      </c>
      <c r="CY10" s="434">
        <v>2351305</v>
      </c>
      <c r="CZ10" s="435">
        <v>3483009</v>
      </c>
      <c r="DA10" s="433">
        <v>0</v>
      </c>
      <c r="DB10" s="434">
        <v>4393794</v>
      </c>
      <c r="DC10" s="434">
        <v>11826000</v>
      </c>
      <c r="DD10" s="434">
        <v>8079123</v>
      </c>
      <c r="DE10" s="434">
        <v>6022053</v>
      </c>
      <c r="DF10" s="434">
        <v>2937224</v>
      </c>
      <c r="DG10" s="435">
        <v>33258194</v>
      </c>
      <c r="DH10" s="437">
        <v>36741203</v>
      </c>
      <c r="DI10" s="433">
        <v>0</v>
      </c>
      <c r="DJ10" s="434">
        <v>241487</v>
      </c>
      <c r="DK10" s="438">
        <v>241487</v>
      </c>
      <c r="DL10" s="439">
        <v>0</v>
      </c>
      <c r="DM10" s="434">
        <v>4283127</v>
      </c>
      <c r="DN10" s="434">
        <v>7924896</v>
      </c>
      <c r="DO10" s="434">
        <v>10374774</v>
      </c>
      <c r="DP10" s="434">
        <v>10559878</v>
      </c>
      <c r="DQ10" s="434">
        <v>5444691</v>
      </c>
      <c r="DR10" s="435">
        <v>38587366</v>
      </c>
      <c r="DS10" s="437">
        <v>38828853</v>
      </c>
      <c r="DT10" s="433">
        <v>0</v>
      </c>
      <c r="DU10" s="434">
        <v>212883</v>
      </c>
      <c r="DV10" s="435">
        <v>212883</v>
      </c>
      <c r="DW10" s="433">
        <v>0</v>
      </c>
      <c r="DX10" s="434">
        <v>3339374</v>
      </c>
      <c r="DY10" s="434">
        <v>5840169</v>
      </c>
      <c r="DZ10" s="434">
        <v>8577365</v>
      </c>
      <c r="EA10" s="434">
        <v>8294403</v>
      </c>
      <c r="EB10" s="434">
        <v>4086409</v>
      </c>
      <c r="EC10" s="435">
        <v>30137720</v>
      </c>
      <c r="ED10" s="437">
        <v>30350603</v>
      </c>
      <c r="EE10" s="433">
        <v>0</v>
      </c>
      <c r="EF10" s="438">
        <v>28604</v>
      </c>
      <c r="EG10" s="435">
        <v>28604</v>
      </c>
      <c r="EH10" s="433">
        <v>0</v>
      </c>
      <c r="EI10" s="434">
        <v>943753</v>
      </c>
      <c r="EJ10" s="434">
        <v>2084727</v>
      </c>
      <c r="EK10" s="434">
        <v>1797409</v>
      </c>
      <c r="EL10" s="434">
        <v>2265475</v>
      </c>
      <c r="EM10" s="434">
        <v>1358282</v>
      </c>
      <c r="EN10" s="438">
        <v>8449646</v>
      </c>
      <c r="EO10" s="437">
        <v>8478250</v>
      </c>
      <c r="EP10" s="433">
        <v>0</v>
      </c>
      <c r="EQ10" s="434">
        <v>0</v>
      </c>
      <c r="ER10" s="438">
        <v>0</v>
      </c>
      <c r="ES10" s="439">
        <v>0</v>
      </c>
      <c r="ET10" s="434">
        <v>0</v>
      </c>
      <c r="EU10" s="434">
        <v>0</v>
      </c>
      <c r="EV10" s="434">
        <v>0</v>
      </c>
      <c r="EW10" s="434">
        <v>0</v>
      </c>
      <c r="EX10" s="434">
        <v>0</v>
      </c>
      <c r="EY10" s="435">
        <v>0</v>
      </c>
      <c r="EZ10" s="437">
        <v>0</v>
      </c>
      <c r="FA10" s="433">
        <v>0</v>
      </c>
      <c r="FB10" s="434">
        <v>0</v>
      </c>
      <c r="FC10" s="438">
        <v>0</v>
      </c>
      <c r="FD10" s="440"/>
      <c r="FE10" s="434">
        <v>0</v>
      </c>
      <c r="FF10" s="434">
        <v>0</v>
      </c>
      <c r="FG10" s="434">
        <v>0</v>
      </c>
      <c r="FH10" s="434">
        <v>0</v>
      </c>
      <c r="FI10" s="434">
        <v>0</v>
      </c>
      <c r="FJ10" s="435">
        <v>0</v>
      </c>
      <c r="FK10" s="437">
        <v>0</v>
      </c>
      <c r="FL10" s="433">
        <v>1809801</v>
      </c>
      <c r="FM10" s="434">
        <v>3833239</v>
      </c>
      <c r="FN10" s="435">
        <v>5643040</v>
      </c>
      <c r="FO10" s="433">
        <v>0</v>
      </c>
      <c r="FP10" s="434">
        <v>3996653</v>
      </c>
      <c r="FQ10" s="434">
        <v>14794737</v>
      </c>
      <c r="FR10" s="434">
        <v>9180323</v>
      </c>
      <c r="FS10" s="434">
        <v>8624910</v>
      </c>
      <c r="FT10" s="434">
        <v>6489606</v>
      </c>
      <c r="FU10" s="435">
        <v>43086229</v>
      </c>
      <c r="FV10" s="437">
        <v>48729269</v>
      </c>
      <c r="FW10" s="441">
        <v>905744</v>
      </c>
      <c r="FX10" s="434">
        <v>2343221</v>
      </c>
      <c r="FY10" s="438">
        <v>3248965</v>
      </c>
      <c r="FZ10" s="439">
        <v>0</v>
      </c>
      <c r="GA10" s="434">
        <v>2687370</v>
      </c>
      <c r="GB10" s="434">
        <v>12981512</v>
      </c>
      <c r="GC10" s="434">
        <v>8215093</v>
      </c>
      <c r="GD10" s="434">
        <v>8037134</v>
      </c>
      <c r="GE10" s="434">
        <v>6206774</v>
      </c>
      <c r="GF10" s="435">
        <v>38127883</v>
      </c>
      <c r="GG10" s="442">
        <v>41376848</v>
      </c>
      <c r="GH10" s="441">
        <v>37576</v>
      </c>
      <c r="GI10" s="434">
        <v>270889</v>
      </c>
      <c r="GJ10" s="438">
        <v>308465</v>
      </c>
      <c r="GK10" s="439">
        <v>0</v>
      </c>
      <c r="GL10" s="434">
        <v>208708</v>
      </c>
      <c r="GM10" s="434">
        <v>497268</v>
      </c>
      <c r="GN10" s="434">
        <v>270476</v>
      </c>
      <c r="GO10" s="434">
        <v>305956</v>
      </c>
      <c r="GP10" s="434">
        <v>107972</v>
      </c>
      <c r="GQ10" s="435">
        <v>1390380</v>
      </c>
      <c r="GR10" s="437">
        <v>1698845</v>
      </c>
      <c r="GS10" s="433">
        <v>866481</v>
      </c>
      <c r="GT10" s="434">
        <v>1219129</v>
      </c>
      <c r="GU10" s="435">
        <v>2085610</v>
      </c>
      <c r="GV10" s="433">
        <v>0</v>
      </c>
      <c r="GW10" s="434">
        <v>1100575</v>
      </c>
      <c r="GX10" s="434">
        <v>1315957</v>
      </c>
      <c r="GY10" s="434">
        <v>694754</v>
      </c>
      <c r="GZ10" s="434">
        <v>281820</v>
      </c>
      <c r="HA10" s="434">
        <v>174860</v>
      </c>
      <c r="HB10" s="438">
        <v>3567966</v>
      </c>
      <c r="HC10" s="437">
        <v>5653576</v>
      </c>
      <c r="HD10" s="433">
        <v>4523054</v>
      </c>
      <c r="HE10" s="434">
        <v>6515269</v>
      </c>
      <c r="HF10" s="438">
        <v>11038323</v>
      </c>
      <c r="HG10" s="439">
        <v>0</v>
      </c>
      <c r="HH10" s="434">
        <v>34659189</v>
      </c>
      <c r="HI10" s="434">
        <v>49828585</v>
      </c>
      <c r="HJ10" s="434">
        <v>44972953</v>
      </c>
      <c r="HK10" s="434">
        <v>50780334</v>
      </c>
      <c r="HL10" s="434">
        <v>34691348</v>
      </c>
      <c r="HM10" s="435">
        <v>214932409</v>
      </c>
      <c r="HN10" s="436">
        <v>225970732</v>
      </c>
      <c r="HO10" s="476"/>
      <c r="HP10" s="477"/>
      <c r="HQ10" s="478"/>
      <c r="HR10" s="479"/>
      <c r="HS10" s="477"/>
      <c r="HT10" s="477"/>
      <c r="HU10" s="477"/>
      <c r="HV10" s="477"/>
      <c r="HW10" s="477"/>
      <c r="HX10" s="480"/>
      <c r="HY10" s="481"/>
      <c r="HZ10" s="443">
        <v>356515</v>
      </c>
      <c r="IA10" s="444">
        <v>306524</v>
      </c>
      <c r="IB10" s="445">
        <v>663039</v>
      </c>
      <c r="IC10" s="446">
        <v>0</v>
      </c>
      <c r="ID10" s="447">
        <v>21286172</v>
      </c>
      <c r="IE10" s="448">
        <v>33134340</v>
      </c>
      <c r="IF10" s="449">
        <v>31585780</v>
      </c>
      <c r="IG10" s="447">
        <v>22541541</v>
      </c>
      <c r="IH10" s="449">
        <v>20090643</v>
      </c>
      <c r="II10" s="450">
        <v>128638476</v>
      </c>
      <c r="IJ10" s="451">
        <v>129301515</v>
      </c>
      <c r="IK10" s="452">
        <v>0</v>
      </c>
      <c r="IL10" s="453">
        <v>0</v>
      </c>
      <c r="IM10" s="454">
        <v>0</v>
      </c>
      <c r="IN10" s="455"/>
      <c r="IO10" s="456">
        <v>689952</v>
      </c>
      <c r="IP10" s="456">
        <v>1806145</v>
      </c>
      <c r="IQ10" s="456">
        <v>1335201</v>
      </c>
      <c r="IR10" s="456">
        <v>1364437</v>
      </c>
      <c r="IS10" s="456">
        <v>1028285</v>
      </c>
      <c r="IT10" s="457">
        <v>6224020</v>
      </c>
      <c r="IU10" s="458">
        <v>6224020</v>
      </c>
      <c r="IV10" s="459">
        <v>0</v>
      </c>
      <c r="IW10" s="456">
        <v>0</v>
      </c>
      <c r="IX10" s="460">
        <v>0</v>
      </c>
      <c r="IY10" s="461"/>
      <c r="IZ10" s="456">
        <v>124429</v>
      </c>
      <c r="JA10" s="456">
        <v>454834</v>
      </c>
      <c r="JB10" s="456">
        <v>425947</v>
      </c>
      <c r="JC10" s="456">
        <v>481164</v>
      </c>
      <c r="JD10" s="456">
        <v>730510</v>
      </c>
      <c r="JE10" s="460">
        <v>2216884</v>
      </c>
      <c r="JF10" s="462">
        <v>2216884</v>
      </c>
      <c r="JG10" s="459">
        <v>0</v>
      </c>
      <c r="JH10" s="456">
        <v>0</v>
      </c>
      <c r="JI10" s="457">
        <v>0</v>
      </c>
      <c r="JJ10" s="463">
        <v>0</v>
      </c>
      <c r="JK10" s="456">
        <v>10125698</v>
      </c>
      <c r="JL10" s="456">
        <v>14509816</v>
      </c>
      <c r="JM10" s="456">
        <v>7269618</v>
      </c>
      <c r="JN10" s="456">
        <v>5251840</v>
      </c>
      <c r="JO10" s="456">
        <v>2636599</v>
      </c>
      <c r="JP10" s="460">
        <v>39793571</v>
      </c>
      <c r="JQ10" s="458">
        <v>39793571</v>
      </c>
      <c r="JR10" s="459">
        <v>60546</v>
      </c>
      <c r="JS10" s="456">
        <v>0</v>
      </c>
      <c r="JT10" s="457">
        <v>60546</v>
      </c>
      <c r="JU10" s="463">
        <v>0</v>
      </c>
      <c r="JV10" s="456">
        <v>1682473</v>
      </c>
      <c r="JW10" s="456">
        <v>3628553</v>
      </c>
      <c r="JX10" s="456">
        <v>2998722</v>
      </c>
      <c r="JY10" s="456">
        <v>3005303</v>
      </c>
      <c r="JZ10" s="456">
        <v>2657577</v>
      </c>
      <c r="KA10" s="460">
        <v>13972628</v>
      </c>
      <c r="KB10" s="458">
        <v>14033174</v>
      </c>
      <c r="KC10" s="464">
        <v>295969</v>
      </c>
      <c r="KD10" s="465">
        <v>306524</v>
      </c>
      <c r="KE10" s="460">
        <v>602493</v>
      </c>
      <c r="KF10" s="463">
        <v>0</v>
      </c>
      <c r="KG10" s="456">
        <v>2819656</v>
      </c>
      <c r="KH10" s="456">
        <v>3156771</v>
      </c>
      <c r="KI10" s="456">
        <v>5502324</v>
      </c>
      <c r="KJ10" s="456">
        <v>3555425</v>
      </c>
      <c r="KK10" s="456">
        <v>1998173</v>
      </c>
      <c r="KL10" s="460">
        <v>17032349</v>
      </c>
      <c r="KM10" s="466">
        <v>17634842</v>
      </c>
      <c r="KN10" s="452">
        <v>0</v>
      </c>
      <c r="KO10" s="453">
        <v>0</v>
      </c>
      <c r="KP10" s="454">
        <v>0</v>
      </c>
      <c r="KQ10" s="455">
        <v>0</v>
      </c>
      <c r="KR10" s="456">
        <v>5555829</v>
      </c>
      <c r="KS10" s="456">
        <v>8996140</v>
      </c>
      <c r="KT10" s="456">
        <v>12100338</v>
      </c>
      <c r="KU10" s="456">
        <v>6931260</v>
      </c>
      <c r="KV10" s="456">
        <v>6046529</v>
      </c>
      <c r="KW10" s="460">
        <v>39630096</v>
      </c>
      <c r="KX10" s="458">
        <v>39630096</v>
      </c>
      <c r="KY10" s="459">
        <v>0</v>
      </c>
      <c r="KZ10" s="456">
        <v>0</v>
      </c>
      <c r="LA10" s="460">
        <v>0</v>
      </c>
      <c r="LB10" s="467"/>
      <c r="LC10" s="456">
        <v>0</v>
      </c>
      <c r="LD10" s="456">
        <v>0</v>
      </c>
      <c r="LE10" s="456">
        <v>0</v>
      </c>
      <c r="LF10" s="456">
        <v>0</v>
      </c>
      <c r="LG10" s="456">
        <v>0</v>
      </c>
      <c r="LH10" s="460">
        <v>0</v>
      </c>
      <c r="LI10" s="462">
        <v>0</v>
      </c>
      <c r="LJ10" s="459">
        <v>0</v>
      </c>
      <c r="LK10" s="456">
        <v>0</v>
      </c>
      <c r="LL10" s="460">
        <v>0</v>
      </c>
      <c r="LM10" s="467"/>
      <c r="LN10" s="456">
        <v>0</v>
      </c>
      <c r="LO10" s="456">
        <v>0</v>
      </c>
      <c r="LP10" s="456">
        <v>420223</v>
      </c>
      <c r="LQ10" s="456">
        <v>0</v>
      </c>
      <c r="LR10" s="456">
        <v>252794</v>
      </c>
      <c r="LS10" s="460">
        <v>673017</v>
      </c>
      <c r="LT10" s="458">
        <v>673017</v>
      </c>
      <c r="LU10" s="459">
        <v>0</v>
      </c>
      <c r="LV10" s="456">
        <v>0</v>
      </c>
      <c r="LW10" s="460">
        <v>0</v>
      </c>
      <c r="LX10" s="467"/>
      <c r="LY10" s="456">
        <v>288135</v>
      </c>
      <c r="LZ10" s="456">
        <v>582081</v>
      </c>
      <c r="MA10" s="456">
        <v>1533407</v>
      </c>
      <c r="MB10" s="456">
        <v>1952112</v>
      </c>
      <c r="MC10" s="456">
        <v>4740176</v>
      </c>
      <c r="MD10" s="460">
        <v>9095911</v>
      </c>
      <c r="ME10" s="462">
        <v>9095911</v>
      </c>
      <c r="MF10" s="459">
        <v>0</v>
      </c>
      <c r="MG10" s="456">
        <v>0</v>
      </c>
      <c r="MH10" s="460">
        <v>0</v>
      </c>
      <c r="MI10" s="467"/>
      <c r="MJ10" s="456">
        <v>5383310</v>
      </c>
      <c r="MK10" s="456">
        <v>19137814</v>
      </c>
      <c r="ML10" s="456">
        <v>46682106</v>
      </c>
      <c r="MM10" s="456">
        <v>72265367</v>
      </c>
      <c r="MN10" s="456">
        <v>57328961</v>
      </c>
      <c r="MO10" s="460">
        <v>200797558</v>
      </c>
      <c r="MP10" s="466">
        <v>200797558</v>
      </c>
      <c r="MQ10" s="459">
        <v>0</v>
      </c>
      <c r="MR10" s="456">
        <v>0</v>
      </c>
      <c r="MS10" s="460">
        <v>0</v>
      </c>
      <c r="MT10" s="467"/>
      <c r="MU10" s="456">
        <v>507816</v>
      </c>
      <c r="MV10" s="456">
        <v>4323053</v>
      </c>
      <c r="MW10" s="456">
        <v>24166651</v>
      </c>
      <c r="MX10" s="456">
        <v>39187053</v>
      </c>
      <c r="MY10" s="456">
        <v>32956834</v>
      </c>
      <c r="MZ10" s="460">
        <v>101141407</v>
      </c>
      <c r="NA10" s="466">
        <v>101141407</v>
      </c>
      <c r="NB10" s="459">
        <v>0</v>
      </c>
      <c r="NC10" s="456">
        <v>0</v>
      </c>
      <c r="ND10" s="460">
        <v>0</v>
      </c>
      <c r="NE10" s="467"/>
      <c r="NF10" s="456">
        <v>4875494</v>
      </c>
      <c r="NG10" s="456">
        <v>14445768</v>
      </c>
      <c r="NH10" s="456">
        <v>22515455</v>
      </c>
      <c r="NI10" s="456">
        <v>31122393</v>
      </c>
      <c r="NJ10" s="456">
        <v>19378337</v>
      </c>
      <c r="NK10" s="460">
        <v>92337447</v>
      </c>
      <c r="NL10" s="458">
        <v>92337447</v>
      </c>
      <c r="NM10" s="459">
        <v>0</v>
      </c>
      <c r="NN10" s="456">
        <v>0</v>
      </c>
      <c r="NO10" s="460">
        <v>0</v>
      </c>
      <c r="NP10" s="467"/>
      <c r="NQ10" s="456">
        <v>0</v>
      </c>
      <c r="NR10" s="456">
        <v>150978</v>
      </c>
      <c r="NS10" s="456">
        <v>0</v>
      </c>
      <c r="NT10" s="456">
        <v>1052899</v>
      </c>
      <c r="NU10" s="456">
        <v>1739884</v>
      </c>
      <c r="NV10" s="460">
        <v>2943761</v>
      </c>
      <c r="NW10" s="462">
        <v>2943761</v>
      </c>
      <c r="NX10" s="459">
        <v>0</v>
      </c>
      <c r="NY10" s="456">
        <v>0</v>
      </c>
      <c r="NZ10" s="460">
        <v>0</v>
      </c>
      <c r="OA10" s="467"/>
      <c r="OB10" s="456">
        <v>0</v>
      </c>
      <c r="OC10" s="456">
        <v>218015</v>
      </c>
      <c r="OD10" s="456">
        <v>0</v>
      </c>
      <c r="OE10" s="456">
        <v>903022</v>
      </c>
      <c r="OF10" s="456">
        <v>3253906</v>
      </c>
      <c r="OG10" s="460">
        <v>4374943</v>
      </c>
      <c r="OH10" s="462">
        <v>4374943</v>
      </c>
      <c r="OI10" s="459">
        <v>11107919</v>
      </c>
      <c r="OJ10" s="456">
        <v>21047966</v>
      </c>
      <c r="OK10" s="457">
        <v>32155885</v>
      </c>
      <c r="OL10" s="463">
        <v>0</v>
      </c>
      <c r="OM10" s="456">
        <v>124250826</v>
      </c>
      <c r="ON10" s="456">
        <v>226740657</v>
      </c>
      <c r="OO10" s="456">
        <v>209356066</v>
      </c>
      <c r="OP10" s="456">
        <v>233753383</v>
      </c>
      <c r="OQ10" s="456">
        <v>180383825</v>
      </c>
      <c r="OR10" s="460">
        <v>974484757</v>
      </c>
      <c r="OS10" s="466">
        <v>1006640642</v>
      </c>
    </row>
    <row r="11" spans="1:409" ht="20.25" customHeight="1" x14ac:dyDescent="0.2">
      <c r="B11" s="126" t="s">
        <v>6</v>
      </c>
      <c r="C11" s="110">
        <v>3335747</v>
      </c>
      <c r="D11" s="114">
        <v>5269051</v>
      </c>
      <c r="E11" s="113">
        <v>8604798</v>
      </c>
      <c r="F11" s="109">
        <v>0</v>
      </c>
      <c r="G11" s="114">
        <v>48547419</v>
      </c>
      <c r="H11" s="114">
        <v>47351218</v>
      </c>
      <c r="I11" s="114">
        <v>44005552</v>
      </c>
      <c r="J11" s="114">
        <v>55269678</v>
      </c>
      <c r="K11" s="114">
        <v>40700593</v>
      </c>
      <c r="L11" s="109">
        <v>235874460</v>
      </c>
      <c r="M11" s="116">
        <v>244479258</v>
      </c>
      <c r="N11" s="110">
        <v>1188982</v>
      </c>
      <c r="O11" s="114">
        <v>2105761</v>
      </c>
      <c r="P11" s="113">
        <v>3294743</v>
      </c>
      <c r="Q11" s="110">
        <v>0</v>
      </c>
      <c r="R11" s="114">
        <v>16633096</v>
      </c>
      <c r="S11" s="114">
        <v>17102008</v>
      </c>
      <c r="T11" s="114">
        <v>15193708</v>
      </c>
      <c r="U11" s="114">
        <v>20446532</v>
      </c>
      <c r="V11" s="114">
        <v>19450467</v>
      </c>
      <c r="W11" s="113">
        <v>88825811</v>
      </c>
      <c r="X11" s="116">
        <v>92120554</v>
      </c>
      <c r="Y11" s="110">
        <v>0</v>
      </c>
      <c r="Z11" s="114">
        <v>0</v>
      </c>
      <c r="AA11" s="113">
        <v>0</v>
      </c>
      <c r="AB11" s="110">
        <v>0</v>
      </c>
      <c r="AC11" s="114">
        <v>6339423</v>
      </c>
      <c r="AD11" s="114">
        <v>7142107</v>
      </c>
      <c r="AE11" s="114">
        <v>6662733</v>
      </c>
      <c r="AF11" s="114">
        <v>10764524</v>
      </c>
      <c r="AG11" s="114">
        <v>10938619</v>
      </c>
      <c r="AH11" s="113">
        <v>41847406</v>
      </c>
      <c r="AI11" s="116">
        <v>41847406</v>
      </c>
      <c r="AJ11" s="110">
        <v>0</v>
      </c>
      <c r="AK11" s="114">
        <v>64046</v>
      </c>
      <c r="AL11" s="113">
        <v>64046</v>
      </c>
      <c r="AM11" s="110">
        <v>0</v>
      </c>
      <c r="AN11" s="114">
        <v>22721</v>
      </c>
      <c r="AO11" s="114">
        <v>168381</v>
      </c>
      <c r="AP11" s="114">
        <v>473997</v>
      </c>
      <c r="AQ11" s="114">
        <v>1337757</v>
      </c>
      <c r="AR11" s="114">
        <v>1980368</v>
      </c>
      <c r="AS11" s="113">
        <v>3983224</v>
      </c>
      <c r="AT11" s="116">
        <v>4047270</v>
      </c>
      <c r="AU11" s="110">
        <v>622001</v>
      </c>
      <c r="AV11" s="114">
        <v>1455512</v>
      </c>
      <c r="AW11" s="113">
        <v>2077513</v>
      </c>
      <c r="AX11" s="110">
        <v>0</v>
      </c>
      <c r="AY11" s="114">
        <v>7062369</v>
      </c>
      <c r="AZ11" s="114">
        <v>6354614</v>
      </c>
      <c r="BA11" s="114">
        <v>4694387</v>
      </c>
      <c r="BB11" s="114">
        <v>4782569</v>
      </c>
      <c r="BC11" s="114">
        <v>3930054</v>
      </c>
      <c r="BD11" s="113">
        <v>26823993</v>
      </c>
      <c r="BE11" s="116">
        <v>28901506</v>
      </c>
      <c r="BF11" s="110">
        <v>84408</v>
      </c>
      <c r="BG11" s="114">
        <v>89973</v>
      </c>
      <c r="BH11" s="112">
        <v>174381</v>
      </c>
      <c r="BI11" s="111">
        <v>0</v>
      </c>
      <c r="BJ11" s="114">
        <v>630994</v>
      </c>
      <c r="BK11" s="114">
        <v>616046</v>
      </c>
      <c r="BL11" s="114">
        <v>482861</v>
      </c>
      <c r="BM11" s="114">
        <v>476474</v>
      </c>
      <c r="BN11" s="114">
        <v>79256</v>
      </c>
      <c r="BO11" s="113">
        <v>2285631</v>
      </c>
      <c r="BP11" s="116">
        <v>2460012</v>
      </c>
      <c r="BQ11" s="110">
        <v>482573</v>
      </c>
      <c r="BR11" s="114">
        <v>496230</v>
      </c>
      <c r="BS11" s="113">
        <v>978803</v>
      </c>
      <c r="BT11" s="110">
        <v>0</v>
      </c>
      <c r="BU11" s="114">
        <v>2577589</v>
      </c>
      <c r="BV11" s="114">
        <v>2820860</v>
      </c>
      <c r="BW11" s="114">
        <v>2879730</v>
      </c>
      <c r="BX11" s="114">
        <v>3085208</v>
      </c>
      <c r="BY11" s="114">
        <v>2522170</v>
      </c>
      <c r="BZ11" s="113">
        <v>13885557</v>
      </c>
      <c r="CA11" s="116">
        <v>14864360</v>
      </c>
      <c r="CB11" s="110">
        <v>131644</v>
      </c>
      <c r="CC11" s="114">
        <v>452355</v>
      </c>
      <c r="CD11" s="113">
        <v>583999</v>
      </c>
      <c r="CE11" s="110">
        <v>0</v>
      </c>
      <c r="CF11" s="114">
        <v>13749783</v>
      </c>
      <c r="CG11" s="114">
        <v>10610765</v>
      </c>
      <c r="CH11" s="114">
        <v>7680977</v>
      </c>
      <c r="CI11" s="114">
        <v>8615119</v>
      </c>
      <c r="CJ11" s="114">
        <v>2705936</v>
      </c>
      <c r="CK11" s="113">
        <v>43362580</v>
      </c>
      <c r="CL11" s="116">
        <v>43946579</v>
      </c>
      <c r="CM11" s="110">
        <v>0</v>
      </c>
      <c r="CN11" s="114">
        <v>0</v>
      </c>
      <c r="CO11" s="113">
        <v>0</v>
      </c>
      <c r="CP11" s="111">
        <v>0</v>
      </c>
      <c r="CQ11" s="114">
        <v>11346444</v>
      </c>
      <c r="CR11" s="114">
        <v>8058709</v>
      </c>
      <c r="CS11" s="114">
        <v>5505068</v>
      </c>
      <c r="CT11" s="114">
        <v>5550932</v>
      </c>
      <c r="CU11" s="114">
        <v>2235005</v>
      </c>
      <c r="CV11" s="113">
        <v>32696158</v>
      </c>
      <c r="CW11" s="116">
        <v>32696158</v>
      </c>
      <c r="CX11" s="110">
        <v>131644</v>
      </c>
      <c r="CY11" s="114">
        <v>452355</v>
      </c>
      <c r="CZ11" s="113">
        <v>583999</v>
      </c>
      <c r="DA11" s="110">
        <v>0</v>
      </c>
      <c r="DB11" s="114">
        <v>2403339</v>
      </c>
      <c r="DC11" s="114">
        <v>2552056</v>
      </c>
      <c r="DD11" s="114">
        <v>2175909</v>
      </c>
      <c r="DE11" s="114">
        <v>3064187</v>
      </c>
      <c r="DF11" s="114">
        <v>470931</v>
      </c>
      <c r="DG11" s="113">
        <v>10666422</v>
      </c>
      <c r="DH11" s="116">
        <v>11250421</v>
      </c>
      <c r="DI11" s="110">
        <v>0</v>
      </c>
      <c r="DJ11" s="114">
        <v>41293</v>
      </c>
      <c r="DK11" s="112">
        <v>41293</v>
      </c>
      <c r="DL11" s="111">
        <v>0</v>
      </c>
      <c r="DM11" s="114">
        <v>1072266</v>
      </c>
      <c r="DN11" s="114">
        <v>1411373</v>
      </c>
      <c r="DO11" s="114">
        <v>2653626</v>
      </c>
      <c r="DP11" s="114">
        <v>2417524</v>
      </c>
      <c r="DQ11" s="114">
        <v>1012075</v>
      </c>
      <c r="DR11" s="113">
        <v>8566864</v>
      </c>
      <c r="DS11" s="116">
        <v>8608157</v>
      </c>
      <c r="DT11" s="110">
        <v>0</v>
      </c>
      <c r="DU11" s="114">
        <v>41293</v>
      </c>
      <c r="DV11" s="113">
        <v>41293</v>
      </c>
      <c r="DW11" s="110">
        <v>0</v>
      </c>
      <c r="DX11" s="114">
        <v>850588</v>
      </c>
      <c r="DY11" s="114">
        <v>975599</v>
      </c>
      <c r="DZ11" s="114">
        <v>2243303</v>
      </c>
      <c r="EA11" s="114">
        <v>2084501</v>
      </c>
      <c r="EB11" s="114">
        <v>851439</v>
      </c>
      <c r="EC11" s="113">
        <v>7005430</v>
      </c>
      <c r="ED11" s="116">
        <v>7046723</v>
      </c>
      <c r="EE11" s="110">
        <v>0</v>
      </c>
      <c r="EF11" s="112">
        <v>0</v>
      </c>
      <c r="EG11" s="113">
        <v>0</v>
      </c>
      <c r="EH11" s="110">
        <v>0</v>
      </c>
      <c r="EI11" s="114">
        <v>221678</v>
      </c>
      <c r="EJ11" s="114">
        <v>435774</v>
      </c>
      <c r="EK11" s="114">
        <v>410323</v>
      </c>
      <c r="EL11" s="114">
        <v>333023</v>
      </c>
      <c r="EM11" s="114">
        <v>160636</v>
      </c>
      <c r="EN11" s="112">
        <v>1561434</v>
      </c>
      <c r="EO11" s="116">
        <v>1561434</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8"/>
      <c r="FE11" s="114">
        <v>0</v>
      </c>
      <c r="FF11" s="114">
        <v>0</v>
      </c>
      <c r="FG11" s="114">
        <v>0</v>
      </c>
      <c r="FH11" s="114">
        <v>0</v>
      </c>
      <c r="FI11" s="114">
        <v>0</v>
      </c>
      <c r="FJ11" s="113">
        <v>0</v>
      </c>
      <c r="FK11" s="116">
        <v>0</v>
      </c>
      <c r="FL11" s="110">
        <v>471464</v>
      </c>
      <c r="FM11" s="114">
        <v>1082062</v>
      </c>
      <c r="FN11" s="113">
        <v>1553526</v>
      </c>
      <c r="FO11" s="110">
        <v>0</v>
      </c>
      <c r="FP11" s="114">
        <v>2331539</v>
      </c>
      <c r="FQ11" s="114">
        <v>4256891</v>
      </c>
      <c r="FR11" s="114">
        <v>3767850</v>
      </c>
      <c r="FS11" s="114">
        <v>3986626</v>
      </c>
      <c r="FT11" s="114">
        <v>2426879</v>
      </c>
      <c r="FU11" s="113">
        <v>16769785</v>
      </c>
      <c r="FV11" s="116">
        <v>18323311</v>
      </c>
      <c r="FW11" s="115">
        <v>412104</v>
      </c>
      <c r="FX11" s="114">
        <v>755538</v>
      </c>
      <c r="FY11" s="112">
        <v>1167642</v>
      </c>
      <c r="FZ11" s="111">
        <v>0</v>
      </c>
      <c r="GA11" s="114">
        <v>1978144</v>
      </c>
      <c r="GB11" s="114">
        <v>3851148</v>
      </c>
      <c r="GC11" s="114">
        <v>3333715</v>
      </c>
      <c r="GD11" s="114">
        <v>3826816</v>
      </c>
      <c r="GE11" s="114">
        <v>2245747</v>
      </c>
      <c r="GF11" s="113">
        <v>15235570</v>
      </c>
      <c r="GG11" s="319">
        <v>16403212</v>
      </c>
      <c r="GH11" s="115">
        <v>20860</v>
      </c>
      <c r="GI11" s="114">
        <v>58256</v>
      </c>
      <c r="GJ11" s="112">
        <v>79116</v>
      </c>
      <c r="GK11" s="111">
        <v>0</v>
      </c>
      <c r="GL11" s="114">
        <v>27195</v>
      </c>
      <c r="GM11" s="114">
        <v>141984</v>
      </c>
      <c r="GN11" s="114">
        <v>213479</v>
      </c>
      <c r="GO11" s="114">
        <v>82810</v>
      </c>
      <c r="GP11" s="114">
        <v>181132</v>
      </c>
      <c r="GQ11" s="113">
        <v>646600</v>
      </c>
      <c r="GR11" s="116">
        <v>725716</v>
      </c>
      <c r="GS11" s="110">
        <v>38500</v>
      </c>
      <c r="GT11" s="114">
        <v>268268</v>
      </c>
      <c r="GU11" s="113">
        <v>306768</v>
      </c>
      <c r="GV11" s="110">
        <v>0</v>
      </c>
      <c r="GW11" s="114">
        <v>326200</v>
      </c>
      <c r="GX11" s="114">
        <v>263759</v>
      </c>
      <c r="GY11" s="114">
        <v>220656</v>
      </c>
      <c r="GZ11" s="114">
        <v>77000</v>
      </c>
      <c r="HA11" s="114">
        <v>0</v>
      </c>
      <c r="HB11" s="112">
        <v>887615</v>
      </c>
      <c r="HC11" s="116">
        <v>1194383</v>
      </c>
      <c r="HD11" s="110">
        <v>1543657</v>
      </c>
      <c r="HE11" s="114">
        <v>1587580</v>
      </c>
      <c r="HF11" s="112">
        <v>3131237</v>
      </c>
      <c r="HG11" s="111">
        <v>0</v>
      </c>
      <c r="HH11" s="114">
        <v>14760735</v>
      </c>
      <c r="HI11" s="114">
        <v>13970181</v>
      </c>
      <c r="HJ11" s="114">
        <v>14709391</v>
      </c>
      <c r="HK11" s="114">
        <v>19803877</v>
      </c>
      <c r="HL11" s="114">
        <v>15105236</v>
      </c>
      <c r="HM11" s="113">
        <v>78349420</v>
      </c>
      <c r="HN11" s="109">
        <v>81480657</v>
      </c>
      <c r="HO11" s="329"/>
      <c r="HP11" s="330"/>
      <c r="HQ11" s="331"/>
      <c r="HR11" s="332"/>
      <c r="HS11" s="330"/>
      <c r="HT11" s="330"/>
      <c r="HU11" s="330"/>
      <c r="HV11" s="330"/>
      <c r="HW11" s="330"/>
      <c r="HX11" s="333"/>
      <c r="HY11" s="334"/>
      <c r="HZ11" s="131">
        <v>37996</v>
      </c>
      <c r="IA11" s="132">
        <v>262018</v>
      </c>
      <c r="IB11" s="133">
        <v>300014</v>
      </c>
      <c r="IC11" s="146">
        <v>0</v>
      </c>
      <c r="ID11" s="132">
        <v>10877405</v>
      </c>
      <c r="IE11" s="147">
        <v>12317475</v>
      </c>
      <c r="IF11" s="133">
        <v>15520112</v>
      </c>
      <c r="IG11" s="132">
        <v>11438216</v>
      </c>
      <c r="IH11" s="133">
        <v>6501230</v>
      </c>
      <c r="II11" s="148">
        <v>56654438</v>
      </c>
      <c r="IJ11" s="139">
        <v>56954452</v>
      </c>
      <c r="IK11" s="232">
        <v>0</v>
      </c>
      <c r="IL11" s="236">
        <v>0</v>
      </c>
      <c r="IM11" s="237">
        <v>0</v>
      </c>
      <c r="IN11" s="140"/>
      <c r="IO11" s="119">
        <v>480436</v>
      </c>
      <c r="IP11" s="119">
        <v>502031</v>
      </c>
      <c r="IQ11" s="119">
        <v>1444390</v>
      </c>
      <c r="IR11" s="119">
        <v>2001147</v>
      </c>
      <c r="IS11" s="119">
        <v>1012825</v>
      </c>
      <c r="IT11" s="141">
        <v>5440829</v>
      </c>
      <c r="IU11" s="321">
        <v>5440829</v>
      </c>
      <c r="IV11" s="142">
        <v>0</v>
      </c>
      <c r="IW11" s="119">
        <v>0</v>
      </c>
      <c r="IX11" s="120">
        <v>0</v>
      </c>
      <c r="IY11" s="144"/>
      <c r="IZ11" s="119">
        <v>15271</v>
      </c>
      <c r="JA11" s="119">
        <v>71688</v>
      </c>
      <c r="JB11" s="119">
        <v>189433</v>
      </c>
      <c r="JC11" s="119">
        <v>330797</v>
      </c>
      <c r="JD11" s="119">
        <v>210879</v>
      </c>
      <c r="JE11" s="120">
        <v>818068</v>
      </c>
      <c r="JF11" s="121">
        <v>818068</v>
      </c>
      <c r="JG11" s="142">
        <v>0</v>
      </c>
      <c r="JH11" s="119">
        <v>0</v>
      </c>
      <c r="JI11" s="141">
        <v>0</v>
      </c>
      <c r="JJ11" s="118">
        <v>0</v>
      </c>
      <c r="JK11" s="119">
        <v>5435620</v>
      </c>
      <c r="JL11" s="119">
        <v>2600746</v>
      </c>
      <c r="JM11" s="119">
        <v>3076377</v>
      </c>
      <c r="JN11" s="119">
        <v>959655</v>
      </c>
      <c r="JO11" s="119">
        <v>733464</v>
      </c>
      <c r="JP11" s="120">
        <v>12805862</v>
      </c>
      <c r="JQ11" s="321">
        <v>12805862</v>
      </c>
      <c r="JR11" s="142">
        <v>0</v>
      </c>
      <c r="JS11" s="119">
        <v>0</v>
      </c>
      <c r="JT11" s="141">
        <v>0</v>
      </c>
      <c r="JU11" s="118">
        <v>0</v>
      </c>
      <c r="JV11" s="119">
        <v>442726</v>
      </c>
      <c r="JW11" s="119">
        <v>1041435</v>
      </c>
      <c r="JX11" s="119">
        <v>1645650</v>
      </c>
      <c r="JY11" s="119">
        <v>540122</v>
      </c>
      <c r="JZ11" s="119">
        <v>140034</v>
      </c>
      <c r="KA11" s="120">
        <v>3809967</v>
      </c>
      <c r="KB11" s="321">
        <v>3809967</v>
      </c>
      <c r="KC11" s="234">
        <v>37996</v>
      </c>
      <c r="KD11" s="230">
        <v>262018</v>
      </c>
      <c r="KE11" s="120">
        <v>300014</v>
      </c>
      <c r="KF11" s="118">
        <v>0</v>
      </c>
      <c r="KG11" s="119">
        <v>1252022</v>
      </c>
      <c r="KH11" s="119">
        <v>1500505</v>
      </c>
      <c r="KI11" s="119">
        <v>1829759</v>
      </c>
      <c r="KJ11" s="119">
        <v>852091</v>
      </c>
      <c r="KK11" s="119">
        <v>0</v>
      </c>
      <c r="KL11" s="120">
        <v>5434377</v>
      </c>
      <c r="KM11" s="143">
        <v>5734391</v>
      </c>
      <c r="KN11" s="232">
        <v>0</v>
      </c>
      <c r="KO11" s="236">
        <v>0</v>
      </c>
      <c r="KP11" s="237">
        <v>0</v>
      </c>
      <c r="KQ11" s="140">
        <v>0</v>
      </c>
      <c r="KR11" s="119">
        <v>2746589</v>
      </c>
      <c r="KS11" s="119">
        <v>5700034</v>
      </c>
      <c r="KT11" s="119">
        <v>5379829</v>
      </c>
      <c r="KU11" s="119">
        <v>2644819</v>
      </c>
      <c r="KV11" s="119">
        <v>3257849</v>
      </c>
      <c r="KW11" s="120">
        <v>19729120</v>
      </c>
      <c r="KX11" s="321">
        <v>19729120</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85161</v>
      </c>
      <c r="LO11" s="119">
        <v>0</v>
      </c>
      <c r="LP11" s="119">
        <v>1201288</v>
      </c>
      <c r="LQ11" s="119">
        <v>1536079</v>
      </c>
      <c r="LR11" s="119">
        <v>280311</v>
      </c>
      <c r="LS11" s="120">
        <v>3202839</v>
      </c>
      <c r="LT11" s="321">
        <v>3202839</v>
      </c>
      <c r="LU11" s="142">
        <v>0</v>
      </c>
      <c r="LV11" s="119">
        <v>0</v>
      </c>
      <c r="LW11" s="120">
        <v>0</v>
      </c>
      <c r="LX11" s="145"/>
      <c r="LY11" s="119">
        <v>319580</v>
      </c>
      <c r="LZ11" s="119">
        <v>901036</v>
      </c>
      <c r="MA11" s="119">
        <v>753386</v>
      </c>
      <c r="MB11" s="119">
        <v>2573506</v>
      </c>
      <c r="MC11" s="119">
        <v>865868</v>
      </c>
      <c r="MD11" s="120">
        <v>5413376</v>
      </c>
      <c r="ME11" s="121">
        <v>5413376</v>
      </c>
      <c r="MF11" s="142">
        <v>0</v>
      </c>
      <c r="MG11" s="119">
        <v>0</v>
      </c>
      <c r="MH11" s="120">
        <v>0</v>
      </c>
      <c r="MI11" s="145"/>
      <c r="MJ11" s="119">
        <v>1289226</v>
      </c>
      <c r="MK11" s="119">
        <v>3602994</v>
      </c>
      <c r="ML11" s="119">
        <v>13162454</v>
      </c>
      <c r="MM11" s="119">
        <v>24100054</v>
      </c>
      <c r="MN11" s="119">
        <v>15933049</v>
      </c>
      <c r="MO11" s="120">
        <v>58087777</v>
      </c>
      <c r="MP11" s="143">
        <v>58087777</v>
      </c>
      <c r="MQ11" s="142">
        <v>0</v>
      </c>
      <c r="MR11" s="119">
        <v>0</v>
      </c>
      <c r="MS11" s="120">
        <v>0</v>
      </c>
      <c r="MT11" s="145"/>
      <c r="MU11" s="119">
        <v>0</v>
      </c>
      <c r="MV11" s="119">
        <v>570940</v>
      </c>
      <c r="MW11" s="119">
        <v>6506358</v>
      </c>
      <c r="MX11" s="119">
        <v>12102811</v>
      </c>
      <c r="MY11" s="119">
        <v>8826187</v>
      </c>
      <c r="MZ11" s="120">
        <v>28006296</v>
      </c>
      <c r="NA11" s="143">
        <v>28006296</v>
      </c>
      <c r="NB11" s="142">
        <v>0</v>
      </c>
      <c r="NC11" s="119">
        <v>0</v>
      </c>
      <c r="ND11" s="120">
        <v>0</v>
      </c>
      <c r="NE11" s="145"/>
      <c r="NF11" s="119">
        <v>1289226</v>
      </c>
      <c r="NG11" s="119">
        <v>3032054</v>
      </c>
      <c r="NH11" s="119">
        <v>6656096</v>
      </c>
      <c r="NI11" s="119">
        <v>9413443</v>
      </c>
      <c r="NJ11" s="119">
        <v>4506462</v>
      </c>
      <c r="NK11" s="120">
        <v>24897281</v>
      </c>
      <c r="NL11" s="321">
        <v>24897281</v>
      </c>
      <c r="NM11" s="142">
        <v>0</v>
      </c>
      <c r="NN11" s="119">
        <v>0</v>
      </c>
      <c r="NO11" s="120">
        <v>0</v>
      </c>
      <c r="NP11" s="145"/>
      <c r="NQ11" s="119">
        <v>0</v>
      </c>
      <c r="NR11" s="119">
        <v>0</v>
      </c>
      <c r="NS11" s="119">
        <v>0</v>
      </c>
      <c r="NT11" s="119">
        <v>2125217</v>
      </c>
      <c r="NU11" s="119">
        <v>2282876</v>
      </c>
      <c r="NV11" s="120">
        <v>4408093</v>
      </c>
      <c r="NW11" s="121">
        <v>4408093</v>
      </c>
      <c r="NX11" s="142">
        <v>0</v>
      </c>
      <c r="NY11" s="119">
        <v>0</v>
      </c>
      <c r="NZ11" s="120">
        <v>0</v>
      </c>
      <c r="OA11" s="145"/>
      <c r="OB11" s="119">
        <v>0</v>
      </c>
      <c r="OC11" s="119">
        <v>0</v>
      </c>
      <c r="OD11" s="119">
        <v>0</v>
      </c>
      <c r="OE11" s="119">
        <v>458583</v>
      </c>
      <c r="OF11" s="119">
        <v>317524</v>
      </c>
      <c r="OG11" s="120">
        <v>776107</v>
      </c>
      <c r="OH11" s="121">
        <v>776107</v>
      </c>
      <c r="OI11" s="142">
        <v>3373743</v>
      </c>
      <c r="OJ11" s="119">
        <v>5531069</v>
      </c>
      <c r="OK11" s="141">
        <v>8904812</v>
      </c>
      <c r="OL11" s="118">
        <v>0</v>
      </c>
      <c r="OM11" s="119">
        <v>60714050</v>
      </c>
      <c r="ON11" s="119">
        <v>63271687</v>
      </c>
      <c r="OO11" s="119">
        <v>72688118</v>
      </c>
      <c r="OP11" s="119">
        <v>90807948</v>
      </c>
      <c r="OQ11" s="119">
        <v>63134872</v>
      </c>
      <c r="OR11" s="120">
        <v>350616675</v>
      </c>
      <c r="OS11" s="143">
        <v>359521487</v>
      </c>
    </row>
    <row r="12" spans="1:409" ht="20.25" customHeight="1" x14ac:dyDescent="0.2">
      <c r="B12" s="126" t="s">
        <v>14</v>
      </c>
      <c r="C12" s="110">
        <v>826051</v>
      </c>
      <c r="D12" s="114">
        <v>3218590</v>
      </c>
      <c r="E12" s="113">
        <v>4044641</v>
      </c>
      <c r="F12" s="109">
        <v>0</v>
      </c>
      <c r="G12" s="114">
        <v>14350038</v>
      </c>
      <c r="H12" s="114">
        <v>17821853</v>
      </c>
      <c r="I12" s="114">
        <v>17994292</v>
      </c>
      <c r="J12" s="114">
        <v>17367718</v>
      </c>
      <c r="K12" s="114">
        <v>16160562</v>
      </c>
      <c r="L12" s="112">
        <v>83694463</v>
      </c>
      <c r="M12" s="116">
        <v>87739104</v>
      </c>
      <c r="N12" s="110">
        <v>170473</v>
      </c>
      <c r="O12" s="114">
        <v>1226168</v>
      </c>
      <c r="P12" s="113">
        <v>1396641</v>
      </c>
      <c r="Q12" s="110">
        <v>0</v>
      </c>
      <c r="R12" s="114">
        <v>4013238</v>
      </c>
      <c r="S12" s="114">
        <v>5845283</v>
      </c>
      <c r="T12" s="114">
        <v>6139568</v>
      </c>
      <c r="U12" s="114">
        <v>6459001</v>
      </c>
      <c r="V12" s="114">
        <v>8057857</v>
      </c>
      <c r="W12" s="113">
        <v>30514947</v>
      </c>
      <c r="X12" s="116">
        <v>31911588</v>
      </c>
      <c r="Y12" s="110">
        <v>0</v>
      </c>
      <c r="Z12" s="114">
        <v>0</v>
      </c>
      <c r="AA12" s="113">
        <v>0</v>
      </c>
      <c r="AB12" s="110">
        <v>0</v>
      </c>
      <c r="AC12" s="114">
        <v>1993200</v>
      </c>
      <c r="AD12" s="114">
        <v>2464777</v>
      </c>
      <c r="AE12" s="114">
        <v>3352530</v>
      </c>
      <c r="AF12" s="114">
        <v>2697217</v>
      </c>
      <c r="AG12" s="114">
        <v>4114038</v>
      </c>
      <c r="AH12" s="113">
        <v>14621762</v>
      </c>
      <c r="AI12" s="116">
        <v>14621762</v>
      </c>
      <c r="AJ12" s="110">
        <v>0</v>
      </c>
      <c r="AK12" s="114">
        <v>0</v>
      </c>
      <c r="AL12" s="113">
        <v>0</v>
      </c>
      <c r="AM12" s="110">
        <v>0</v>
      </c>
      <c r="AN12" s="114">
        <v>0</v>
      </c>
      <c r="AO12" s="114">
        <v>20517</v>
      </c>
      <c r="AP12" s="114">
        <v>30776</v>
      </c>
      <c r="AQ12" s="114">
        <v>491663</v>
      </c>
      <c r="AR12" s="114">
        <v>1122523</v>
      </c>
      <c r="AS12" s="113">
        <v>1665479</v>
      </c>
      <c r="AT12" s="116">
        <v>1665479</v>
      </c>
      <c r="AU12" s="110">
        <v>40406</v>
      </c>
      <c r="AV12" s="114">
        <v>861581</v>
      </c>
      <c r="AW12" s="113">
        <v>901987</v>
      </c>
      <c r="AX12" s="110">
        <v>0</v>
      </c>
      <c r="AY12" s="114">
        <v>1080035</v>
      </c>
      <c r="AZ12" s="114">
        <v>2302162</v>
      </c>
      <c r="BA12" s="114">
        <v>1692679</v>
      </c>
      <c r="BB12" s="114">
        <v>2016945</v>
      </c>
      <c r="BC12" s="114">
        <v>1898423</v>
      </c>
      <c r="BD12" s="113">
        <v>8990244</v>
      </c>
      <c r="BE12" s="116">
        <v>9892231</v>
      </c>
      <c r="BF12" s="110">
        <v>0</v>
      </c>
      <c r="BG12" s="114">
        <v>76845</v>
      </c>
      <c r="BH12" s="112">
        <v>76845</v>
      </c>
      <c r="BI12" s="111">
        <v>0</v>
      </c>
      <c r="BJ12" s="114">
        <v>47930</v>
      </c>
      <c r="BK12" s="114">
        <v>162814</v>
      </c>
      <c r="BL12" s="114">
        <v>50949</v>
      </c>
      <c r="BM12" s="114">
        <v>154618</v>
      </c>
      <c r="BN12" s="114">
        <v>210</v>
      </c>
      <c r="BO12" s="113">
        <v>416521</v>
      </c>
      <c r="BP12" s="116">
        <v>493366</v>
      </c>
      <c r="BQ12" s="110">
        <v>130067</v>
      </c>
      <c r="BR12" s="114">
        <v>287742</v>
      </c>
      <c r="BS12" s="113">
        <v>417809</v>
      </c>
      <c r="BT12" s="110">
        <v>0</v>
      </c>
      <c r="BU12" s="114">
        <v>892073</v>
      </c>
      <c r="BV12" s="114">
        <v>895013</v>
      </c>
      <c r="BW12" s="114">
        <v>1012634</v>
      </c>
      <c r="BX12" s="114">
        <v>1098558</v>
      </c>
      <c r="BY12" s="114">
        <v>922663</v>
      </c>
      <c r="BZ12" s="113">
        <v>4820941</v>
      </c>
      <c r="CA12" s="116">
        <v>5238750</v>
      </c>
      <c r="CB12" s="110">
        <v>37193</v>
      </c>
      <c r="CC12" s="114">
        <v>162517</v>
      </c>
      <c r="CD12" s="113">
        <v>199710</v>
      </c>
      <c r="CE12" s="110">
        <v>0</v>
      </c>
      <c r="CF12" s="114">
        <v>5144512</v>
      </c>
      <c r="CG12" s="114">
        <v>4602727</v>
      </c>
      <c r="CH12" s="114">
        <v>4383575</v>
      </c>
      <c r="CI12" s="114">
        <v>2580037</v>
      </c>
      <c r="CJ12" s="114">
        <v>1521976</v>
      </c>
      <c r="CK12" s="113">
        <v>18232827</v>
      </c>
      <c r="CL12" s="116">
        <v>18432537</v>
      </c>
      <c r="CM12" s="110">
        <v>0</v>
      </c>
      <c r="CN12" s="114">
        <v>0</v>
      </c>
      <c r="CO12" s="113">
        <v>0</v>
      </c>
      <c r="CP12" s="111">
        <v>0</v>
      </c>
      <c r="CQ12" s="114">
        <v>4783443</v>
      </c>
      <c r="CR12" s="114">
        <v>3855014</v>
      </c>
      <c r="CS12" s="114">
        <v>3774612</v>
      </c>
      <c r="CT12" s="114">
        <v>1693002</v>
      </c>
      <c r="CU12" s="114">
        <v>1289193</v>
      </c>
      <c r="CV12" s="113">
        <v>15395264</v>
      </c>
      <c r="CW12" s="116">
        <v>15395264</v>
      </c>
      <c r="CX12" s="110">
        <v>37193</v>
      </c>
      <c r="CY12" s="114">
        <v>162517</v>
      </c>
      <c r="CZ12" s="113">
        <v>199710</v>
      </c>
      <c r="DA12" s="110">
        <v>0</v>
      </c>
      <c r="DB12" s="114">
        <v>361069</v>
      </c>
      <c r="DC12" s="114">
        <v>747713</v>
      </c>
      <c r="DD12" s="114">
        <v>608963</v>
      </c>
      <c r="DE12" s="114">
        <v>887035</v>
      </c>
      <c r="DF12" s="114">
        <v>232783</v>
      </c>
      <c r="DG12" s="113">
        <v>2837563</v>
      </c>
      <c r="DH12" s="116">
        <v>3037273</v>
      </c>
      <c r="DI12" s="110">
        <v>16490</v>
      </c>
      <c r="DJ12" s="114">
        <v>16572</v>
      </c>
      <c r="DK12" s="112">
        <v>33062</v>
      </c>
      <c r="DL12" s="111">
        <v>0</v>
      </c>
      <c r="DM12" s="114">
        <v>710751</v>
      </c>
      <c r="DN12" s="114">
        <v>734903</v>
      </c>
      <c r="DO12" s="114">
        <v>1369327</v>
      </c>
      <c r="DP12" s="114">
        <v>1430709</v>
      </c>
      <c r="DQ12" s="114">
        <v>1148709</v>
      </c>
      <c r="DR12" s="113">
        <v>5394399</v>
      </c>
      <c r="DS12" s="116">
        <v>5427461</v>
      </c>
      <c r="DT12" s="110">
        <v>16490</v>
      </c>
      <c r="DU12" s="114">
        <v>16572</v>
      </c>
      <c r="DV12" s="113">
        <v>33062</v>
      </c>
      <c r="DW12" s="110">
        <v>0</v>
      </c>
      <c r="DX12" s="114">
        <v>710751</v>
      </c>
      <c r="DY12" s="114">
        <v>691454</v>
      </c>
      <c r="DZ12" s="114">
        <v>1369327</v>
      </c>
      <c r="EA12" s="114">
        <v>1234322</v>
      </c>
      <c r="EB12" s="114">
        <v>1148709</v>
      </c>
      <c r="EC12" s="113">
        <v>5154563</v>
      </c>
      <c r="ED12" s="116">
        <v>5187625</v>
      </c>
      <c r="EE12" s="110">
        <v>0</v>
      </c>
      <c r="EF12" s="112">
        <v>0</v>
      </c>
      <c r="EG12" s="113">
        <v>0</v>
      </c>
      <c r="EH12" s="110">
        <v>0</v>
      </c>
      <c r="EI12" s="114">
        <v>0</v>
      </c>
      <c r="EJ12" s="114">
        <v>43449</v>
      </c>
      <c r="EK12" s="114">
        <v>0</v>
      </c>
      <c r="EL12" s="114">
        <v>196387</v>
      </c>
      <c r="EM12" s="114">
        <v>0</v>
      </c>
      <c r="EN12" s="112">
        <v>239836</v>
      </c>
      <c r="EO12" s="116">
        <v>239836</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8"/>
      <c r="FE12" s="114">
        <v>0</v>
      </c>
      <c r="FF12" s="114">
        <v>0</v>
      </c>
      <c r="FG12" s="114">
        <v>0</v>
      </c>
      <c r="FH12" s="114">
        <v>0</v>
      </c>
      <c r="FI12" s="114">
        <v>0</v>
      </c>
      <c r="FJ12" s="113">
        <v>0</v>
      </c>
      <c r="FK12" s="116">
        <v>0</v>
      </c>
      <c r="FL12" s="110">
        <v>160891</v>
      </c>
      <c r="FM12" s="114">
        <v>578861</v>
      </c>
      <c r="FN12" s="113">
        <v>739752</v>
      </c>
      <c r="FO12" s="110">
        <v>0</v>
      </c>
      <c r="FP12" s="114">
        <v>555072</v>
      </c>
      <c r="FQ12" s="114">
        <v>1879088</v>
      </c>
      <c r="FR12" s="114">
        <v>1378923</v>
      </c>
      <c r="FS12" s="114">
        <v>1468683</v>
      </c>
      <c r="FT12" s="114">
        <v>1440544</v>
      </c>
      <c r="FU12" s="113">
        <v>6722310</v>
      </c>
      <c r="FV12" s="116">
        <v>7462062</v>
      </c>
      <c r="FW12" s="115">
        <v>145054</v>
      </c>
      <c r="FX12" s="114">
        <v>415317</v>
      </c>
      <c r="FY12" s="112">
        <v>560371</v>
      </c>
      <c r="FZ12" s="111">
        <v>0</v>
      </c>
      <c r="GA12" s="114">
        <v>555072</v>
      </c>
      <c r="GB12" s="114">
        <v>1715091</v>
      </c>
      <c r="GC12" s="114">
        <v>1289323</v>
      </c>
      <c r="GD12" s="114">
        <v>1312359</v>
      </c>
      <c r="GE12" s="114">
        <v>1245104</v>
      </c>
      <c r="GF12" s="113">
        <v>6116949</v>
      </c>
      <c r="GG12" s="319">
        <v>6677320</v>
      </c>
      <c r="GH12" s="115">
        <v>7122</v>
      </c>
      <c r="GI12" s="114">
        <v>23544</v>
      </c>
      <c r="GJ12" s="112">
        <v>30666</v>
      </c>
      <c r="GK12" s="111">
        <v>0</v>
      </c>
      <c r="GL12" s="114">
        <v>0</v>
      </c>
      <c r="GM12" s="114">
        <v>133141</v>
      </c>
      <c r="GN12" s="114">
        <v>70000</v>
      </c>
      <c r="GO12" s="114">
        <v>16324</v>
      </c>
      <c r="GP12" s="114">
        <v>0</v>
      </c>
      <c r="GQ12" s="113">
        <v>219465</v>
      </c>
      <c r="GR12" s="116">
        <v>250131</v>
      </c>
      <c r="GS12" s="110">
        <v>8715</v>
      </c>
      <c r="GT12" s="114">
        <v>140000</v>
      </c>
      <c r="GU12" s="113">
        <v>148715</v>
      </c>
      <c r="GV12" s="110">
        <v>0</v>
      </c>
      <c r="GW12" s="114">
        <v>0</v>
      </c>
      <c r="GX12" s="114">
        <v>30856</v>
      </c>
      <c r="GY12" s="114">
        <v>19600</v>
      </c>
      <c r="GZ12" s="114">
        <v>140000</v>
      </c>
      <c r="HA12" s="114">
        <v>195440</v>
      </c>
      <c r="HB12" s="112">
        <v>385896</v>
      </c>
      <c r="HC12" s="116">
        <v>534611</v>
      </c>
      <c r="HD12" s="110">
        <v>441004</v>
      </c>
      <c r="HE12" s="114">
        <v>1234472</v>
      </c>
      <c r="HF12" s="112">
        <v>1675476</v>
      </c>
      <c r="HG12" s="111">
        <v>0</v>
      </c>
      <c r="HH12" s="114">
        <v>3926465</v>
      </c>
      <c r="HI12" s="114">
        <v>4759852</v>
      </c>
      <c r="HJ12" s="114">
        <v>4722899</v>
      </c>
      <c r="HK12" s="114">
        <v>5429288</v>
      </c>
      <c r="HL12" s="114">
        <v>3991476</v>
      </c>
      <c r="HM12" s="113">
        <v>22829980</v>
      </c>
      <c r="HN12" s="109">
        <v>24505456</v>
      </c>
      <c r="HO12" s="329"/>
      <c r="HP12" s="330"/>
      <c r="HQ12" s="331"/>
      <c r="HR12" s="332"/>
      <c r="HS12" s="330"/>
      <c r="HT12" s="330"/>
      <c r="HU12" s="330"/>
      <c r="HV12" s="330"/>
      <c r="HW12" s="330"/>
      <c r="HX12" s="333"/>
      <c r="HY12" s="334"/>
      <c r="HZ12" s="131">
        <v>0</v>
      </c>
      <c r="IA12" s="132">
        <v>0</v>
      </c>
      <c r="IB12" s="133">
        <v>0</v>
      </c>
      <c r="IC12" s="134">
        <v>0</v>
      </c>
      <c r="ID12" s="135">
        <v>5104655</v>
      </c>
      <c r="IE12" s="136">
        <v>4881063</v>
      </c>
      <c r="IF12" s="137">
        <v>4737744</v>
      </c>
      <c r="IG12" s="135">
        <v>2985795</v>
      </c>
      <c r="IH12" s="137">
        <v>2838441</v>
      </c>
      <c r="II12" s="138">
        <v>20547698</v>
      </c>
      <c r="IJ12" s="139">
        <v>20547698</v>
      </c>
      <c r="IK12" s="232">
        <v>0</v>
      </c>
      <c r="IL12" s="236">
        <v>0</v>
      </c>
      <c r="IM12" s="237">
        <v>0</v>
      </c>
      <c r="IN12" s="140"/>
      <c r="IO12" s="119">
        <v>0</v>
      </c>
      <c r="IP12" s="119">
        <v>0</v>
      </c>
      <c r="IQ12" s="119">
        <v>169667</v>
      </c>
      <c r="IR12" s="119">
        <v>204936</v>
      </c>
      <c r="IS12" s="119">
        <v>803423</v>
      </c>
      <c r="IT12" s="141">
        <v>1178026</v>
      </c>
      <c r="IU12" s="321">
        <v>1178026</v>
      </c>
      <c r="IV12" s="142">
        <v>0</v>
      </c>
      <c r="IW12" s="119">
        <v>0</v>
      </c>
      <c r="IX12" s="120">
        <v>0</v>
      </c>
      <c r="IY12" s="144"/>
      <c r="IZ12" s="119">
        <v>0</v>
      </c>
      <c r="JA12" s="119">
        <v>0</v>
      </c>
      <c r="JB12" s="119">
        <v>0</v>
      </c>
      <c r="JC12" s="119">
        <v>8839</v>
      </c>
      <c r="JD12" s="119">
        <v>0</v>
      </c>
      <c r="JE12" s="120">
        <v>8839</v>
      </c>
      <c r="JF12" s="121">
        <v>8839</v>
      </c>
      <c r="JG12" s="142">
        <v>0</v>
      </c>
      <c r="JH12" s="119">
        <v>0</v>
      </c>
      <c r="JI12" s="141">
        <v>0</v>
      </c>
      <c r="JJ12" s="118">
        <v>0</v>
      </c>
      <c r="JK12" s="119">
        <v>1808498</v>
      </c>
      <c r="JL12" s="119">
        <v>1522560</v>
      </c>
      <c r="JM12" s="119">
        <v>1658280</v>
      </c>
      <c r="JN12" s="119">
        <v>481505</v>
      </c>
      <c r="JO12" s="119">
        <v>104391</v>
      </c>
      <c r="JP12" s="120">
        <v>5575234</v>
      </c>
      <c r="JQ12" s="321">
        <v>5575234</v>
      </c>
      <c r="JR12" s="142">
        <v>0</v>
      </c>
      <c r="JS12" s="119">
        <v>0</v>
      </c>
      <c r="JT12" s="141">
        <v>0</v>
      </c>
      <c r="JU12" s="118">
        <v>0</v>
      </c>
      <c r="JV12" s="119">
        <v>74328</v>
      </c>
      <c r="JW12" s="119">
        <v>0</v>
      </c>
      <c r="JX12" s="119">
        <v>11416</v>
      </c>
      <c r="JY12" s="119">
        <v>10528</v>
      </c>
      <c r="JZ12" s="119">
        <v>84872</v>
      </c>
      <c r="KA12" s="120">
        <v>181144</v>
      </c>
      <c r="KB12" s="321">
        <v>181144</v>
      </c>
      <c r="KC12" s="234">
        <v>0</v>
      </c>
      <c r="KD12" s="230">
        <v>0</v>
      </c>
      <c r="KE12" s="120">
        <v>0</v>
      </c>
      <c r="KF12" s="118">
        <v>0</v>
      </c>
      <c r="KG12" s="119">
        <v>317095</v>
      </c>
      <c r="KH12" s="119">
        <v>854447</v>
      </c>
      <c r="KI12" s="119">
        <v>741586</v>
      </c>
      <c r="KJ12" s="119">
        <v>192504</v>
      </c>
      <c r="KK12" s="119">
        <v>973952</v>
      </c>
      <c r="KL12" s="120">
        <v>3079584</v>
      </c>
      <c r="KM12" s="143">
        <v>3079584</v>
      </c>
      <c r="KN12" s="232">
        <v>0</v>
      </c>
      <c r="KO12" s="236">
        <v>0</v>
      </c>
      <c r="KP12" s="237">
        <v>0</v>
      </c>
      <c r="KQ12" s="140">
        <v>0</v>
      </c>
      <c r="KR12" s="119">
        <v>2784380</v>
      </c>
      <c r="KS12" s="119">
        <v>1827373</v>
      </c>
      <c r="KT12" s="119">
        <v>2156795</v>
      </c>
      <c r="KU12" s="119">
        <v>1824299</v>
      </c>
      <c r="KV12" s="119">
        <v>871803</v>
      </c>
      <c r="KW12" s="120">
        <v>9464650</v>
      </c>
      <c r="KX12" s="321">
        <v>9464650</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76186</v>
      </c>
      <c r="LP12" s="119">
        <v>0</v>
      </c>
      <c r="LQ12" s="119">
        <v>0</v>
      </c>
      <c r="LR12" s="119">
        <v>0</v>
      </c>
      <c r="LS12" s="120">
        <v>176186</v>
      </c>
      <c r="LT12" s="321">
        <v>176186</v>
      </c>
      <c r="LU12" s="142">
        <v>0</v>
      </c>
      <c r="LV12" s="119">
        <v>0</v>
      </c>
      <c r="LW12" s="120">
        <v>0</v>
      </c>
      <c r="LX12" s="145"/>
      <c r="LY12" s="119">
        <v>120354</v>
      </c>
      <c r="LZ12" s="119">
        <v>500497</v>
      </c>
      <c r="MA12" s="119">
        <v>0</v>
      </c>
      <c r="MB12" s="119">
        <v>263184</v>
      </c>
      <c r="MC12" s="119">
        <v>0</v>
      </c>
      <c r="MD12" s="120">
        <v>884035</v>
      </c>
      <c r="ME12" s="121">
        <v>884035</v>
      </c>
      <c r="MF12" s="142">
        <v>0</v>
      </c>
      <c r="MG12" s="119">
        <v>0</v>
      </c>
      <c r="MH12" s="120">
        <v>0</v>
      </c>
      <c r="MI12" s="145"/>
      <c r="MJ12" s="119">
        <v>407212</v>
      </c>
      <c r="MK12" s="119">
        <v>2295852</v>
      </c>
      <c r="ML12" s="119">
        <v>5953893</v>
      </c>
      <c r="MM12" s="119">
        <v>13182056</v>
      </c>
      <c r="MN12" s="119">
        <v>5705777</v>
      </c>
      <c r="MO12" s="120">
        <v>27544790</v>
      </c>
      <c r="MP12" s="143">
        <v>27544790</v>
      </c>
      <c r="MQ12" s="142">
        <v>0</v>
      </c>
      <c r="MR12" s="119">
        <v>0</v>
      </c>
      <c r="MS12" s="120">
        <v>0</v>
      </c>
      <c r="MT12" s="145"/>
      <c r="MU12" s="119">
        <v>0</v>
      </c>
      <c r="MV12" s="119">
        <v>0</v>
      </c>
      <c r="MW12" s="119">
        <v>3294698</v>
      </c>
      <c r="MX12" s="119">
        <v>8550939</v>
      </c>
      <c r="MY12" s="119">
        <v>4285650</v>
      </c>
      <c r="MZ12" s="120">
        <v>16131287</v>
      </c>
      <c r="NA12" s="143">
        <v>16131287</v>
      </c>
      <c r="NB12" s="142">
        <v>0</v>
      </c>
      <c r="NC12" s="119">
        <v>0</v>
      </c>
      <c r="ND12" s="120">
        <v>0</v>
      </c>
      <c r="NE12" s="145"/>
      <c r="NF12" s="119">
        <v>407212</v>
      </c>
      <c r="NG12" s="119">
        <v>2295852</v>
      </c>
      <c r="NH12" s="119">
        <v>2659195</v>
      </c>
      <c r="NI12" s="119">
        <v>4339712</v>
      </c>
      <c r="NJ12" s="119">
        <v>699624</v>
      </c>
      <c r="NK12" s="120">
        <v>10401595</v>
      </c>
      <c r="NL12" s="321">
        <v>10401595</v>
      </c>
      <c r="NM12" s="142">
        <v>0</v>
      </c>
      <c r="NN12" s="119">
        <v>0</v>
      </c>
      <c r="NO12" s="120">
        <v>0</v>
      </c>
      <c r="NP12" s="145"/>
      <c r="NQ12" s="119">
        <v>0</v>
      </c>
      <c r="NR12" s="119">
        <v>0</v>
      </c>
      <c r="NS12" s="119">
        <v>0</v>
      </c>
      <c r="NT12" s="119">
        <v>0</v>
      </c>
      <c r="NU12" s="119">
        <v>144606</v>
      </c>
      <c r="NV12" s="120">
        <v>144606</v>
      </c>
      <c r="NW12" s="121">
        <v>144606</v>
      </c>
      <c r="NX12" s="142">
        <v>0</v>
      </c>
      <c r="NY12" s="119">
        <v>0</v>
      </c>
      <c r="NZ12" s="120">
        <v>0</v>
      </c>
      <c r="OA12" s="145"/>
      <c r="OB12" s="119">
        <v>0</v>
      </c>
      <c r="OC12" s="119">
        <v>0</v>
      </c>
      <c r="OD12" s="119">
        <v>0</v>
      </c>
      <c r="OE12" s="119">
        <v>291405</v>
      </c>
      <c r="OF12" s="119">
        <v>575897</v>
      </c>
      <c r="OG12" s="120">
        <v>867302</v>
      </c>
      <c r="OH12" s="121">
        <v>867302</v>
      </c>
      <c r="OI12" s="142">
        <v>826051</v>
      </c>
      <c r="OJ12" s="119">
        <v>3218590</v>
      </c>
      <c r="OK12" s="141">
        <v>4044641</v>
      </c>
      <c r="OL12" s="118">
        <v>0</v>
      </c>
      <c r="OM12" s="119">
        <v>19861905</v>
      </c>
      <c r="ON12" s="119">
        <v>24998768</v>
      </c>
      <c r="OO12" s="119">
        <v>28685929</v>
      </c>
      <c r="OP12" s="119">
        <v>33535569</v>
      </c>
      <c r="OQ12" s="119">
        <v>24704780</v>
      </c>
      <c r="OR12" s="120">
        <v>131786951</v>
      </c>
      <c r="OS12" s="143">
        <v>135831592</v>
      </c>
    </row>
    <row r="13" spans="1:409" ht="20.25" customHeight="1" x14ac:dyDescent="0.2">
      <c r="B13" s="126" t="s">
        <v>7</v>
      </c>
      <c r="C13" s="110">
        <v>1189029</v>
      </c>
      <c r="D13" s="114">
        <v>672544</v>
      </c>
      <c r="E13" s="113">
        <v>1861573</v>
      </c>
      <c r="F13" s="109">
        <v>0</v>
      </c>
      <c r="G13" s="114">
        <v>11407119</v>
      </c>
      <c r="H13" s="114">
        <v>11272780</v>
      </c>
      <c r="I13" s="114">
        <v>8063481</v>
      </c>
      <c r="J13" s="114">
        <v>6960017</v>
      </c>
      <c r="K13" s="114">
        <v>7061411</v>
      </c>
      <c r="L13" s="109">
        <v>44764808</v>
      </c>
      <c r="M13" s="116">
        <v>46626381</v>
      </c>
      <c r="N13" s="110">
        <v>171535</v>
      </c>
      <c r="O13" s="114">
        <v>120313</v>
      </c>
      <c r="P13" s="113">
        <v>291848</v>
      </c>
      <c r="Q13" s="110">
        <v>0</v>
      </c>
      <c r="R13" s="114">
        <v>2854215</v>
      </c>
      <c r="S13" s="114">
        <v>3907879</v>
      </c>
      <c r="T13" s="114">
        <v>2549812</v>
      </c>
      <c r="U13" s="114">
        <v>1884273</v>
      </c>
      <c r="V13" s="114">
        <v>3738283</v>
      </c>
      <c r="W13" s="113">
        <v>14934462</v>
      </c>
      <c r="X13" s="116">
        <v>15226310</v>
      </c>
      <c r="Y13" s="110">
        <v>0</v>
      </c>
      <c r="Z13" s="114">
        <v>0</v>
      </c>
      <c r="AA13" s="113">
        <v>0</v>
      </c>
      <c r="AB13" s="110">
        <v>0</v>
      </c>
      <c r="AC13" s="114">
        <v>1119830</v>
      </c>
      <c r="AD13" s="114">
        <v>1861833</v>
      </c>
      <c r="AE13" s="114">
        <v>1204839</v>
      </c>
      <c r="AF13" s="114">
        <v>955954</v>
      </c>
      <c r="AG13" s="114">
        <v>2105882</v>
      </c>
      <c r="AH13" s="113">
        <v>7248338</v>
      </c>
      <c r="AI13" s="116">
        <v>7248338</v>
      </c>
      <c r="AJ13" s="110">
        <v>0</v>
      </c>
      <c r="AK13" s="114">
        <v>0</v>
      </c>
      <c r="AL13" s="113">
        <v>0</v>
      </c>
      <c r="AM13" s="110">
        <v>0</v>
      </c>
      <c r="AN13" s="114">
        <v>83796</v>
      </c>
      <c r="AO13" s="114">
        <v>95056</v>
      </c>
      <c r="AP13" s="114">
        <v>92904</v>
      </c>
      <c r="AQ13" s="114">
        <v>50632</v>
      </c>
      <c r="AR13" s="114">
        <v>417343</v>
      </c>
      <c r="AS13" s="113">
        <v>739731</v>
      </c>
      <c r="AT13" s="116">
        <v>739731</v>
      </c>
      <c r="AU13" s="110">
        <v>0</v>
      </c>
      <c r="AV13" s="114">
        <v>57656</v>
      </c>
      <c r="AW13" s="113">
        <v>57656</v>
      </c>
      <c r="AX13" s="110">
        <v>0</v>
      </c>
      <c r="AY13" s="114">
        <v>1015798</v>
      </c>
      <c r="AZ13" s="114">
        <v>1249137</v>
      </c>
      <c r="BA13" s="114">
        <v>648021</v>
      </c>
      <c r="BB13" s="114">
        <v>449106</v>
      </c>
      <c r="BC13" s="114">
        <v>882798</v>
      </c>
      <c r="BD13" s="113">
        <v>4244860</v>
      </c>
      <c r="BE13" s="116">
        <v>4302516</v>
      </c>
      <c r="BF13" s="110">
        <v>0</v>
      </c>
      <c r="BG13" s="114">
        <v>0</v>
      </c>
      <c r="BH13" s="112">
        <v>0</v>
      </c>
      <c r="BI13" s="111">
        <v>0</v>
      </c>
      <c r="BJ13" s="114">
        <v>51131</v>
      </c>
      <c r="BK13" s="114">
        <v>153263</v>
      </c>
      <c r="BL13" s="114">
        <v>122203</v>
      </c>
      <c r="BM13" s="114">
        <v>31954</v>
      </c>
      <c r="BN13" s="114">
        <v>22671</v>
      </c>
      <c r="BO13" s="113">
        <v>381222</v>
      </c>
      <c r="BP13" s="116">
        <v>381222</v>
      </c>
      <c r="BQ13" s="110">
        <v>171535</v>
      </c>
      <c r="BR13" s="114">
        <v>62657</v>
      </c>
      <c r="BS13" s="113">
        <v>234192</v>
      </c>
      <c r="BT13" s="110">
        <v>0</v>
      </c>
      <c r="BU13" s="114">
        <v>583660</v>
      </c>
      <c r="BV13" s="114">
        <v>548590</v>
      </c>
      <c r="BW13" s="114">
        <v>481845</v>
      </c>
      <c r="BX13" s="114">
        <v>396627</v>
      </c>
      <c r="BY13" s="114">
        <v>309589</v>
      </c>
      <c r="BZ13" s="113">
        <v>2320311</v>
      </c>
      <c r="CA13" s="116">
        <v>2554503</v>
      </c>
      <c r="CB13" s="110">
        <v>57003</v>
      </c>
      <c r="CC13" s="114">
        <v>68487</v>
      </c>
      <c r="CD13" s="113">
        <v>125490</v>
      </c>
      <c r="CE13" s="110">
        <v>0</v>
      </c>
      <c r="CF13" s="114">
        <v>3674095</v>
      </c>
      <c r="CG13" s="114">
        <v>2507049</v>
      </c>
      <c r="CH13" s="114">
        <v>1256532</v>
      </c>
      <c r="CI13" s="114">
        <v>624191</v>
      </c>
      <c r="CJ13" s="114">
        <v>718830</v>
      </c>
      <c r="CK13" s="113">
        <v>8780697</v>
      </c>
      <c r="CL13" s="116">
        <v>8906187</v>
      </c>
      <c r="CM13" s="110">
        <v>0</v>
      </c>
      <c r="CN13" s="114">
        <v>0</v>
      </c>
      <c r="CO13" s="113">
        <v>0</v>
      </c>
      <c r="CP13" s="111">
        <v>0</v>
      </c>
      <c r="CQ13" s="114">
        <v>2458725</v>
      </c>
      <c r="CR13" s="114">
        <v>2025178</v>
      </c>
      <c r="CS13" s="114">
        <v>537649</v>
      </c>
      <c r="CT13" s="114">
        <v>530817</v>
      </c>
      <c r="CU13" s="114">
        <v>593671</v>
      </c>
      <c r="CV13" s="113">
        <v>6146040</v>
      </c>
      <c r="CW13" s="116">
        <v>6146040</v>
      </c>
      <c r="CX13" s="110">
        <v>57003</v>
      </c>
      <c r="CY13" s="114">
        <v>68487</v>
      </c>
      <c r="CZ13" s="113">
        <v>125490</v>
      </c>
      <c r="DA13" s="110">
        <v>0</v>
      </c>
      <c r="DB13" s="114">
        <v>1215370</v>
      </c>
      <c r="DC13" s="114">
        <v>481871</v>
      </c>
      <c r="DD13" s="114">
        <v>718883</v>
      </c>
      <c r="DE13" s="114">
        <v>93374</v>
      </c>
      <c r="DF13" s="114">
        <v>125159</v>
      </c>
      <c r="DG13" s="113">
        <v>2634657</v>
      </c>
      <c r="DH13" s="116">
        <v>2760147</v>
      </c>
      <c r="DI13" s="110">
        <v>0</v>
      </c>
      <c r="DJ13" s="114">
        <v>0</v>
      </c>
      <c r="DK13" s="112">
        <v>0</v>
      </c>
      <c r="DL13" s="111">
        <v>0</v>
      </c>
      <c r="DM13" s="114">
        <v>235919</v>
      </c>
      <c r="DN13" s="114">
        <v>372563</v>
      </c>
      <c r="DO13" s="114">
        <v>964901</v>
      </c>
      <c r="DP13" s="114">
        <v>763456</v>
      </c>
      <c r="DQ13" s="114">
        <v>213868</v>
      </c>
      <c r="DR13" s="113">
        <v>2550707</v>
      </c>
      <c r="DS13" s="116">
        <v>2550707</v>
      </c>
      <c r="DT13" s="110">
        <v>0</v>
      </c>
      <c r="DU13" s="114">
        <v>0</v>
      </c>
      <c r="DV13" s="113">
        <v>0</v>
      </c>
      <c r="DW13" s="110">
        <v>0</v>
      </c>
      <c r="DX13" s="114">
        <v>235919</v>
      </c>
      <c r="DY13" s="114">
        <v>222526</v>
      </c>
      <c r="DZ13" s="114">
        <v>964901</v>
      </c>
      <c r="EA13" s="114">
        <v>763456</v>
      </c>
      <c r="EB13" s="114">
        <v>141073</v>
      </c>
      <c r="EC13" s="113">
        <v>2327875</v>
      </c>
      <c r="ED13" s="116">
        <v>2327875</v>
      </c>
      <c r="EE13" s="110">
        <v>0</v>
      </c>
      <c r="EF13" s="112">
        <v>0</v>
      </c>
      <c r="EG13" s="113">
        <v>0</v>
      </c>
      <c r="EH13" s="110">
        <v>0</v>
      </c>
      <c r="EI13" s="114">
        <v>0</v>
      </c>
      <c r="EJ13" s="114">
        <v>150037</v>
      </c>
      <c r="EK13" s="114">
        <v>0</v>
      </c>
      <c r="EL13" s="114">
        <v>0</v>
      </c>
      <c r="EM13" s="114">
        <v>72795</v>
      </c>
      <c r="EN13" s="112">
        <v>222832</v>
      </c>
      <c r="EO13" s="116">
        <v>222832</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8"/>
      <c r="FE13" s="114">
        <v>0</v>
      </c>
      <c r="FF13" s="114">
        <v>0</v>
      </c>
      <c r="FG13" s="114">
        <v>0</v>
      </c>
      <c r="FH13" s="114">
        <v>0</v>
      </c>
      <c r="FI13" s="114">
        <v>0</v>
      </c>
      <c r="FJ13" s="113">
        <v>0</v>
      </c>
      <c r="FK13" s="116">
        <v>0</v>
      </c>
      <c r="FL13" s="110">
        <v>419454</v>
      </c>
      <c r="FM13" s="114">
        <v>178356</v>
      </c>
      <c r="FN13" s="113">
        <v>597810</v>
      </c>
      <c r="FO13" s="110">
        <v>0</v>
      </c>
      <c r="FP13" s="114">
        <v>601685</v>
      </c>
      <c r="FQ13" s="114">
        <v>1212960</v>
      </c>
      <c r="FR13" s="114">
        <v>672182</v>
      </c>
      <c r="FS13" s="114">
        <v>339297</v>
      </c>
      <c r="FT13" s="114">
        <v>576016</v>
      </c>
      <c r="FU13" s="113">
        <v>3402140</v>
      </c>
      <c r="FV13" s="116">
        <v>3999950</v>
      </c>
      <c r="FW13" s="115">
        <v>48090</v>
      </c>
      <c r="FX13" s="114">
        <v>82264</v>
      </c>
      <c r="FY13" s="112">
        <v>130354</v>
      </c>
      <c r="FZ13" s="111">
        <v>0</v>
      </c>
      <c r="GA13" s="114">
        <v>406966</v>
      </c>
      <c r="GB13" s="114">
        <v>1185548</v>
      </c>
      <c r="GC13" s="114">
        <v>598766</v>
      </c>
      <c r="GD13" s="114">
        <v>330197</v>
      </c>
      <c r="GE13" s="114">
        <v>502432</v>
      </c>
      <c r="GF13" s="113">
        <v>3023909</v>
      </c>
      <c r="GG13" s="319">
        <v>3154263</v>
      </c>
      <c r="GH13" s="115">
        <v>16632</v>
      </c>
      <c r="GI13" s="114">
        <v>30992</v>
      </c>
      <c r="GJ13" s="112">
        <v>47624</v>
      </c>
      <c r="GK13" s="111">
        <v>0</v>
      </c>
      <c r="GL13" s="114">
        <v>37919</v>
      </c>
      <c r="GM13" s="114">
        <v>27412</v>
      </c>
      <c r="GN13" s="114">
        <v>73416</v>
      </c>
      <c r="GO13" s="114">
        <v>0</v>
      </c>
      <c r="GP13" s="114">
        <v>68684</v>
      </c>
      <c r="GQ13" s="113">
        <v>207431</v>
      </c>
      <c r="GR13" s="116">
        <v>255055</v>
      </c>
      <c r="GS13" s="110">
        <v>354732</v>
      </c>
      <c r="GT13" s="114">
        <v>65100</v>
      </c>
      <c r="GU13" s="113">
        <v>419832</v>
      </c>
      <c r="GV13" s="110">
        <v>0</v>
      </c>
      <c r="GW13" s="114">
        <v>156800</v>
      </c>
      <c r="GX13" s="114">
        <v>0</v>
      </c>
      <c r="GY13" s="114">
        <v>0</v>
      </c>
      <c r="GZ13" s="114">
        <v>9100</v>
      </c>
      <c r="HA13" s="114">
        <v>4900</v>
      </c>
      <c r="HB13" s="112">
        <v>170800</v>
      </c>
      <c r="HC13" s="116">
        <v>590632</v>
      </c>
      <c r="HD13" s="110">
        <v>541037</v>
      </c>
      <c r="HE13" s="114">
        <v>305388</v>
      </c>
      <c r="HF13" s="112">
        <v>846425</v>
      </c>
      <c r="HG13" s="111">
        <v>0</v>
      </c>
      <c r="HH13" s="114">
        <v>4041205</v>
      </c>
      <c r="HI13" s="114">
        <v>3272329</v>
      </c>
      <c r="HJ13" s="114">
        <v>2620054</v>
      </c>
      <c r="HK13" s="114">
        <v>3348800</v>
      </c>
      <c r="HL13" s="114">
        <v>1814414</v>
      </c>
      <c r="HM13" s="113">
        <v>15096802</v>
      </c>
      <c r="HN13" s="109">
        <v>15943227</v>
      </c>
      <c r="HO13" s="329"/>
      <c r="HP13" s="330"/>
      <c r="HQ13" s="331"/>
      <c r="HR13" s="332"/>
      <c r="HS13" s="330"/>
      <c r="HT13" s="330"/>
      <c r="HU13" s="330"/>
      <c r="HV13" s="330"/>
      <c r="HW13" s="330"/>
      <c r="HX13" s="333"/>
      <c r="HY13" s="334"/>
      <c r="HZ13" s="131">
        <v>0</v>
      </c>
      <c r="IA13" s="132">
        <v>0</v>
      </c>
      <c r="IB13" s="133">
        <v>0</v>
      </c>
      <c r="IC13" s="146">
        <v>0</v>
      </c>
      <c r="ID13" s="132">
        <v>1441732</v>
      </c>
      <c r="IE13" s="147">
        <v>1496021</v>
      </c>
      <c r="IF13" s="133">
        <v>3519328</v>
      </c>
      <c r="IG13" s="132">
        <v>1299154</v>
      </c>
      <c r="IH13" s="133">
        <v>719268</v>
      </c>
      <c r="II13" s="148">
        <v>8475503</v>
      </c>
      <c r="IJ13" s="139">
        <v>8475503</v>
      </c>
      <c r="IK13" s="232">
        <v>0</v>
      </c>
      <c r="IL13" s="236">
        <v>0</v>
      </c>
      <c r="IM13" s="237">
        <v>0</v>
      </c>
      <c r="IN13" s="140"/>
      <c r="IO13" s="119">
        <v>0</v>
      </c>
      <c r="IP13" s="119">
        <v>0</v>
      </c>
      <c r="IQ13" s="119">
        <v>174050</v>
      </c>
      <c r="IR13" s="119">
        <v>374760</v>
      </c>
      <c r="IS13" s="119">
        <v>0</v>
      </c>
      <c r="IT13" s="141">
        <v>548810</v>
      </c>
      <c r="IU13" s="321">
        <v>54881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714039</v>
      </c>
      <c r="JL13" s="119">
        <v>479558</v>
      </c>
      <c r="JM13" s="119">
        <v>1069244</v>
      </c>
      <c r="JN13" s="119">
        <v>369134</v>
      </c>
      <c r="JO13" s="119">
        <v>193006</v>
      </c>
      <c r="JP13" s="120">
        <v>2824981</v>
      </c>
      <c r="JQ13" s="321">
        <v>2824981</v>
      </c>
      <c r="JR13" s="142">
        <v>0</v>
      </c>
      <c r="JS13" s="119">
        <v>0</v>
      </c>
      <c r="JT13" s="141">
        <v>0</v>
      </c>
      <c r="JU13" s="118">
        <v>0</v>
      </c>
      <c r="JV13" s="119">
        <v>139073</v>
      </c>
      <c r="JW13" s="119">
        <v>215108</v>
      </c>
      <c r="JX13" s="119">
        <v>406312</v>
      </c>
      <c r="JY13" s="119">
        <v>113794</v>
      </c>
      <c r="JZ13" s="119">
        <v>0</v>
      </c>
      <c r="KA13" s="120">
        <v>874287</v>
      </c>
      <c r="KB13" s="321">
        <v>874287</v>
      </c>
      <c r="KC13" s="234">
        <v>0</v>
      </c>
      <c r="KD13" s="230">
        <v>0</v>
      </c>
      <c r="KE13" s="120">
        <v>0</v>
      </c>
      <c r="KF13" s="118">
        <v>0</v>
      </c>
      <c r="KG13" s="119">
        <v>0</v>
      </c>
      <c r="KH13" s="119">
        <v>274794</v>
      </c>
      <c r="KI13" s="119">
        <v>181345</v>
      </c>
      <c r="KJ13" s="119">
        <v>0</v>
      </c>
      <c r="KK13" s="119">
        <v>0</v>
      </c>
      <c r="KL13" s="120">
        <v>456139</v>
      </c>
      <c r="KM13" s="143">
        <v>456139</v>
      </c>
      <c r="KN13" s="232">
        <v>0</v>
      </c>
      <c r="KO13" s="236">
        <v>0</v>
      </c>
      <c r="KP13" s="237">
        <v>0</v>
      </c>
      <c r="KQ13" s="140">
        <v>0</v>
      </c>
      <c r="KR13" s="119">
        <v>588620</v>
      </c>
      <c r="KS13" s="119">
        <v>526561</v>
      </c>
      <c r="KT13" s="119">
        <v>1688377</v>
      </c>
      <c r="KU13" s="119">
        <v>441466</v>
      </c>
      <c r="KV13" s="119">
        <v>215280</v>
      </c>
      <c r="KW13" s="120">
        <v>3460304</v>
      </c>
      <c r="KX13" s="321">
        <v>3460304</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1">
        <v>0</v>
      </c>
      <c r="LU13" s="142">
        <v>0</v>
      </c>
      <c r="LV13" s="119">
        <v>0</v>
      </c>
      <c r="LW13" s="120">
        <v>0</v>
      </c>
      <c r="LX13" s="145"/>
      <c r="LY13" s="119">
        <v>0</v>
      </c>
      <c r="LZ13" s="119">
        <v>0</v>
      </c>
      <c r="MA13" s="119">
        <v>0</v>
      </c>
      <c r="MB13" s="119">
        <v>0</v>
      </c>
      <c r="MC13" s="119">
        <v>310982</v>
      </c>
      <c r="MD13" s="120">
        <v>310982</v>
      </c>
      <c r="ME13" s="121">
        <v>310982</v>
      </c>
      <c r="MF13" s="142">
        <v>0</v>
      </c>
      <c r="MG13" s="119">
        <v>0</v>
      </c>
      <c r="MH13" s="120">
        <v>0</v>
      </c>
      <c r="MI13" s="145"/>
      <c r="MJ13" s="119">
        <v>65832</v>
      </c>
      <c r="MK13" s="119">
        <v>1302635</v>
      </c>
      <c r="ML13" s="119">
        <v>1747530</v>
      </c>
      <c r="MM13" s="119">
        <v>5088061</v>
      </c>
      <c r="MN13" s="119">
        <v>2700768</v>
      </c>
      <c r="MO13" s="120">
        <v>10904826</v>
      </c>
      <c r="MP13" s="143">
        <v>10904826</v>
      </c>
      <c r="MQ13" s="142">
        <v>0</v>
      </c>
      <c r="MR13" s="119">
        <v>0</v>
      </c>
      <c r="MS13" s="120">
        <v>0</v>
      </c>
      <c r="MT13" s="145"/>
      <c r="MU13" s="119">
        <v>0</v>
      </c>
      <c r="MV13" s="119">
        <v>140151</v>
      </c>
      <c r="MW13" s="119">
        <v>270448</v>
      </c>
      <c r="MX13" s="119">
        <v>4358107</v>
      </c>
      <c r="MY13" s="119">
        <v>2154804</v>
      </c>
      <c r="MZ13" s="120">
        <v>6923510</v>
      </c>
      <c r="NA13" s="143">
        <v>6923510</v>
      </c>
      <c r="NB13" s="142">
        <v>0</v>
      </c>
      <c r="NC13" s="119">
        <v>0</v>
      </c>
      <c r="ND13" s="120">
        <v>0</v>
      </c>
      <c r="NE13" s="145"/>
      <c r="NF13" s="119">
        <v>65832</v>
      </c>
      <c r="NG13" s="119">
        <v>1162484</v>
      </c>
      <c r="NH13" s="119">
        <v>1477082</v>
      </c>
      <c r="NI13" s="119">
        <v>729954</v>
      </c>
      <c r="NJ13" s="119">
        <v>545964</v>
      </c>
      <c r="NK13" s="120">
        <v>3981316</v>
      </c>
      <c r="NL13" s="321">
        <v>3981316</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189029</v>
      </c>
      <c r="OJ13" s="119">
        <v>672544</v>
      </c>
      <c r="OK13" s="141">
        <v>1861573</v>
      </c>
      <c r="OL13" s="118">
        <v>0</v>
      </c>
      <c r="OM13" s="119">
        <v>12914683</v>
      </c>
      <c r="ON13" s="119">
        <v>14071436</v>
      </c>
      <c r="OO13" s="119">
        <v>13330339</v>
      </c>
      <c r="OP13" s="119">
        <v>13347232</v>
      </c>
      <c r="OQ13" s="119">
        <v>10481447</v>
      </c>
      <c r="OR13" s="120">
        <v>64145137</v>
      </c>
      <c r="OS13" s="143">
        <v>66006710</v>
      </c>
    </row>
    <row r="14" spans="1:409" ht="20.25" customHeight="1" x14ac:dyDescent="0.2">
      <c r="B14" s="126" t="s">
        <v>8</v>
      </c>
      <c r="C14" s="110">
        <v>441974</v>
      </c>
      <c r="D14" s="114">
        <v>231031</v>
      </c>
      <c r="E14" s="113">
        <v>673005</v>
      </c>
      <c r="F14" s="109">
        <v>0</v>
      </c>
      <c r="G14" s="114">
        <v>4328912</v>
      </c>
      <c r="H14" s="114">
        <v>6480131</v>
      </c>
      <c r="I14" s="114">
        <v>4417195</v>
      </c>
      <c r="J14" s="114">
        <v>5642039</v>
      </c>
      <c r="K14" s="114">
        <v>4629746</v>
      </c>
      <c r="L14" s="109">
        <v>25498023</v>
      </c>
      <c r="M14" s="116">
        <v>26171028</v>
      </c>
      <c r="N14" s="110">
        <v>91842</v>
      </c>
      <c r="O14" s="114">
        <v>111901</v>
      </c>
      <c r="P14" s="113">
        <v>203743</v>
      </c>
      <c r="Q14" s="110">
        <v>0</v>
      </c>
      <c r="R14" s="114">
        <v>1094900</v>
      </c>
      <c r="S14" s="114">
        <v>1987832</v>
      </c>
      <c r="T14" s="114">
        <v>816983</v>
      </c>
      <c r="U14" s="114">
        <v>1819152</v>
      </c>
      <c r="V14" s="114">
        <v>2361395</v>
      </c>
      <c r="W14" s="113">
        <v>8080262</v>
      </c>
      <c r="X14" s="116">
        <v>8284005</v>
      </c>
      <c r="Y14" s="110">
        <v>0</v>
      </c>
      <c r="Z14" s="114">
        <v>0</v>
      </c>
      <c r="AA14" s="113">
        <v>0</v>
      </c>
      <c r="AB14" s="110">
        <v>0</v>
      </c>
      <c r="AC14" s="114">
        <v>720961</v>
      </c>
      <c r="AD14" s="114">
        <v>1157266</v>
      </c>
      <c r="AE14" s="114">
        <v>474771</v>
      </c>
      <c r="AF14" s="114">
        <v>565418</v>
      </c>
      <c r="AG14" s="114">
        <v>1532179</v>
      </c>
      <c r="AH14" s="113">
        <v>4450595</v>
      </c>
      <c r="AI14" s="116">
        <v>4450595</v>
      </c>
      <c r="AJ14" s="110">
        <v>0</v>
      </c>
      <c r="AK14" s="114">
        <v>0</v>
      </c>
      <c r="AL14" s="113">
        <v>0</v>
      </c>
      <c r="AM14" s="110">
        <v>0</v>
      </c>
      <c r="AN14" s="114">
        <v>0</v>
      </c>
      <c r="AO14" s="114">
        <v>0</v>
      </c>
      <c r="AP14" s="114">
        <v>0</v>
      </c>
      <c r="AQ14" s="114">
        <v>284843</v>
      </c>
      <c r="AR14" s="114">
        <v>171706</v>
      </c>
      <c r="AS14" s="113">
        <v>456549</v>
      </c>
      <c r="AT14" s="116">
        <v>456549</v>
      </c>
      <c r="AU14" s="110">
        <v>34281</v>
      </c>
      <c r="AV14" s="114">
        <v>44984</v>
      </c>
      <c r="AW14" s="113">
        <v>79265</v>
      </c>
      <c r="AX14" s="110">
        <v>0</v>
      </c>
      <c r="AY14" s="114">
        <v>238023</v>
      </c>
      <c r="AZ14" s="114">
        <v>471097</v>
      </c>
      <c r="BA14" s="114">
        <v>60593</v>
      </c>
      <c r="BB14" s="114">
        <v>424200</v>
      </c>
      <c r="BC14" s="114">
        <v>384007</v>
      </c>
      <c r="BD14" s="113">
        <v>1577920</v>
      </c>
      <c r="BE14" s="116">
        <v>1657185</v>
      </c>
      <c r="BF14" s="110">
        <v>0</v>
      </c>
      <c r="BG14" s="114">
        <v>50173</v>
      </c>
      <c r="BH14" s="112">
        <v>50173</v>
      </c>
      <c r="BI14" s="111">
        <v>0</v>
      </c>
      <c r="BJ14" s="114">
        <v>34563</v>
      </c>
      <c r="BK14" s="114">
        <v>70180</v>
      </c>
      <c r="BL14" s="114">
        <v>145840</v>
      </c>
      <c r="BM14" s="114">
        <v>204890</v>
      </c>
      <c r="BN14" s="114">
        <v>93274</v>
      </c>
      <c r="BO14" s="113">
        <v>548747</v>
      </c>
      <c r="BP14" s="116">
        <v>598920</v>
      </c>
      <c r="BQ14" s="110">
        <v>57561</v>
      </c>
      <c r="BR14" s="114">
        <v>16744</v>
      </c>
      <c r="BS14" s="113">
        <v>74305</v>
      </c>
      <c r="BT14" s="110">
        <v>0</v>
      </c>
      <c r="BU14" s="114">
        <v>101353</v>
      </c>
      <c r="BV14" s="114">
        <v>289289</v>
      </c>
      <c r="BW14" s="114">
        <v>135779</v>
      </c>
      <c r="BX14" s="114">
        <v>339801</v>
      </c>
      <c r="BY14" s="114">
        <v>180229</v>
      </c>
      <c r="BZ14" s="113">
        <v>1046451</v>
      </c>
      <c r="CA14" s="116">
        <v>1120756</v>
      </c>
      <c r="CB14" s="110">
        <v>34627</v>
      </c>
      <c r="CC14" s="114">
        <v>65895</v>
      </c>
      <c r="CD14" s="113">
        <v>100522</v>
      </c>
      <c r="CE14" s="110">
        <v>0</v>
      </c>
      <c r="CF14" s="114">
        <v>1705017</v>
      </c>
      <c r="CG14" s="114">
        <v>2061805</v>
      </c>
      <c r="CH14" s="114">
        <v>924583</v>
      </c>
      <c r="CI14" s="114">
        <v>1335359</v>
      </c>
      <c r="CJ14" s="114">
        <v>449821</v>
      </c>
      <c r="CK14" s="113">
        <v>6476585</v>
      </c>
      <c r="CL14" s="116">
        <v>6577107</v>
      </c>
      <c r="CM14" s="110">
        <v>0</v>
      </c>
      <c r="CN14" s="114">
        <v>0</v>
      </c>
      <c r="CO14" s="113">
        <v>0</v>
      </c>
      <c r="CP14" s="111">
        <v>0</v>
      </c>
      <c r="CQ14" s="114">
        <v>1154305</v>
      </c>
      <c r="CR14" s="114">
        <v>1632324</v>
      </c>
      <c r="CS14" s="114">
        <v>527908</v>
      </c>
      <c r="CT14" s="114">
        <v>831393</v>
      </c>
      <c r="CU14" s="114">
        <v>291089</v>
      </c>
      <c r="CV14" s="113">
        <v>4437019</v>
      </c>
      <c r="CW14" s="116">
        <v>4437019</v>
      </c>
      <c r="CX14" s="110">
        <v>34627</v>
      </c>
      <c r="CY14" s="114">
        <v>65895</v>
      </c>
      <c r="CZ14" s="113">
        <v>100522</v>
      </c>
      <c r="DA14" s="110">
        <v>0</v>
      </c>
      <c r="DB14" s="114">
        <v>550712</v>
      </c>
      <c r="DC14" s="114">
        <v>429481</v>
      </c>
      <c r="DD14" s="114">
        <v>396675</v>
      </c>
      <c r="DE14" s="114">
        <v>503966</v>
      </c>
      <c r="DF14" s="114">
        <v>158732</v>
      </c>
      <c r="DG14" s="113">
        <v>2039566</v>
      </c>
      <c r="DH14" s="116">
        <v>2140088</v>
      </c>
      <c r="DI14" s="110">
        <v>0</v>
      </c>
      <c r="DJ14" s="114">
        <v>0</v>
      </c>
      <c r="DK14" s="112">
        <v>0</v>
      </c>
      <c r="DL14" s="111">
        <v>0</v>
      </c>
      <c r="DM14" s="114">
        <v>73529</v>
      </c>
      <c r="DN14" s="114">
        <v>166004</v>
      </c>
      <c r="DO14" s="114">
        <v>566319</v>
      </c>
      <c r="DP14" s="114">
        <v>338371</v>
      </c>
      <c r="DQ14" s="114">
        <v>0</v>
      </c>
      <c r="DR14" s="113">
        <v>1144223</v>
      </c>
      <c r="DS14" s="116">
        <v>1144223</v>
      </c>
      <c r="DT14" s="110">
        <v>0</v>
      </c>
      <c r="DU14" s="114">
        <v>0</v>
      </c>
      <c r="DV14" s="113">
        <v>0</v>
      </c>
      <c r="DW14" s="110">
        <v>0</v>
      </c>
      <c r="DX14" s="114">
        <v>73529</v>
      </c>
      <c r="DY14" s="114">
        <v>166004</v>
      </c>
      <c r="DZ14" s="114">
        <v>566319</v>
      </c>
      <c r="EA14" s="114">
        <v>338371</v>
      </c>
      <c r="EB14" s="114">
        <v>0</v>
      </c>
      <c r="EC14" s="113">
        <v>1144223</v>
      </c>
      <c r="ED14" s="116">
        <v>1144223</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8"/>
      <c r="FE14" s="114">
        <v>0</v>
      </c>
      <c r="FF14" s="114">
        <v>0</v>
      </c>
      <c r="FG14" s="114">
        <v>0</v>
      </c>
      <c r="FH14" s="114">
        <v>0</v>
      </c>
      <c r="FI14" s="114">
        <v>0</v>
      </c>
      <c r="FJ14" s="113">
        <v>0</v>
      </c>
      <c r="FK14" s="116">
        <v>0</v>
      </c>
      <c r="FL14" s="110">
        <v>35518</v>
      </c>
      <c r="FM14" s="114">
        <v>53235</v>
      </c>
      <c r="FN14" s="113">
        <v>88753</v>
      </c>
      <c r="FO14" s="110">
        <v>0</v>
      </c>
      <c r="FP14" s="114">
        <v>270641</v>
      </c>
      <c r="FQ14" s="114">
        <v>634280</v>
      </c>
      <c r="FR14" s="114">
        <v>263190</v>
      </c>
      <c r="FS14" s="114">
        <v>558201</v>
      </c>
      <c r="FT14" s="114">
        <v>241857</v>
      </c>
      <c r="FU14" s="113">
        <v>1968169</v>
      </c>
      <c r="FV14" s="116">
        <v>2056922</v>
      </c>
      <c r="FW14" s="115">
        <v>35518</v>
      </c>
      <c r="FX14" s="114">
        <v>53235</v>
      </c>
      <c r="FY14" s="112">
        <v>88753</v>
      </c>
      <c r="FZ14" s="111">
        <v>0</v>
      </c>
      <c r="GA14" s="114">
        <v>235221</v>
      </c>
      <c r="GB14" s="114">
        <v>421848</v>
      </c>
      <c r="GC14" s="114">
        <v>234955</v>
      </c>
      <c r="GD14" s="114">
        <v>409591</v>
      </c>
      <c r="GE14" s="114">
        <v>241857</v>
      </c>
      <c r="GF14" s="113">
        <v>1543472</v>
      </c>
      <c r="GG14" s="319">
        <v>1632225</v>
      </c>
      <c r="GH14" s="115">
        <v>0</v>
      </c>
      <c r="GI14" s="114">
        <v>0</v>
      </c>
      <c r="GJ14" s="112">
        <v>0</v>
      </c>
      <c r="GK14" s="111">
        <v>0</v>
      </c>
      <c r="GL14" s="114">
        <v>35420</v>
      </c>
      <c r="GM14" s="114">
        <v>48587</v>
      </c>
      <c r="GN14" s="114">
        <v>0</v>
      </c>
      <c r="GO14" s="114">
        <v>59290</v>
      </c>
      <c r="GP14" s="114">
        <v>0</v>
      </c>
      <c r="GQ14" s="113">
        <v>143297</v>
      </c>
      <c r="GR14" s="116">
        <v>143297</v>
      </c>
      <c r="GS14" s="110">
        <v>0</v>
      </c>
      <c r="GT14" s="114">
        <v>0</v>
      </c>
      <c r="GU14" s="113">
        <v>0</v>
      </c>
      <c r="GV14" s="110">
        <v>0</v>
      </c>
      <c r="GW14" s="114">
        <v>0</v>
      </c>
      <c r="GX14" s="114">
        <v>163845</v>
      </c>
      <c r="GY14" s="114">
        <v>28235</v>
      </c>
      <c r="GZ14" s="114">
        <v>89320</v>
      </c>
      <c r="HA14" s="114">
        <v>0</v>
      </c>
      <c r="HB14" s="112">
        <v>281400</v>
      </c>
      <c r="HC14" s="116">
        <v>281400</v>
      </c>
      <c r="HD14" s="110">
        <v>279987</v>
      </c>
      <c r="HE14" s="114">
        <v>0</v>
      </c>
      <c r="HF14" s="112">
        <v>279987</v>
      </c>
      <c r="HG14" s="111">
        <v>0</v>
      </c>
      <c r="HH14" s="114">
        <v>1184825</v>
      </c>
      <c r="HI14" s="114">
        <v>1630210</v>
      </c>
      <c r="HJ14" s="114">
        <v>1846120</v>
      </c>
      <c r="HK14" s="114">
        <v>1590956</v>
      </c>
      <c r="HL14" s="114">
        <v>1576673</v>
      </c>
      <c r="HM14" s="113">
        <v>7828784</v>
      </c>
      <c r="HN14" s="109">
        <v>8108771</v>
      </c>
      <c r="HO14" s="329"/>
      <c r="HP14" s="330"/>
      <c r="HQ14" s="331"/>
      <c r="HR14" s="332"/>
      <c r="HS14" s="330"/>
      <c r="HT14" s="330"/>
      <c r="HU14" s="330"/>
      <c r="HV14" s="330"/>
      <c r="HW14" s="330"/>
      <c r="HX14" s="333"/>
      <c r="HY14" s="334"/>
      <c r="HZ14" s="131">
        <v>0</v>
      </c>
      <c r="IA14" s="132">
        <v>0</v>
      </c>
      <c r="IB14" s="133">
        <v>0</v>
      </c>
      <c r="IC14" s="134">
        <v>0</v>
      </c>
      <c r="ID14" s="135">
        <v>1325704</v>
      </c>
      <c r="IE14" s="136">
        <v>1325888</v>
      </c>
      <c r="IF14" s="137">
        <v>685944</v>
      </c>
      <c r="IG14" s="135">
        <v>2105486</v>
      </c>
      <c r="IH14" s="137">
        <v>468742</v>
      </c>
      <c r="II14" s="138">
        <v>5911764</v>
      </c>
      <c r="IJ14" s="139">
        <v>5911764</v>
      </c>
      <c r="IK14" s="232">
        <v>0</v>
      </c>
      <c r="IL14" s="236">
        <v>0</v>
      </c>
      <c r="IM14" s="237">
        <v>0</v>
      </c>
      <c r="IN14" s="140"/>
      <c r="IO14" s="119">
        <v>0</v>
      </c>
      <c r="IP14" s="119">
        <v>0</v>
      </c>
      <c r="IQ14" s="119">
        <v>0</v>
      </c>
      <c r="IR14" s="119">
        <v>405043</v>
      </c>
      <c r="IS14" s="119">
        <v>0</v>
      </c>
      <c r="IT14" s="141">
        <v>405043</v>
      </c>
      <c r="IU14" s="321">
        <v>405043</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137092</v>
      </c>
      <c r="JL14" s="119">
        <v>901062</v>
      </c>
      <c r="JM14" s="119">
        <v>470444</v>
      </c>
      <c r="JN14" s="119">
        <v>156912</v>
      </c>
      <c r="JO14" s="119">
        <v>212732</v>
      </c>
      <c r="JP14" s="120">
        <v>2878242</v>
      </c>
      <c r="JQ14" s="321">
        <v>2878242</v>
      </c>
      <c r="JR14" s="142">
        <v>0</v>
      </c>
      <c r="JS14" s="119">
        <v>0</v>
      </c>
      <c r="JT14" s="141">
        <v>0</v>
      </c>
      <c r="JU14" s="118">
        <v>0</v>
      </c>
      <c r="JV14" s="119">
        <v>0</v>
      </c>
      <c r="JW14" s="119">
        <v>72237</v>
      </c>
      <c r="JX14" s="119">
        <v>9585</v>
      </c>
      <c r="JY14" s="119">
        <v>0</v>
      </c>
      <c r="JZ14" s="119">
        <v>0</v>
      </c>
      <c r="KA14" s="120">
        <v>81822</v>
      </c>
      <c r="KB14" s="321">
        <v>81822</v>
      </c>
      <c r="KC14" s="234">
        <v>0</v>
      </c>
      <c r="KD14" s="230">
        <v>0</v>
      </c>
      <c r="KE14" s="120">
        <v>0</v>
      </c>
      <c r="KF14" s="118">
        <v>0</v>
      </c>
      <c r="KG14" s="119">
        <v>188612</v>
      </c>
      <c r="KH14" s="119">
        <v>0</v>
      </c>
      <c r="KI14" s="119">
        <v>205915</v>
      </c>
      <c r="KJ14" s="119">
        <v>36164</v>
      </c>
      <c r="KK14" s="119">
        <v>0</v>
      </c>
      <c r="KL14" s="120">
        <v>430691</v>
      </c>
      <c r="KM14" s="143">
        <v>430691</v>
      </c>
      <c r="KN14" s="232">
        <v>0</v>
      </c>
      <c r="KO14" s="236">
        <v>0</v>
      </c>
      <c r="KP14" s="237">
        <v>0</v>
      </c>
      <c r="KQ14" s="140">
        <v>0</v>
      </c>
      <c r="KR14" s="119">
        <v>0</v>
      </c>
      <c r="KS14" s="119">
        <v>206136</v>
      </c>
      <c r="KT14" s="119">
        <v>0</v>
      </c>
      <c r="KU14" s="119">
        <v>1080121</v>
      </c>
      <c r="KV14" s="119">
        <v>0</v>
      </c>
      <c r="KW14" s="120">
        <v>1286257</v>
      </c>
      <c r="KX14" s="321">
        <v>1286257</v>
      </c>
      <c r="KY14" s="142">
        <v>0</v>
      </c>
      <c r="KZ14" s="119">
        <v>0</v>
      </c>
      <c r="LA14" s="120">
        <v>0</v>
      </c>
      <c r="LB14" s="145"/>
      <c r="LC14" s="119">
        <v>0</v>
      </c>
      <c r="LD14" s="119">
        <v>146453</v>
      </c>
      <c r="LE14" s="119">
        <v>0</v>
      </c>
      <c r="LF14" s="119">
        <v>183416</v>
      </c>
      <c r="LG14" s="119">
        <v>0</v>
      </c>
      <c r="LH14" s="120">
        <v>329869</v>
      </c>
      <c r="LI14" s="121">
        <v>329869</v>
      </c>
      <c r="LJ14" s="142">
        <v>0</v>
      </c>
      <c r="LK14" s="119">
        <v>0</v>
      </c>
      <c r="LL14" s="120">
        <v>0</v>
      </c>
      <c r="LM14" s="145"/>
      <c r="LN14" s="119">
        <v>0</v>
      </c>
      <c r="LO14" s="119">
        <v>0</v>
      </c>
      <c r="LP14" s="119">
        <v>0</v>
      </c>
      <c r="LQ14" s="119">
        <v>243830</v>
      </c>
      <c r="LR14" s="119">
        <v>256010</v>
      </c>
      <c r="LS14" s="120">
        <v>499840</v>
      </c>
      <c r="LT14" s="321">
        <v>499840</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248</v>
      </c>
      <c r="MK14" s="119">
        <v>427107</v>
      </c>
      <c r="ML14" s="119">
        <v>880700</v>
      </c>
      <c r="MM14" s="119">
        <v>4032585</v>
      </c>
      <c r="MN14" s="119">
        <v>1631868</v>
      </c>
      <c r="MO14" s="120">
        <v>6972012</v>
      </c>
      <c r="MP14" s="143">
        <v>6972012</v>
      </c>
      <c r="MQ14" s="142">
        <v>0</v>
      </c>
      <c r="MR14" s="119">
        <v>0</v>
      </c>
      <c r="MS14" s="120">
        <v>0</v>
      </c>
      <c r="MT14" s="145"/>
      <c r="MU14" s="119">
        <v>-248</v>
      </c>
      <c r="MV14" s="119">
        <v>-483</v>
      </c>
      <c r="MW14" s="119">
        <v>196575</v>
      </c>
      <c r="MX14" s="119">
        <v>2010785</v>
      </c>
      <c r="MY14" s="119">
        <v>1389428</v>
      </c>
      <c r="MZ14" s="120">
        <v>3596057</v>
      </c>
      <c r="NA14" s="143">
        <v>3596057</v>
      </c>
      <c r="NB14" s="142">
        <v>0</v>
      </c>
      <c r="NC14" s="119">
        <v>0</v>
      </c>
      <c r="ND14" s="120">
        <v>0</v>
      </c>
      <c r="NE14" s="145"/>
      <c r="NF14" s="119">
        <v>0</v>
      </c>
      <c r="NG14" s="119">
        <v>427590</v>
      </c>
      <c r="NH14" s="119">
        <v>684125</v>
      </c>
      <c r="NI14" s="119">
        <v>1765015</v>
      </c>
      <c r="NJ14" s="119">
        <v>242440</v>
      </c>
      <c r="NK14" s="120">
        <v>3119170</v>
      </c>
      <c r="NL14" s="321">
        <v>3119170</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256785</v>
      </c>
      <c r="OF14" s="119">
        <v>0</v>
      </c>
      <c r="OG14" s="120">
        <v>256785</v>
      </c>
      <c r="OH14" s="121">
        <v>256785</v>
      </c>
      <c r="OI14" s="142">
        <v>441974</v>
      </c>
      <c r="OJ14" s="119">
        <v>231031</v>
      </c>
      <c r="OK14" s="141">
        <v>673005</v>
      </c>
      <c r="OL14" s="118">
        <v>0</v>
      </c>
      <c r="OM14" s="119">
        <v>5654368</v>
      </c>
      <c r="ON14" s="119">
        <v>8233126</v>
      </c>
      <c r="OO14" s="119">
        <v>5983839</v>
      </c>
      <c r="OP14" s="119">
        <v>11780110</v>
      </c>
      <c r="OQ14" s="119">
        <v>6730356</v>
      </c>
      <c r="OR14" s="120">
        <v>38381799</v>
      </c>
      <c r="OS14" s="143">
        <v>39054804</v>
      </c>
    </row>
    <row r="15" spans="1:409" ht="20.25" customHeight="1" x14ac:dyDescent="0.2">
      <c r="B15" s="126" t="s">
        <v>9</v>
      </c>
      <c r="C15" s="110">
        <v>1326994</v>
      </c>
      <c r="D15" s="114">
        <v>1647285</v>
      </c>
      <c r="E15" s="113">
        <v>2974279</v>
      </c>
      <c r="F15" s="111">
        <v>0</v>
      </c>
      <c r="G15" s="114">
        <v>11532474</v>
      </c>
      <c r="H15" s="114">
        <v>10992382</v>
      </c>
      <c r="I15" s="114">
        <v>11848588</v>
      </c>
      <c r="J15" s="114">
        <v>13796461</v>
      </c>
      <c r="K15" s="114">
        <v>13041111</v>
      </c>
      <c r="L15" s="109">
        <v>61211016</v>
      </c>
      <c r="M15" s="116">
        <v>64185295</v>
      </c>
      <c r="N15" s="110">
        <v>324035</v>
      </c>
      <c r="O15" s="114">
        <v>462386</v>
      </c>
      <c r="P15" s="113">
        <v>786421</v>
      </c>
      <c r="Q15" s="110">
        <v>0</v>
      </c>
      <c r="R15" s="114">
        <v>4642927</v>
      </c>
      <c r="S15" s="114">
        <v>3918029</v>
      </c>
      <c r="T15" s="114">
        <v>4641559</v>
      </c>
      <c r="U15" s="114">
        <v>5736112</v>
      </c>
      <c r="V15" s="114">
        <v>7150720</v>
      </c>
      <c r="W15" s="113">
        <v>26089347</v>
      </c>
      <c r="X15" s="116">
        <v>26875768</v>
      </c>
      <c r="Y15" s="110">
        <v>0</v>
      </c>
      <c r="Z15" s="114">
        <v>0</v>
      </c>
      <c r="AA15" s="113">
        <v>0</v>
      </c>
      <c r="AB15" s="110">
        <v>0</v>
      </c>
      <c r="AC15" s="114">
        <v>1793391</v>
      </c>
      <c r="AD15" s="114">
        <v>1594453</v>
      </c>
      <c r="AE15" s="114">
        <v>2286319</v>
      </c>
      <c r="AF15" s="114">
        <v>3143200</v>
      </c>
      <c r="AG15" s="114">
        <v>4679776</v>
      </c>
      <c r="AH15" s="113">
        <v>13497139</v>
      </c>
      <c r="AI15" s="116">
        <v>13497139</v>
      </c>
      <c r="AJ15" s="110">
        <v>0</v>
      </c>
      <c r="AK15" s="114">
        <v>0</v>
      </c>
      <c r="AL15" s="113">
        <v>0</v>
      </c>
      <c r="AM15" s="110">
        <v>0</v>
      </c>
      <c r="AN15" s="114">
        <v>167322</v>
      </c>
      <c r="AO15" s="114">
        <v>0</v>
      </c>
      <c r="AP15" s="114">
        <v>151994</v>
      </c>
      <c r="AQ15" s="114">
        <v>261440</v>
      </c>
      <c r="AR15" s="114">
        <v>700922</v>
      </c>
      <c r="AS15" s="113">
        <v>1281678</v>
      </c>
      <c r="AT15" s="116">
        <v>1281678</v>
      </c>
      <c r="AU15" s="110">
        <v>143036</v>
      </c>
      <c r="AV15" s="114">
        <v>304411</v>
      </c>
      <c r="AW15" s="113">
        <v>447447</v>
      </c>
      <c r="AX15" s="110">
        <v>0</v>
      </c>
      <c r="AY15" s="114">
        <v>1939457</v>
      </c>
      <c r="AZ15" s="114">
        <v>1365077</v>
      </c>
      <c r="BA15" s="114">
        <v>1155008</v>
      </c>
      <c r="BB15" s="114">
        <v>1346870</v>
      </c>
      <c r="BC15" s="114">
        <v>1054574</v>
      </c>
      <c r="BD15" s="113">
        <v>6860986</v>
      </c>
      <c r="BE15" s="116">
        <v>7308433</v>
      </c>
      <c r="BF15" s="110">
        <v>0</v>
      </c>
      <c r="BG15" s="114">
        <v>74465</v>
      </c>
      <c r="BH15" s="112">
        <v>74465</v>
      </c>
      <c r="BI15" s="111">
        <v>0</v>
      </c>
      <c r="BJ15" s="114">
        <v>185095</v>
      </c>
      <c r="BK15" s="114">
        <v>200147</v>
      </c>
      <c r="BL15" s="114">
        <v>258778</v>
      </c>
      <c r="BM15" s="114">
        <v>190613</v>
      </c>
      <c r="BN15" s="114">
        <v>117851</v>
      </c>
      <c r="BO15" s="113">
        <v>952484</v>
      </c>
      <c r="BP15" s="116">
        <v>1026949</v>
      </c>
      <c r="BQ15" s="110">
        <v>180999</v>
      </c>
      <c r="BR15" s="114">
        <v>83510</v>
      </c>
      <c r="BS15" s="113">
        <v>264509</v>
      </c>
      <c r="BT15" s="110">
        <v>0</v>
      </c>
      <c r="BU15" s="114">
        <v>557662</v>
      </c>
      <c r="BV15" s="114">
        <v>758352</v>
      </c>
      <c r="BW15" s="114">
        <v>789460</v>
      </c>
      <c r="BX15" s="114">
        <v>793989</v>
      </c>
      <c r="BY15" s="114">
        <v>597597</v>
      </c>
      <c r="BZ15" s="113">
        <v>3497060</v>
      </c>
      <c r="CA15" s="116">
        <v>3761569</v>
      </c>
      <c r="CB15" s="110">
        <v>54527</v>
      </c>
      <c r="CC15" s="114">
        <v>235730</v>
      </c>
      <c r="CD15" s="113">
        <v>290257</v>
      </c>
      <c r="CE15" s="110">
        <v>0</v>
      </c>
      <c r="CF15" s="114">
        <v>2266238</v>
      </c>
      <c r="CG15" s="114">
        <v>1984620</v>
      </c>
      <c r="CH15" s="114">
        <v>1756975</v>
      </c>
      <c r="CI15" s="114">
        <v>1557887</v>
      </c>
      <c r="CJ15" s="114">
        <v>866870</v>
      </c>
      <c r="CK15" s="113">
        <v>8432590</v>
      </c>
      <c r="CL15" s="116">
        <v>8722847</v>
      </c>
      <c r="CM15" s="110">
        <v>0</v>
      </c>
      <c r="CN15" s="114">
        <v>0</v>
      </c>
      <c r="CO15" s="113">
        <v>0</v>
      </c>
      <c r="CP15" s="111">
        <v>0</v>
      </c>
      <c r="CQ15" s="114">
        <v>1821327</v>
      </c>
      <c r="CR15" s="114">
        <v>1527525</v>
      </c>
      <c r="CS15" s="114">
        <v>1489818</v>
      </c>
      <c r="CT15" s="114">
        <v>1072032</v>
      </c>
      <c r="CU15" s="114">
        <v>812924</v>
      </c>
      <c r="CV15" s="113">
        <v>6723626</v>
      </c>
      <c r="CW15" s="116">
        <v>6723626</v>
      </c>
      <c r="CX15" s="110">
        <v>54527</v>
      </c>
      <c r="CY15" s="114">
        <v>235730</v>
      </c>
      <c r="CZ15" s="113">
        <v>290257</v>
      </c>
      <c r="DA15" s="110">
        <v>0</v>
      </c>
      <c r="DB15" s="114">
        <v>444911</v>
      </c>
      <c r="DC15" s="114">
        <v>457095</v>
      </c>
      <c r="DD15" s="114">
        <v>267157</v>
      </c>
      <c r="DE15" s="114">
        <v>485855</v>
      </c>
      <c r="DF15" s="114">
        <v>53946</v>
      </c>
      <c r="DG15" s="113">
        <v>1708964</v>
      </c>
      <c r="DH15" s="116">
        <v>1999221</v>
      </c>
      <c r="DI15" s="110">
        <v>27884</v>
      </c>
      <c r="DJ15" s="114">
        <v>0</v>
      </c>
      <c r="DK15" s="112">
        <v>27884</v>
      </c>
      <c r="DL15" s="111">
        <v>0</v>
      </c>
      <c r="DM15" s="114">
        <v>273041</v>
      </c>
      <c r="DN15" s="114">
        <v>672150</v>
      </c>
      <c r="DO15" s="114">
        <v>919380</v>
      </c>
      <c r="DP15" s="114">
        <v>1121506</v>
      </c>
      <c r="DQ15" s="114">
        <v>680230</v>
      </c>
      <c r="DR15" s="113">
        <v>3666307</v>
      </c>
      <c r="DS15" s="116">
        <v>3694191</v>
      </c>
      <c r="DT15" s="110">
        <v>0</v>
      </c>
      <c r="DU15" s="114">
        <v>0</v>
      </c>
      <c r="DV15" s="113">
        <v>0</v>
      </c>
      <c r="DW15" s="110">
        <v>0</v>
      </c>
      <c r="DX15" s="114">
        <v>273041</v>
      </c>
      <c r="DY15" s="114">
        <v>644444</v>
      </c>
      <c r="DZ15" s="114">
        <v>665880</v>
      </c>
      <c r="EA15" s="114">
        <v>989803</v>
      </c>
      <c r="EB15" s="114">
        <v>445725</v>
      </c>
      <c r="EC15" s="113">
        <v>3018893</v>
      </c>
      <c r="ED15" s="116">
        <v>3018893</v>
      </c>
      <c r="EE15" s="110">
        <v>27884</v>
      </c>
      <c r="EF15" s="112">
        <v>0</v>
      </c>
      <c r="EG15" s="113">
        <v>27884</v>
      </c>
      <c r="EH15" s="110">
        <v>0</v>
      </c>
      <c r="EI15" s="114">
        <v>0</v>
      </c>
      <c r="EJ15" s="114">
        <v>27706</v>
      </c>
      <c r="EK15" s="114">
        <v>253500</v>
      </c>
      <c r="EL15" s="114">
        <v>131703</v>
      </c>
      <c r="EM15" s="114">
        <v>234505</v>
      </c>
      <c r="EN15" s="112">
        <v>647414</v>
      </c>
      <c r="EO15" s="116">
        <v>675298</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8"/>
      <c r="FE15" s="114">
        <v>0</v>
      </c>
      <c r="FF15" s="114">
        <v>0</v>
      </c>
      <c r="FG15" s="114">
        <v>0</v>
      </c>
      <c r="FH15" s="114">
        <v>0</v>
      </c>
      <c r="FI15" s="114">
        <v>0</v>
      </c>
      <c r="FJ15" s="113">
        <v>0</v>
      </c>
      <c r="FK15" s="116">
        <v>0</v>
      </c>
      <c r="FL15" s="110">
        <v>294546</v>
      </c>
      <c r="FM15" s="114">
        <v>423367</v>
      </c>
      <c r="FN15" s="113">
        <v>717913</v>
      </c>
      <c r="FO15" s="110">
        <v>0</v>
      </c>
      <c r="FP15" s="114">
        <v>736015</v>
      </c>
      <c r="FQ15" s="114">
        <v>1145151</v>
      </c>
      <c r="FR15" s="114">
        <v>906689</v>
      </c>
      <c r="FS15" s="114">
        <v>1179444</v>
      </c>
      <c r="FT15" s="114">
        <v>882679</v>
      </c>
      <c r="FU15" s="113">
        <v>4849978</v>
      </c>
      <c r="FV15" s="116">
        <v>5567891</v>
      </c>
      <c r="FW15" s="115">
        <v>145551</v>
      </c>
      <c r="FX15" s="114">
        <v>216867</v>
      </c>
      <c r="FY15" s="112">
        <v>362418</v>
      </c>
      <c r="FZ15" s="111">
        <v>0</v>
      </c>
      <c r="GA15" s="114">
        <v>655445</v>
      </c>
      <c r="GB15" s="114">
        <v>986930</v>
      </c>
      <c r="GC15" s="114">
        <v>892409</v>
      </c>
      <c r="GD15" s="114">
        <v>1179444</v>
      </c>
      <c r="GE15" s="114">
        <v>872284</v>
      </c>
      <c r="GF15" s="113">
        <v>4586512</v>
      </c>
      <c r="GG15" s="319">
        <v>4948930</v>
      </c>
      <c r="GH15" s="115">
        <v>39655</v>
      </c>
      <c r="GI15" s="114">
        <v>0</v>
      </c>
      <c r="GJ15" s="112">
        <v>39655</v>
      </c>
      <c r="GK15" s="111">
        <v>0</v>
      </c>
      <c r="GL15" s="114">
        <v>27860</v>
      </c>
      <c r="GM15" s="114">
        <v>11935</v>
      </c>
      <c r="GN15" s="114">
        <v>14280</v>
      </c>
      <c r="GO15" s="114">
        <v>0</v>
      </c>
      <c r="GP15" s="114">
        <v>10395</v>
      </c>
      <c r="GQ15" s="113">
        <v>64470</v>
      </c>
      <c r="GR15" s="116">
        <v>104125</v>
      </c>
      <c r="GS15" s="110">
        <v>109340</v>
      </c>
      <c r="GT15" s="114">
        <v>206500</v>
      </c>
      <c r="GU15" s="113">
        <v>315840</v>
      </c>
      <c r="GV15" s="110">
        <v>0</v>
      </c>
      <c r="GW15" s="114">
        <v>52710</v>
      </c>
      <c r="GX15" s="114">
        <v>146286</v>
      </c>
      <c r="GY15" s="114">
        <v>0</v>
      </c>
      <c r="GZ15" s="114">
        <v>0</v>
      </c>
      <c r="HA15" s="114">
        <v>0</v>
      </c>
      <c r="HB15" s="112">
        <v>198996</v>
      </c>
      <c r="HC15" s="116">
        <v>514836</v>
      </c>
      <c r="HD15" s="110">
        <v>626002</v>
      </c>
      <c r="HE15" s="114">
        <v>525802</v>
      </c>
      <c r="HF15" s="112">
        <v>1151804</v>
      </c>
      <c r="HG15" s="111">
        <v>0</v>
      </c>
      <c r="HH15" s="114">
        <v>3614253</v>
      </c>
      <c r="HI15" s="114">
        <v>3272432</v>
      </c>
      <c r="HJ15" s="114">
        <v>3623985</v>
      </c>
      <c r="HK15" s="114">
        <v>4201512</v>
      </c>
      <c r="HL15" s="114">
        <v>3460612</v>
      </c>
      <c r="HM15" s="113">
        <v>18172794</v>
      </c>
      <c r="HN15" s="109">
        <v>19324598</v>
      </c>
      <c r="HO15" s="329"/>
      <c r="HP15" s="330"/>
      <c r="HQ15" s="331"/>
      <c r="HR15" s="332"/>
      <c r="HS15" s="330"/>
      <c r="HT15" s="330"/>
      <c r="HU15" s="330"/>
      <c r="HV15" s="330"/>
      <c r="HW15" s="330"/>
      <c r="HX15" s="333"/>
      <c r="HY15" s="334"/>
      <c r="HZ15" s="128">
        <v>37821</v>
      </c>
      <c r="IA15" s="149">
        <v>0</v>
      </c>
      <c r="IB15" s="129">
        <v>37821</v>
      </c>
      <c r="IC15" s="146">
        <v>0</v>
      </c>
      <c r="ID15" s="132">
        <v>1967684</v>
      </c>
      <c r="IE15" s="147">
        <v>3292975</v>
      </c>
      <c r="IF15" s="133">
        <v>3702597</v>
      </c>
      <c r="IG15" s="132">
        <v>2822541</v>
      </c>
      <c r="IH15" s="133">
        <v>1353241</v>
      </c>
      <c r="II15" s="148">
        <v>13139038</v>
      </c>
      <c r="IJ15" s="130">
        <v>13176859</v>
      </c>
      <c r="IK15" s="232">
        <v>0</v>
      </c>
      <c r="IL15" s="236">
        <v>0</v>
      </c>
      <c r="IM15" s="237">
        <v>0</v>
      </c>
      <c r="IN15" s="140"/>
      <c r="IO15" s="119">
        <v>0</v>
      </c>
      <c r="IP15" s="119">
        <v>101846</v>
      </c>
      <c r="IQ15" s="119">
        <v>0</v>
      </c>
      <c r="IR15" s="119">
        <v>185346</v>
      </c>
      <c r="IS15" s="119">
        <v>254968</v>
      </c>
      <c r="IT15" s="141">
        <v>542160</v>
      </c>
      <c r="IU15" s="321">
        <v>54216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261232</v>
      </c>
      <c r="JL15" s="119">
        <v>1280938</v>
      </c>
      <c r="JM15" s="119">
        <v>1224895</v>
      </c>
      <c r="JN15" s="119">
        <v>360282</v>
      </c>
      <c r="JO15" s="119">
        <v>249437</v>
      </c>
      <c r="JP15" s="120">
        <v>4376784</v>
      </c>
      <c r="JQ15" s="321">
        <v>4376784</v>
      </c>
      <c r="JR15" s="142">
        <v>0</v>
      </c>
      <c r="JS15" s="119">
        <v>0</v>
      </c>
      <c r="JT15" s="141">
        <v>0</v>
      </c>
      <c r="JU15" s="118">
        <v>0</v>
      </c>
      <c r="JV15" s="119">
        <v>196133</v>
      </c>
      <c r="JW15" s="119">
        <v>0</v>
      </c>
      <c r="JX15" s="119">
        <v>192094</v>
      </c>
      <c r="JY15" s="119">
        <v>0</v>
      </c>
      <c r="JZ15" s="119">
        <v>100152</v>
      </c>
      <c r="KA15" s="120">
        <v>488379</v>
      </c>
      <c r="KB15" s="321">
        <v>488379</v>
      </c>
      <c r="KC15" s="234">
        <v>37821</v>
      </c>
      <c r="KD15" s="230">
        <v>0</v>
      </c>
      <c r="KE15" s="120">
        <v>37821</v>
      </c>
      <c r="KF15" s="118">
        <v>0</v>
      </c>
      <c r="KG15" s="119">
        <v>510319</v>
      </c>
      <c r="KH15" s="119">
        <v>134714</v>
      </c>
      <c r="KI15" s="119">
        <v>596517</v>
      </c>
      <c r="KJ15" s="119">
        <v>913917</v>
      </c>
      <c r="KK15" s="119">
        <v>243509</v>
      </c>
      <c r="KL15" s="120">
        <v>2398976</v>
      </c>
      <c r="KM15" s="143">
        <v>2436797</v>
      </c>
      <c r="KN15" s="232">
        <v>0</v>
      </c>
      <c r="KO15" s="236">
        <v>0</v>
      </c>
      <c r="KP15" s="237">
        <v>0</v>
      </c>
      <c r="KQ15" s="140">
        <v>0</v>
      </c>
      <c r="KR15" s="119">
        <v>0</v>
      </c>
      <c r="KS15" s="119">
        <v>1469755</v>
      </c>
      <c r="KT15" s="119">
        <v>1028327</v>
      </c>
      <c r="KU15" s="119">
        <v>662541</v>
      </c>
      <c r="KV15" s="119">
        <v>224914</v>
      </c>
      <c r="KW15" s="120">
        <v>3385537</v>
      </c>
      <c r="KX15" s="321">
        <v>3385537</v>
      </c>
      <c r="KY15" s="142">
        <v>0</v>
      </c>
      <c r="KZ15" s="119">
        <v>0</v>
      </c>
      <c r="LA15" s="120">
        <v>0</v>
      </c>
      <c r="LB15" s="145"/>
      <c r="LC15" s="119">
        <v>0</v>
      </c>
      <c r="LD15" s="119">
        <v>305722</v>
      </c>
      <c r="LE15" s="119">
        <v>0</v>
      </c>
      <c r="LF15" s="119">
        <v>185987</v>
      </c>
      <c r="LG15" s="119">
        <v>0</v>
      </c>
      <c r="LH15" s="120">
        <v>491709</v>
      </c>
      <c r="LI15" s="121">
        <v>491709</v>
      </c>
      <c r="LJ15" s="142">
        <v>0</v>
      </c>
      <c r="LK15" s="119">
        <v>0</v>
      </c>
      <c r="LL15" s="120">
        <v>0</v>
      </c>
      <c r="LM15" s="145"/>
      <c r="LN15" s="119">
        <v>0</v>
      </c>
      <c r="LO15" s="119">
        <v>0</v>
      </c>
      <c r="LP15" s="119">
        <v>0</v>
      </c>
      <c r="LQ15" s="119">
        <v>0</v>
      </c>
      <c r="LR15" s="119">
        <v>0</v>
      </c>
      <c r="LS15" s="120">
        <v>0</v>
      </c>
      <c r="LT15" s="321">
        <v>0</v>
      </c>
      <c r="LU15" s="142">
        <v>0</v>
      </c>
      <c r="LV15" s="119">
        <v>0</v>
      </c>
      <c r="LW15" s="120">
        <v>0</v>
      </c>
      <c r="LX15" s="145"/>
      <c r="LY15" s="119">
        <v>0</v>
      </c>
      <c r="LZ15" s="119">
        <v>0</v>
      </c>
      <c r="MA15" s="119">
        <v>660764</v>
      </c>
      <c r="MB15" s="119">
        <v>514468</v>
      </c>
      <c r="MC15" s="119">
        <v>280261</v>
      </c>
      <c r="MD15" s="120">
        <v>1455493</v>
      </c>
      <c r="ME15" s="121">
        <v>1455493</v>
      </c>
      <c r="MF15" s="142">
        <v>0</v>
      </c>
      <c r="MG15" s="119">
        <v>0</v>
      </c>
      <c r="MH15" s="120">
        <v>0</v>
      </c>
      <c r="MI15" s="145"/>
      <c r="MJ15" s="119">
        <v>579919</v>
      </c>
      <c r="MK15" s="119">
        <v>595281</v>
      </c>
      <c r="ML15" s="119">
        <v>3771499</v>
      </c>
      <c r="MM15" s="119">
        <v>6930615</v>
      </c>
      <c r="MN15" s="119">
        <v>4533685</v>
      </c>
      <c r="MO15" s="120">
        <v>16410999</v>
      </c>
      <c r="MP15" s="143">
        <v>16410999</v>
      </c>
      <c r="MQ15" s="142">
        <v>0</v>
      </c>
      <c r="MR15" s="119">
        <v>0</v>
      </c>
      <c r="MS15" s="120">
        <v>0</v>
      </c>
      <c r="MT15" s="145"/>
      <c r="MU15" s="119">
        <v>0</v>
      </c>
      <c r="MV15" s="119">
        <v>0</v>
      </c>
      <c r="MW15" s="119">
        <v>1642574</v>
      </c>
      <c r="MX15" s="119">
        <v>4506911</v>
      </c>
      <c r="MY15" s="119">
        <v>3165606</v>
      </c>
      <c r="MZ15" s="120">
        <v>9315091</v>
      </c>
      <c r="NA15" s="143">
        <v>9315091</v>
      </c>
      <c r="NB15" s="142">
        <v>0</v>
      </c>
      <c r="NC15" s="119">
        <v>0</v>
      </c>
      <c r="ND15" s="120">
        <v>0</v>
      </c>
      <c r="NE15" s="145"/>
      <c r="NF15" s="119">
        <v>579919</v>
      </c>
      <c r="NG15" s="119">
        <v>595281</v>
      </c>
      <c r="NH15" s="119">
        <v>2128925</v>
      </c>
      <c r="NI15" s="119">
        <v>2423704</v>
      </c>
      <c r="NJ15" s="119">
        <v>1368079</v>
      </c>
      <c r="NK15" s="120">
        <v>7095908</v>
      </c>
      <c r="NL15" s="321">
        <v>7095908</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0</v>
      </c>
      <c r="OG15" s="120">
        <v>0</v>
      </c>
      <c r="OH15" s="121">
        <v>0</v>
      </c>
      <c r="OI15" s="142">
        <v>1364815</v>
      </c>
      <c r="OJ15" s="119">
        <v>1647285</v>
      </c>
      <c r="OK15" s="141">
        <v>3012100</v>
      </c>
      <c r="OL15" s="118">
        <v>0</v>
      </c>
      <c r="OM15" s="119">
        <v>14080077</v>
      </c>
      <c r="ON15" s="119">
        <v>14880638</v>
      </c>
      <c r="OO15" s="119">
        <v>19322684</v>
      </c>
      <c r="OP15" s="119">
        <v>23549617</v>
      </c>
      <c r="OQ15" s="119">
        <v>18928037</v>
      </c>
      <c r="OR15" s="120">
        <v>90761053</v>
      </c>
      <c r="OS15" s="143">
        <v>93773153</v>
      </c>
    </row>
    <row r="16" spans="1:409" ht="20.25" customHeight="1" x14ac:dyDescent="0.2">
      <c r="B16" s="126" t="s">
        <v>10</v>
      </c>
      <c r="C16" s="110">
        <v>1475748</v>
      </c>
      <c r="D16" s="114">
        <v>2206293</v>
      </c>
      <c r="E16" s="113">
        <v>3682041</v>
      </c>
      <c r="F16" s="172">
        <v>0</v>
      </c>
      <c r="G16" s="114">
        <v>17578849</v>
      </c>
      <c r="H16" s="114">
        <v>14595327</v>
      </c>
      <c r="I16" s="114">
        <v>13467056</v>
      </c>
      <c r="J16" s="114">
        <v>13271920</v>
      </c>
      <c r="K16" s="114">
        <v>12852523</v>
      </c>
      <c r="L16" s="109">
        <v>71765675</v>
      </c>
      <c r="M16" s="116">
        <v>75447716</v>
      </c>
      <c r="N16" s="110">
        <v>603692</v>
      </c>
      <c r="O16" s="114">
        <v>1017696</v>
      </c>
      <c r="P16" s="113">
        <v>1621388</v>
      </c>
      <c r="Q16" s="110">
        <v>0</v>
      </c>
      <c r="R16" s="114">
        <v>6169326</v>
      </c>
      <c r="S16" s="114">
        <v>5113707</v>
      </c>
      <c r="T16" s="114">
        <v>4618445</v>
      </c>
      <c r="U16" s="114">
        <v>5715566</v>
      </c>
      <c r="V16" s="114">
        <v>6343168</v>
      </c>
      <c r="W16" s="113">
        <v>27960212</v>
      </c>
      <c r="X16" s="116">
        <v>29581600</v>
      </c>
      <c r="Y16" s="110">
        <v>0</v>
      </c>
      <c r="Z16" s="114">
        <v>0</v>
      </c>
      <c r="AA16" s="113">
        <v>0</v>
      </c>
      <c r="AB16" s="110">
        <v>0</v>
      </c>
      <c r="AC16" s="114">
        <v>3219248</v>
      </c>
      <c r="AD16" s="114">
        <v>2239884</v>
      </c>
      <c r="AE16" s="114">
        <v>2920292</v>
      </c>
      <c r="AF16" s="114">
        <v>3541004</v>
      </c>
      <c r="AG16" s="114">
        <v>3578072</v>
      </c>
      <c r="AH16" s="113">
        <v>15498500</v>
      </c>
      <c r="AI16" s="116">
        <v>15498500</v>
      </c>
      <c r="AJ16" s="110">
        <v>0</v>
      </c>
      <c r="AK16" s="114">
        <v>0</v>
      </c>
      <c r="AL16" s="113">
        <v>0</v>
      </c>
      <c r="AM16" s="110">
        <v>0</v>
      </c>
      <c r="AN16" s="114">
        <v>52757</v>
      </c>
      <c r="AO16" s="114">
        <v>76064</v>
      </c>
      <c r="AP16" s="114">
        <v>0</v>
      </c>
      <c r="AQ16" s="114">
        <v>166957</v>
      </c>
      <c r="AR16" s="114">
        <v>568417</v>
      </c>
      <c r="AS16" s="113">
        <v>864195</v>
      </c>
      <c r="AT16" s="116">
        <v>864195</v>
      </c>
      <c r="AU16" s="110">
        <v>319119</v>
      </c>
      <c r="AV16" s="114">
        <v>701500</v>
      </c>
      <c r="AW16" s="113">
        <v>1020619</v>
      </c>
      <c r="AX16" s="110">
        <v>0</v>
      </c>
      <c r="AY16" s="114">
        <v>1776729</v>
      </c>
      <c r="AZ16" s="114">
        <v>1883960</v>
      </c>
      <c r="BA16" s="114">
        <v>797383</v>
      </c>
      <c r="BB16" s="114">
        <v>819796</v>
      </c>
      <c r="BC16" s="114">
        <v>1106823</v>
      </c>
      <c r="BD16" s="113">
        <v>6384691</v>
      </c>
      <c r="BE16" s="116">
        <v>7405310</v>
      </c>
      <c r="BF16" s="110">
        <v>91086</v>
      </c>
      <c r="BG16" s="114">
        <v>153250</v>
      </c>
      <c r="BH16" s="112">
        <v>244336</v>
      </c>
      <c r="BI16" s="111">
        <v>0</v>
      </c>
      <c r="BJ16" s="114">
        <v>107293</v>
      </c>
      <c r="BK16" s="114">
        <v>169097</v>
      </c>
      <c r="BL16" s="114">
        <v>122461</v>
      </c>
      <c r="BM16" s="114">
        <v>186284</v>
      </c>
      <c r="BN16" s="114">
        <v>153039</v>
      </c>
      <c r="BO16" s="113">
        <v>738174</v>
      </c>
      <c r="BP16" s="116">
        <v>982510</v>
      </c>
      <c r="BQ16" s="110">
        <v>193487</v>
      </c>
      <c r="BR16" s="114">
        <v>162946</v>
      </c>
      <c r="BS16" s="113">
        <v>356433</v>
      </c>
      <c r="BT16" s="110">
        <v>0</v>
      </c>
      <c r="BU16" s="114">
        <v>1013299</v>
      </c>
      <c r="BV16" s="114">
        <v>744702</v>
      </c>
      <c r="BW16" s="114">
        <v>778309</v>
      </c>
      <c r="BX16" s="114">
        <v>1001525</v>
      </c>
      <c r="BY16" s="114">
        <v>936817</v>
      </c>
      <c r="BZ16" s="113">
        <v>4474652</v>
      </c>
      <c r="CA16" s="116">
        <v>4831085</v>
      </c>
      <c r="CB16" s="110">
        <v>70895</v>
      </c>
      <c r="CC16" s="114">
        <v>137837</v>
      </c>
      <c r="CD16" s="113">
        <v>208732</v>
      </c>
      <c r="CE16" s="110">
        <v>0</v>
      </c>
      <c r="CF16" s="114">
        <v>5909590</v>
      </c>
      <c r="CG16" s="114">
        <v>3694334</v>
      </c>
      <c r="CH16" s="114">
        <v>2987403</v>
      </c>
      <c r="CI16" s="114">
        <v>1310196</v>
      </c>
      <c r="CJ16" s="114">
        <v>359242</v>
      </c>
      <c r="CK16" s="113">
        <v>14260765</v>
      </c>
      <c r="CL16" s="116">
        <v>14469497</v>
      </c>
      <c r="CM16" s="110">
        <v>0</v>
      </c>
      <c r="CN16" s="114">
        <v>0</v>
      </c>
      <c r="CO16" s="113">
        <v>0</v>
      </c>
      <c r="CP16" s="111">
        <v>0</v>
      </c>
      <c r="CQ16" s="114">
        <v>5138233</v>
      </c>
      <c r="CR16" s="114">
        <v>3172856</v>
      </c>
      <c r="CS16" s="114">
        <v>2381785</v>
      </c>
      <c r="CT16" s="114">
        <v>1037336</v>
      </c>
      <c r="CU16" s="114">
        <v>229622</v>
      </c>
      <c r="CV16" s="113">
        <v>11959832</v>
      </c>
      <c r="CW16" s="116">
        <v>11959832</v>
      </c>
      <c r="CX16" s="110">
        <v>70895</v>
      </c>
      <c r="CY16" s="114">
        <v>137837</v>
      </c>
      <c r="CZ16" s="113">
        <v>208732</v>
      </c>
      <c r="DA16" s="110">
        <v>0</v>
      </c>
      <c r="DB16" s="114">
        <v>771357</v>
      </c>
      <c r="DC16" s="114">
        <v>521478</v>
      </c>
      <c r="DD16" s="114">
        <v>605618</v>
      </c>
      <c r="DE16" s="114">
        <v>272860</v>
      </c>
      <c r="DF16" s="114">
        <v>129620</v>
      </c>
      <c r="DG16" s="113">
        <v>2300933</v>
      </c>
      <c r="DH16" s="116">
        <v>2509665</v>
      </c>
      <c r="DI16" s="110">
        <v>14580</v>
      </c>
      <c r="DJ16" s="114">
        <v>70781</v>
      </c>
      <c r="DK16" s="112">
        <v>85361</v>
      </c>
      <c r="DL16" s="111">
        <v>0</v>
      </c>
      <c r="DM16" s="114">
        <v>767927</v>
      </c>
      <c r="DN16" s="114">
        <v>398944</v>
      </c>
      <c r="DO16" s="114">
        <v>1028270</v>
      </c>
      <c r="DP16" s="114">
        <v>474557</v>
      </c>
      <c r="DQ16" s="114">
        <v>571464</v>
      </c>
      <c r="DR16" s="113">
        <v>3241162</v>
      </c>
      <c r="DS16" s="116">
        <v>3326523</v>
      </c>
      <c r="DT16" s="110">
        <v>14580</v>
      </c>
      <c r="DU16" s="114">
        <v>70781</v>
      </c>
      <c r="DV16" s="113">
        <v>85361</v>
      </c>
      <c r="DW16" s="110">
        <v>0</v>
      </c>
      <c r="DX16" s="114">
        <v>689295</v>
      </c>
      <c r="DY16" s="114">
        <v>277632</v>
      </c>
      <c r="DZ16" s="114">
        <v>1028270</v>
      </c>
      <c r="EA16" s="114">
        <v>474557</v>
      </c>
      <c r="EB16" s="114">
        <v>571464</v>
      </c>
      <c r="EC16" s="113">
        <v>3041218</v>
      </c>
      <c r="ED16" s="116">
        <v>3126579</v>
      </c>
      <c r="EE16" s="110">
        <v>0</v>
      </c>
      <c r="EF16" s="112">
        <v>0</v>
      </c>
      <c r="EG16" s="113">
        <v>0</v>
      </c>
      <c r="EH16" s="110">
        <v>0</v>
      </c>
      <c r="EI16" s="114">
        <v>78632</v>
      </c>
      <c r="EJ16" s="114">
        <v>121312</v>
      </c>
      <c r="EK16" s="114">
        <v>0</v>
      </c>
      <c r="EL16" s="114">
        <v>0</v>
      </c>
      <c r="EM16" s="114">
        <v>0</v>
      </c>
      <c r="EN16" s="112">
        <v>199944</v>
      </c>
      <c r="EO16" s="116">
        <v>199944</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8"/>
      <c r="FE16" s="114">
        <v>0</v>
      </c>
      <c r="FF16" s="114">
        <v>0</v>
      </c>
      <c r="FG16" s="114">
        <v>0</v>
      </c>
      <c r="FH16" s="114">
        <v>0</v>
      </c>
      <c r="FI16" s="114">
        <v>0</v>
      </c>
      <c r="FJ16" s="113">
        <v>0</v>
      </c>
      <c r="FK16" s="116">
        <v>0</v>
      </c>
      <c r="FL16" s="110">
        <v>357280</v>
      </c>
      <c r="FM16" s="114">
        <v>493780</v>
      </c>
      <c r="FN16" s="113">
        <v>851060</v>
      </c>
      <c r="FO16" s="110">
        <v>0</v>
      </c>
      <c r="FP16" s="114">
        <v>994126</v>
      </c>
      <c r="FQ16" s="114">
        <v>1650321</v>
      </c>
      <c r="FR16" s="114">
        <v>901763</v>
      </c>
      <c r="FS16" s="114">
        <v>964421</v>
      </c>
      <c r="FT16" s="114">
        <v>1019584</v>
      </c>
      <c r="FU16" s="113">
        <v>5530215</v>
      </c>
      <c r="FV16" s="116">
        <v>6381275</v>
      </c>
      <c r="FW16" s="115">
        <v>211680</v>
      </c>
      <c r="FX16" s="114">
        <v>430780</v>
      </c>
      <c r="FY16" s="112">
        <v>642460</v>
      </c>
      <c r="FZ16" s="111">
        <v>0</v>
      </c>
      <c r="GA16" s="114">
        <v>810768</v>
      </c>
      <c r="GB16" s="114">
        <v>1245454</v>
      </c>
      <c r="GC16" s="114">
        <v>762391</v>
      </c>
      <c r="GD16" s="114">
        <v>796880</v>
      </c>
      <c r="GE16" s="114">
        <v>990016</v>
      </c>
      <c r="GF16" s="113">
        <v>4605509</v>
      </c>
      <c r="GG16" s="319">
        <v>5247969</v>
      </c>
      <c r="GH16" s="115">
        <v>0</v>
      </c>
      <c r="GI16" s="114">
        <v>19600</v>
      </c>
      <c r="GJ16" s="112">
        <v>19600</v>
      </c>
      <c r="GK16" s="111">
        <v>0</v>
      </c>
      <c r="GL16" s="114">
        <v>60158</v>
      </c>
      <c r="GM16" s="114">
        <v>109956</v>
      </c>
      <c r="GN16" s="114">
        <v>62832</v>
      </c>
      <c r="GO16" s="114">
        <v>36834</v>
      </c>
      <c r="GP16" s="114">
        <v>29568</v>
      </c>
      <c r="GQ16" s="113">
        <v>299348</v>
      </c>
      <c r="GR16" s="116">
        <v>318948</v>
      </c>
      <c r="GS16" s="110">
        <v>145600</v>
      </c>
      <c r="GT16" s="114">
        <v>43400</v>
      </c>
      <c r="GU16" s="113">
        <v>189000</v>
      </c>
      <c r="GV16" s="110">
        <v>0</v>
      </c>
      <c r="GW16" s="114">
        <v>123200</v>
      </c>
      <c r="GX16" s="114">
        <v>294911</v>
      </c>
      <c r="GY16" s="114">
        <v>76540</v>
      </c>
      <c r="GZ16" s="114">
        <v>130707</v>
      </c>
      <c r="HA16" s="114">
        <v>0</v>
      </c>
      <c r="HB16" s="112">
        <v>625358</v>
      </c>
      <c r="HC16" s="116">
        <v>814358</v>
      </c>
      <c r="HD16" s="110">
        <v>429301</v>
      </c>
      <c r="HE16" s="114">
        <v>486199</v>
      </c>
      <c r="HF16" s="112">
        <v>915500</v>
      </c>
      <c r="HG16" s="111">
        <v>0</v>
      </c>
      <c r="HH16" s="114">
        <v>3737880</v>
      </c>
      <c r="HI16" s="114">
        <v>3738021</v>
      </c>
      <c r="HJ16" s="114">
        <v>3931175</v>
      </c>
      <c r="HK16" s="114">
        <v>4807180</v>
      </c>
      <c r="HL16" s="114">
        <v>4559065</v>
      </c>
      <c r="HM16" s="113">
        <v>20773321</v>
      </c>
      <c r="HN16" s="109">
        <v>21688821</v>
      </c>
      <c r="HO16" s="329"/>
      <c r="HP16" s="330"/>
      <c r="HQ16" s="331"/>
      <c r="HR16" s="332"/>
      <c r="HS16" s="330"/>
      <c r="HT16" s="330"/>
      <c r="HU16" s="330"/>
      <c r="HV16" s="330"/>
      <c r="HW16" s="330"/>
      <c r="HX16" s="333"/>
      <c r="HY16" s="334"/>
      <c r="HZ16" s="150">
        <v>82454</v>
      </c>
      <c r="IA16" s="135">
        <v>139948</v>
      </c>
      <c r="IB16" s="150">
        <v>222402</v>
      </c>
      <c r="IC16" s="134">
        <v>0</v>
      </c>
      <c r="ID16" s="135">
        <v>3195319</v>
      </c>
      <c r="IE16" s="136">
        <v>2590971</v>
      </c>
      <c r="IF16" s="137">
        <v>3475576</v>
      </c>
      <c r="IG16" s="135">
        <v>3461739</v>
      </c>
      <c r="IH16" s="137">
        <v>5592386</v>
      </c>
      <c r="II16" s="138">
        <v>18315991</v>
      </c>
      <c r="IJ16" s="150">
        <v>18538393</v>
      </c>
      <c r="IK16" s="232">
        <v>0</v>
      </c>
      <c r="IL16" s="236">
        <v>0</v>
      </c>
      <c r="IM16" s="237">
        <v>0</v>
      </c>
      <c r="IN16" s="140"/>
      <c r="IO16" s="119">
        <v>144861</v>
      </c>
      <c r="IP16" s="119">
        <v>209398</v>
      </c>
      <c r="IQ16" s="119">
        <v>0</v>
      </c>
      <c r="IR16" s="119">
        <v>200011</v>
      </c>
      <c r="IS16" s="119">
        <v>0</v>
      </c>
      <c r="IT16" s="141">
        <v>554270</v>
      </c>
      <c r="IU16" s="321">
        <v>554270</v>
      </c>
      <c r="IV16" s="142">
        <v>0</v>
      </c>
      <c r="IW16" s="119">
        <v>0</v>
      </c>
      <c r="IX16" s="120">
        <v>0</v>
      </c>
      <c r="IY16" s="144"/>
      <c r="IZ16" s="119">
        <v>0</v>
      </c>
      <c r="JA16" s="119">
        <v>0</v>
      </c>
      <c r="JB16" s="119">
        <v>9165</v>
      </c>
      <c r="JC16" s="119">
        <v>0</v>
      </c>
      <c r="JD16" s="119">
        <v>6685</v>
      </c>
      <c r="JE16" s="120">
        <v>15850</v>
      </c>
      <c r="JF16" s="121">
        <v>15850</v>
      </c>
      <c r="JG16" s="142">
        <v>0</v>
      </c>
      <c r="JH16" s="119">
        <v>0</v>
      </c>
      <c r="JI16" s="141">
        <v>0</v>
      </c>
      <c r="JJ16" s="118">
        <v>0</v>
      </c>
      <c r="JK16" s="119">
        <v>1298200</v>
      </c>
      <c r="JL16" s="119">
        <v>551253</v>
      </c>
      <c r="JM16" s="119">
        <v>492083</v>
      </c>
      <c r="JN16" s="119">
        <v>437483</v>
      </c>
      <c r="JO16" s="119">
        <v>252141</v>
      </c>
      <c r="JP16" s="120">
        <v>3031160</v>
      </c>
      <c r="JQ16" s="321">
        <v>3031160</v>
      </c>
      <c r="JR16" s="142">
        <v>0</v>
      </c>
      <c r="JS16" s="119">
        <v>0</v>
      </c>
      <c r="JT16" s="141">
        <v>0</v>
      </c>
      <c r="JU16" s="118">
        <v>0</v>
      </c>
      <c r="JV16" s="119">
        <v>161595</v>
      </c>
      <c r="JW16" s="119">
        <v>128137</v>
      </c>
      <c r="JX16" s="119">
        <v>114795</v>
      </c>
      <c r="JY16" s="119">
        <v>0</v>
      </c>
      <c r="JZ16" s="119">
        <v>19579</v>
      </c>
      <c r="KA16" s="120">
        <v>424106</v>
      </c>
      <c r="KB16" s="321">
        <v>424106</v>
      </c>
      <c r="KC16" s="234">
        <v>82454</v>
      </c>
      <c r="KD16" s="230">
        <v>139948</v>
      </c>
      <c r="KE16" s="120">
        <v>222402</v>
      </c>
      <c r="KF16" s="118">
        <v>0</v>
      </c>
      <c r="KG16" s="119">
        <v>314186</v>
      </c>
      <c r="KH16" s="119">
        <v>146038</v>
      </c>
      <c r="KI16" s="119">
        <v>827167</v>
      </c>
      <c r="KJ16" s="119">
        <v>443742</v>
      </c>
      <c r="KK16" s="119">
        <v>786238</v>
      </c>
      <c r="KL16" s="120">
        <v>2517371</v>
      </c>
      <c r="KM16" s="143">
        <v>2739773</v>
      </c>
      <c r="KN16" s="232">
        <v>0</v>
      </c>
      <c r="KO16" s="236">
        <v>0</v>
      </c>
      <c r="KP16" s="237">
        <v>0</v>
      </c>
      <c r="KQ16" s="140">
        <v>0</v>
      </c>
      <c r="KR16" s="119">
        <v>600308</v>
      </c>
      <c r="KS16" s="119">
        <v>1259676</v>
      </c>
      <c r="KT16" s="119">
        <v>1287721</v>
      </c>
      <c r="KU16" s="119">
        <v>1319167</v>
      </c>
      <c r="KV16" s="119">
        <v>1336135</v>
      </c>
      <c r="KW16" s="120">
        <v>5803007</v>
      </c>
      <c r="KX16" s="321">
        <v>5803007</v>
      </c>
      <c r="KY16" s="142">
        <v>0</v>
      </c>
      <c r="KZ16" s="119">
        <v>0</v>
      </c>
      <c r="LA16" s="120">
        <v>0</v>
      </c>
      <c r="LB16" s="145"/>
      <c r="LC16" s="119">
        <v>326144</v>
      </c>
      <c r="LD16" s="119">
        <v>296469</v>
      </c>
      <c r="LE16" s="119">
        <v>663795</v>
      </c>
      <c r="LF16" s="119">
        <v>180805</v>
      </c>
      <c r="LG16" s="119">
        <v>1396399</v>
      </c>
      <c r="LH16" s="120">
        <v>2863612</v>
      </c>
      <c r="LI16" s="121">
        <v>2863612</v>
      </c>
      <c r="LJ16" s="142">
        <v>0</v>
      </c>
      <c r="LK16" s="119">
        <v>0</v>
      </c>
      <c r="LL16" s="120">
        <v>0</v>
      </c>
      <c r="LM16" s="145"/>
      <c r="LN16" s="119">
        <v>0</v>
      </c>
      <c r="LO16" s="119">
        <v>0</v>
      </c>
      <c r="LP16" s="119">
        <v>0</v>
      </c>
      <c r="LQ16" s="119">
        <v>880531</v>
      </c>
      <c r="LR16" s="119">
        <v>491558</v>
      </c>
      <c r="LS16" s="120">
        <v>1372089</v>
      </c>
      <c r="LT16" s="321">
        <v>1372089</v>
      </c>
      <c r="LU16" s="142">
        <v>0</v>
      </c>
      <c r="LV16" s="119">
        <v>0</v>
      </c>
      <c r="LW16" s="120">
        <v>0</v>
      </c>
      <c r="LX16" s="145"/>
      <c r="LY16" s="119">
        <v>350025</v>
      </c>
      <c r="LZ16" s="119">
        <v>0</v>
      </c>
      <c r="MA16" s="119">
        <v>80850</v>
      </c>
      <c r="MB16" s="119">
        <v>0</v>
      </c>
      <c r="MC16" s="119">
        <v>1303651</v>
      </c>
      <c r="MD16" s="120">
        <v>1734526</v>
      </c>
      <c r="ME16" s="121">
        <v>1734526</v>
      </c>
      <c r="MF16" s="142">
        <v>0</v>
      </c>
      <c r="MG16" s="119">
        <v>0</v>
      </c>
      <c r="MH16" s="120">
        <v>0</v>
      </c>
      <c r="MI16" s="145"/>
      <c r="MJ16" s="119">
        <v>205894</v>
      </c>
      <c r="MK16" s="119">
        <v>1406230</v>
      </c>
      <c r="ML16" s="119">
        <v>4851656</v>
      </c>
      <c r="MM16" s="119">
        <v>5050039</v>
      </c>
      <c r="MN16" s="119">
        <v>4618054</v>
      </c>
      <c r="MO16" s="120">
        <v>16131873</v>
      </c>
      <c r="MP16" s="143">
        <v>16131873</v>
      </c>
      <c r="MQ16" s="142">
        <v>0</v>
      </c>
      <c r="MR16" s="119">
        <v>0</v>
      </c>
      <c r="MS16" s="120">
        <v>0</v>
      </c>
      <c r="MT16" s="145"/>
      <c r="MU16" s="119">
        <v>0</v>
      </c>
      <c r="MV16" s="119">
        <v>393586</v>
      </c>
      <c r="MW16" s="119">
        <v>2635972</v>
      </c>
      <c r="MX16" s="119">
        <v>3794304</v>
      </c>
      <c r="MY16" s="119">
        <v>3423929</v>
      </c>
      <c r="MZ16" s="120">
        <v>10247791</v>
      </c>
      <c r="NA16" s="143">
        <v>10247791</v>
      </c>
      <c r="NB16" s="142">
        <v>0</v>
      </c>
      <c r="NC16" s="119">
        <v>0</v>
      </c>
      <c r="ND16" s="120">
        <v>0</v>
      </c>
      <c r="NE16" s="145"/>
      <c r="NF16" s="119">
        <v>205894</v>
      </c>
      <c r="NG16" s="119">
        <v>1012644</v>
      </c>
      <c r="NH16" s="119">
        <v>2215684</v>
      </c>
      <c r="NI16" s="119">
        <v>1255735</v>
      </c>
      <c r="NJ16" s="119">
        <v>567561</v>
      </c>
      <c r="NK16" s="120">
        <v>5257518</v>
      </c>
      <c r="NL16" s="321">
        <v>5257518</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626564</v>
      </c>
      <c r="OG16" s="120">
        <v>626564</v>
      </c>
      <c r="OH16" s="121">
        <v>626564</v>
      </c>
      <c r="OI16" s="142">
        <v>1558202</v>
      </c>
      <c r="OJ16" s="119">
        <v>2346241</v>
      </c>
      <c r="OK16" s="141">
        <v>3904443</v>
      </c>
      <c r="OL16" s="118">
        <v>0</v>
      </c>
      <c r="OM16" s="119">
        <v>20980062</v>
      </c>
      <c r="ON16" s="119">
        <v>18592528</v>
      </c>
      <c r="OO16" s="119">
        <v>21794288</v>
      </c>
      <c r="OP16" s="119">
        <v>21783698</v>
      </c>
      <c r="OQ16" s="119">
        <v>23062963</v>
      </c>
      <c r="OR16" s="120">
        <v>106213539</v>
      </c>
      <c r="OS16" s="143">
        <v>110117982</v>
      </c>
    </row>
    <row r="17" spans="2:409" ht="20.25" customHeight="1" x14ac:dyDescent="0.2">
      <c r="B17" s="126" t="s">
        <v>11</v>
      </c>
      <c r="C17" s="110">
        <v>366751</v>
      </c>
      <c r="D17" s="114">
        <v>570400</v>
      </c>
      <c r="E17" s="171">
        <v>937151</v>
      </c>
      <c r="F17" s="111">
        <v>0</v>
      </c>
      <c r="G17" s="114">
        <v>5213896</v>
      </c>
      <c r="H17" s="114">
        <v>2836024</v>
      </c>
      <c r="I17" s="114">
        <v>4999358</v>
      </c>
      <c r="J17" s="114">
        <v>5859811</v>
      </c>
      <c r="K17" s="114">
        <v>4909779</v>
      </c>
      <c r="L17" s="109">
        <v>23818868</v>
      </c>
      <c r="M17" s="116">
        <v>24756019</v>
      </c>
      <c r="N17" s="110">
        <v>83709</v>
      </c>
      <c r="O17" s="114">
        <v>101494</v>
      </c>
      <c r="P17" s="113">
        <v>185203</v>
      </c>
      <c r="Q17" s="110">
        <v>0</v>
      </c>
      <c r="R17" s="114">
        <v>1284575</v>
      </c>
      <c r="S17" s="114">
        <v>807925</v>
      </c>
      <c r="T17" s="114">
        <v>1213045</v>
      </c>
      <c r="U17" s="114">
        <v>1722814</v>
      </c>
      <c r="V17" s="114">
        <v>1717167</v>
      </c>
      <c r="W17" s="113">
        <v>6745526</v>
      </c>
      <c r="X17" s="116">
        <v>6930729</v>
      </c>
      <c r="Y17" s="110">
        <v>0</v>
      </c>
      <c r="Z17" s="114">
        <v>0</v>
      </c>
      <c r="AA17" s="113">
        <v>0</v>
      </c>
      <c r="AB17" s="110">
        <v>0</v>
      </c>
      <c r="AC17" s="114">
        <v>381877</v>
      </c>
      <c r="AD17" s="114">
        <v>237185</v>
      </c>
      <c r="AE17" s="114">
        <v>683071</v>
      </c>
      <c r="AF17" s="114">
        <v>884239</v>
      </c>
      <c r="AG17" s="114">
        <v>928831</v>
      </c>
      <c r="AH17" s="113">
        <v>3115203</v>
      </c>
      <c r="AI17" s="116">
        <v>3115203</v>
      </c>
      <c r="AJ17" s="110">
        <v>0</v>
      </c>
      <c r="AK17" s="114">
        <v>0</v>
      </c>
      <c r="AL17" s="113">
        <v>0</v>
      </c>
      <c r="AM17" s="110">
        <v>0</v>
      </c>
      <c r="AN17" s="114">
        <v>0</v>
      </c>
      <c r="AO17" s="114">
        <v>0</v>
      </c>
      <c r="AP17" s="114">
        <v>0</v>
      </c>
      <c r="AQ17" s="114">
        <v>189280</v>
      </c>
      <c r="AR17" s="114">
        <v>161977</v>
      </c>
      <c r="AS17" s="113">
        <v>351257</v>
      </c>
      <c r="AT17" s="116">
        <v>351257</v>
      </c>
      <c r="AU17" s="110">
        <v>51887</v>
      </c>
      <c r="AV17" s="114">
        <v>62779</v>
      </c>
      <c r="AW17" s="113">
        <v>114666</v>
      </c>
      <c r="AX17" s="110">
        <v>0</v>
      </c>
      <c r="AY17" s="114">
        <v>544949</v>
      </c>
      <c r="AZ17" s="114">
        <v>416192</v>
      </c>
      <c r="BA17" s="114">
        <v>332168</v>
      </c>
      <c r="BB17" s="114">
        <v>462829</v>
      </c>
      <c r="BC17" s="114">
        <v>412243</v>
      </c>
      <c r="BD17" s="113">
        <v>2168381</v>
      </c>
      <c r="BE17" s="116">
        <v>2283047</v>
      </c>
      <c r="BF17" s="110">
        <v>0</v>
      </c>
      <c r="BG17" s="114">
        <v>36629</v>
      </c>
      <c r="BH17" s="112">
        <v>36629</v>
      </c>
      <c r="BI17" s="111">
        <v>0</v>
      </c>
      <c r="BJ17" s="114">
        <v>140413</v>
      </c>
      <c r="BK17" s="114">
        <v>43563</v>
      </c>
      <c r="BL17" s="114">
        <v>0</v>
      </c>
      <c r="BM17" s="114">
        <v>0</v>
      </c>
      <c r="BN17" s="114">
        <v>53060</v>
      </c>
      <c r="BO17" s="113">
        <v>237036</v>
      </c>
      <c r="BP17" s="116">
        <v>273665</v>
      </c>
      <c r="BQ17" s="110">
        <v>31822</v>
      </c>
      <c r="BR17" s="114">
        <v>2086</v>
      </c>
      <c r="BS17" s="113">
        <v>33908</v>
      </c>
      <c r="BT17" s="110">
        <v>0</v>
      </c>
      <c r="BU17" s="114">
        <v>217336</v>
      </c>
      <c r="BV17" s="114">
        <v>110985</v>
      </c>
      <c r="BW17" s="114">
        <v>197806</v>
      </c>
      <c r="BX17" s="114">
        <v>186466</v>
      </c>
      <c r="BY17" s="114">
        <v>161056</v>
      </c>
      <c r="BZ17" s="113">
        <v>873649</v>
      </c>
      <c r="CA17" s="116">
        <v>907557</v>
      </c>
      <c r="CB17" s="110">
        <v>74733</v>
      </c>
      <c r="CC17" s="114">
        <v>105464</v>
      </c>
      <c r="CD17" s="113">
        <v>180197</v>
      </c>
      <c r="CE17" s="110">
        <v>0</v>
      </c>
      <c r="CF17" s="114">
        <v>1264087</v>
      </c>
      <c r="CG17" s="114">
        <v>1034140</v>
      </c>
      <c r="CH17" s="114">
        <v>1360952</v>
      </c>
      <c r="CI17" s="114">
        <v>1108485</v>
      </c>
      <c r="CJ17" s="114">
        <v>516308</v>
      </c>
      <c r="CK17" s="113">
        <v>5283972</v>
      </c>
      <c r="CL17" s="116">
        <v>5464169</v>
      </c>
      <c r="CM17" s="110">
        <v>0</v>
      </c>
      <c r="CN17" s="114">
        <v>0</v>
      </c>
      <c r="CO17" s="113">
        <v>0</v>
      </c>
      <c r="CP17" s="111">
        <v>0</v>
      </c>
      <c r="CQ17" s="114">
        <v>864926</v>
      </c>
      <c r="CR17" s="114">
        <v>823582</v>
      </c>
      <c r="CS17" s="114">
        <v>892939</v>
      </c>
      <c r="CT17" s="114">
        <v>924785</v>
      </c>
      <c r="CU17" s="114">
        <v>401882</v>
      </c>
      <c r="CV17" s="113">
        <v>3908114</v>
      </c>
      <c r="CW17" s="116">
        <v>3908114</v>
      </c>
      <c r="CX17" s="110">
        <v>74733</v>
      </c>
      <c r="CY17" s="114">
        <v>105464</v>
      </c>
      <c r="CZ17" s="113">
        <v>180197</v>
      </c>
      <c r="DA17" s="110">
        <v>0</v>
      </c>
      <c r="DB17" s="114">
        <v>399161</v>
      </c>
      <c r="DC17" s="114">
        <v>210558</v>
      </c>
      <c r="DD17" s="114">
        <v>468013</v>
      </c>
      <c r="DE17" s="114">
        <v>183700</v>
      </c>
      <c r="DF17" s="114">
        <v>114426</v>
      </c>
      <c r="DG17" s="113">
        <v>1375858</v>
      </c>
      <c r="DH17" s="116">
        <v>1556055</v>
      </c>
      <c r="DI17" s="110">
        <v>9053</v>
      </c>
      <c r="DJ17" s="114">
        <v>12362</v>
      </c>
      <c r="DK17" s="112">
        <v>21415</v>
      </c>
      <c r="DL17" s="111">
        <v>0</v>
      </c>
      <c r="DM17" s="114">
        <v>79366</v>
      </c>
      <c r="DN17" s="114">
        <v>131982</v>
      </c>
      <c r="DO17" s="114">
        <v>405226</v>
      </c>
      <c r="DP17" s="114">
        <v>298570</v>
      </c>
      <c r="DQ17" s="114">
        <v>53400</v>
      </c>
      <c r="DR17" s="113">
        <v>968544</v>
      </c>
      <c r="DS17" s="116">
        <v>989959</v>
      </c>
      <c r="DT17" s="110">
        <v>9053</v>
      </c>
      <c r="DU17" s="114">
        <v>12362</v>
      </c>
      <c r="DV17" s="113">
        <v>21415</v>
      </c>
      <c r="DW17" s="110">
        <v>0</v>
      </c>
      <c r="DX17" s="114">
        <v>79366</v>
      </c>
      <c r="DY17" s="114">
        <v>131982</v>
      </c>
      <c r="DZ17" s="114">
        <v>67394</v>
      </c>
      <c r="EA17" s="114">
        <v>147202</v>
      </c>
      <c r="EB17" s="114">
        <v>53400</v>
      </c>
      <c r="EC17" s="113">
        <v>479344</v>
      </c>
      <c r="ED17" s="116">
        <v>500759</v>
      </c>
      <c r="EE17" s="110">
        <v>0</v>
      </c>
      <c r="EF17" s="112">
        <v>0</v>
      </c>
      <c r="EG17" s="113">
        <v>0</v>
      </c>
      <c r="EH17" s="110">
        <v>0</v>
      </c>
      <c r="EI17" s="114">
        <v>0</v>
      </c>
      <c r="EJ17" s="114">
        <v>0</v>
      </c>
      <c r="EK17" s="114">
        <v>337832</v>
      </c>
      <c r="EL17" s="114">
        <v>151368</v>
      </c>
      <c r="EM17" s="114">
        <v>0</v>
      </c>
      <c r="EN17" s="112">
        <v>489200</v>
      </c>
      <c r="EO17" s="116">
        <v>489200</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8"/>
      <c r="FE17" s="114">
        <v>0</v>
      </c>
      <c r="FF17" s="114">
        <v>0</v>
      </c>
      <c r="FG17" s="114">
        <v>0</v>
      </c>
      <c r="FH17" s="114">
        <v>0</v>
      </c>
      <c r="FI17" s="114">
        <v>0</v>
      </c>
      <c r="FJ17" s="113">
        <v>0</v>
      </c>
      <c r="FK17" s="116">
        <v>0</v>
      </c>
      <c r="FL17" s="110">
        <v>55328</v>
      </c>
      <c r="FM17" s="114">
        <v>110558</v>
      </c>
      <c r="FN17" s="113">
        <v>165886</v>
      </c>
      <c r="FO17" s="110">
        <v>0</v>
      </c>
      <c r="FP17" s="114">
        <v>178668</v>
      </c>
      <c r="FQ17" s="114">
        <v>266931</v>
      </c>
      <c r="FR17" s="114">
        <v>375151</v>
      </c>
      <c r="FS17" s="114">
        <v>318234</v>
      </c>
      <c r="FT17" s="114">
        <v>256760</v>
      </c>
      <c r="FU17" s="113">
        <v>1395744</v>
      </c>
      <c r="FV17" s="116">
        <v>1561630</v>
      </c>
      <c r="FW17" s="115">
        <v>55328</v>
      </c>
      <c r="FX17" s="114">
        <v>110558</v>
      </c>
      <c r="FY17" s="112">
        <v>165886</v>
      </c>
      <c r="FZ17" s="111">
        <v>0</v>
      </c>
      <c r="GA17" s="114">
        <v>178668</v>
      </c>
      <c r="GB17" s="114">
        <v>266931</v>
      </c>
      <c r="GC17" s="114">
        <v>375151</v>
      </c>
      <c r="GD17" s="114">
        <v>318234</v>
      </c>
      <c r="GE17" s="114">
        <v>256760</v>
      </c>
      <c r="GF17" s="113">
        <v>1395744</v>
      </c>
      <c r="GG17" s="319">
        <v>1561630</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143928</v>
      </c>
      <c r="HE17" s="114">
        <v>240522</v>
      </c>
      <c r="HF17" s="112">
        <v>384450</v>
      </c>
      <c r="HG17" s="111">
        <v>0</v>
      </c>
      <c r="HH17" s="114">
        <v>2407200</v>
      </c>
      <c r="HI17" s="114">
        <v>595046</v>
      </c>
      <c r="HJ17" s="114">
        <v>1644984</v>
      </c>
      <c r="HK17" s="114">
        <v>2411708</v>
      </c>
      <c r="HL17" s="114">
        <v>2366144</v>
      </c>
      <c r="HM17" s="113">
        <v>9425082</v>
      </c>
      <c r="HN17" s="109">
        <v>9809532</v>
      </c>
      <c r="HO17" s="329"/>
      <c r="HP17" s="330"/>
      <c r="HQ17" s="331"/>
      <c r="HR17" s="332"/>
      <c r="HS17" s="330"/>
      <c r="HT17" s="330"/>
      <c r="HU17" s="330"/>
      <c r="HV17" s="330"/>
      <c r="HW17" s="330"/>
      <c r="HX17" s="333"/>
      <c r="HY17" s="334"/>
      <c r="HZ17" s="131">
        <v>0</v>
      </c>
      <c r="IA17" s="132">
        <v>0</v>
      </c>
      <c r="IB17" s="133">
        <v>0</v>
      </c>
      <c r="IC17" s="146">
        <v>0</v>
      </c>
      <c r="ID17" s="132">
        <v>871394</v>
      </c>
      <c r="IE17" s="147">
        <v>973574</v>
      </c>
      <c r="IF17" s="133">
        <v>968168</v>
      </c>
      <c r="IG17" s="132">
        <v>480658</v>
      </c>
      <c r="IH17" s="133">
        <v>432784</v>
      </c>
      <c r="II17" s="148">
        <v>3726578</v>
      </c>
      <c r="IJ17" s="139">
        <v>3726578</v>
      </c>
      <c r="IK17" s="232">
        <v>0</v>
      </c>
      <c r="IL17" s="236">
        <v>0</v>
      </c>
      <c r="IM17" s="237">
        <v>0</v>
      </c>
      <c r="IN17" s="140"/>
      <c r="IO17" s="119">
        <v>131081</v>
      </c>
      <c r="IP17" s="119">
        <v>108383</v>
      </c>
      <c r="IQ17" s="119">
        <v>113050</v>
      </c>
      <c r="IR17" s="119">
        <v>0</v>
      </c>
      <c r="IS17" s="119">
        <v>0</v>
      </c>
      <c r="IT17" s="141">
        <v>352514</v>
      </c>
      <c r="IU17" s="321">
        <v>352514</v>
      </c>
      <c r="IV17" s="142">
        <v>0</v>
      </c>
      <c r="IW17" s="119">
        <v>0</v>
      </c>
      <c r="IX17" s="120">
        <v>0</v>
      </c>
      <c r="IY17" s="144"/>
      <c r="IZ17" s="119">
        <v>0</v>
      </c>
      <c r="JA17" s="119">
        <v>0</v>
      </c>
      <c r="JB17" s="119">
        <v>0</v>
      </c>
      <c r="JC17" s="119">
        <v>0</v>
      </c>
      <c r="JD17" s="119">
        <v>0</v>
      </c>
      <c r="JE17" s="120">
        <v>0</v>
      </c>
      <c r="JF17" s="121">
        <v>0</v>
      </c>
      <c r="JG17" s="142">
        <v>0</v>
      </c>
      <c r="JH17" s="119">
        <v>0</v>
      </c>
      <c r="JI17" s="141">
        <v>0</v>
      </c>
      <c r="JJ17" s="118">
        <v>0</v>
      </c>
      <c r="JK17" s="119">
        <v>572109</v>
      </c>
      <c r="JL17" s="119">
        <v>85977</v>
      </c>
      <c r="JM17" s="119">
        <v>445362</v>
      </c>
      <c r="JN17" s="119">
        <v>42754</v>
      </c>
      <c r="JO17" s="119">
        <v>89191</v>
      </c>
      <c r="JP17" s="120">
        <v>1235393</v>
      </c>
      <c r="JQ17" s="321">
        <v>1235393</v>
      </c>
      <c r="JR17" s="142">
        <v>0</v>
      </c>
      <c r="JS17" s="119">
        <v>0</v>
      </c>
      <c r="JT17" s="141">
        <v>0</v>
      </c>
      <c r="JU17" s="118">
        <v>0</v>
      </c>
      <c r="JV17" s="119">
        <v>0</v>
      </c>
      <c r="JW17" s="119">
        <v>0</v>
      </c>
      <c r="JX17" s="119">
        <v>0</v>
      </c>
      <c r="JY17" s="119">
        <v>0</v>
      </c>
      <c r="JZ17" s="119">
        <v>122029</v>
      </c>
      <c r="KA17" s="120">
        <v>122029</v>
      </c>
      <c r="KB17" s="321">
        <v>122029</v>
      </c>
      <c r="KC17" s="234">
        <v>0</v>
      </c>
      <c r="KD17" s="230">
        <v>0</v>
      </c>
      <c r="KE17" s="120">
        <v>0</v>
      </c>
      <c r="KF17" s="118">
        <v>0</v>
      </c>
      <c r="KG17" s="119">
        <v>105413</v>
      </c>
      <c r="KH17" s="119">
        <v>152263</v>
      </c>
      <c r="KI17" s="119">
        <v>409756</v>
      </c>
      <c r="KJ17" s="119">
        <v>0</v>
      </c>
      <c r="KK17" s="119">
        <v>0</v>
      </c>
      <c r="KL17" s="120">
        <v>667432</v>
      </c>
      <c r="KM17" s="143">
        <v>667432</v>
      </c>
      <c r="KN17" s="232">
        <v>0</v>
      </c>
      <c r="KO17" s="236">
        <v>0</v>
      </c>
      <c r="KP17" s="237">
        <v>0</v>
      </c>
      <c r="KQ17" s="140">
        <v>0</v>
      </c>
      <c r="KR17" s="119">
        <v>62791</v>
      </c>
      <c r="KS17" s="119">
        <v>626951</v>
      </c>
      <c r="KT17" s="119">
        <v>0</v>
      </c>
      <c r="KU17" s="119">
        <v>437904</v>
      </c>
      <c r="KV17" s="119">
        <v>221564</v>
      </c>
      <c r="KW17" s="120">
        <v>1349210</v>
      </c>
      <c r="KX17" s="321">
        <v>1349210</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1">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799610</v>
      </c>
      <c r="MK17" s="119">
        <v>106925</v>
      </c>
      <c r="ML17" s="119">
        <v>692114</v>
      </c>
      <c r="MM17" s="119">
        <v>3584261</v>
      </c>
      <c r="MN17" s="119">
        <v>1676832</v>
      </c>
      <c r="MO17" s="120">
        <v>6859742</v>
      </c>
      <c r="MP17" s="143">
        <v>6859742</v>
      </c>
      <c r="MQ17" s="142">
        <v>0</v>
      </c>
      <c r="MR17" s="119">
        <v>0</v>
      </c>
      <c r="MS17" s="120">
        <v>0</v>
      </c>
      <c r="MT17" s="145"/>
      <c r="MU17" s="119">
        <v>0</v>
      </c>
      <c r="MV17" s="119">
        <v>0</v>
      </c>
      <c r="MW17" s="119">
        <v>0</v>
      </c>
      <c r="MX17" s="119">
        <v>2353384</v>
      </c>
      <c r="MY17" s="119">
        <v>1365361</v>
      </c>
      <c r="MZ17" s="120">
        <v>3718745</v>
      </c>
      <c r="NA17" s="143">
        <v>3718745</v>
      </c>
      <c r="NB17" s="142">
        <v>0</v>
      </c>
      <c r="NC17" s="119">
        <v>0</v>
      </c>
      <c r="ND17" s="120">
        <v>0</v>
      </c>
      <c r="NE17" s="145"/>
      <c r="NF17" s="119">
        <v>799610</v>
      </c>
      <c r="NG17" s="119">
        <v>106925</v>
      </c>
      <c r="NH17" s="119">
        <v>692114</v>
      </c>
      <c r="NI17" s="119">
        <v>1230877</v>
      </c>
      <c r="NJ17" s="119">
        <v>311471</v>
      </c>
      <c r="NK17" s="120">
        <v>3140997</v>
      </c>
      <c r="NL17" s="321">
        <v>3140997</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366751</v>
      </c>
      <c r="OJ17" s="119">
        <v>570400</v>
      </c>
      <c r="OK17" s="141">
        <v>937151</v>
      </c>
      <c r="OL17" s="118">
        <v>0</v>
      </c>
      <c r="OM17" s="119">
        <v>6884900</v>
      </c>
      <c r="ON17" s="119">
        <v>3916523</v>
      </c>
      <c r="OO17" s="119">
        <v>6659640</v>
      </c>
      <c r="OP17" s="119">
        <v>9924730</v>
      </c>
      <c r="OQ17" s="119">
        <v>7019395</v>
      </c>
      <c r="OR17" s="120">
        <v>34405188</v>
      </c>
      <c r="OS17" s="143">
        <v>35342339</v>
      </c>
    </row>
    <row r="18" spans="2:409" ht="20.25" customHeight="1" x14ac:dyDescent="0.2">
      <c r="B18" s="126" t="s">
        <v>12</v>
      </c>
      <c r="C18" s="110">
        <v>1144430</v>
      </c>
      <c r="D18" s="114">
        <v>1586366</v>
      </c>
      <c r="E18" s="113">
        <v>2730796</v>
      </c>
      <c r="F18" s="109">
        <v>0</v>
      </c>
      <c r="G18" s="114">
        <v>5502400</v>
      </c>
      <c r="H18" s="170">
        <v>5014692</v>
      </c>
      <c r="I18" s="170">
        <v>6108434</v>
      </c>
      <c r="J18" s="170">
        <v>7579013</v>
      </c>
      <c r="K18" s="170">
        <v>4868901</v>
      </c>
      <c r="L18" s="112">
        <v>29073440</v>
      </c>
      <c r="M18" s="116">
        <v>31804236</v>
      </c>
      <c r="N18" s="110">
        <v>285505</v>
      </c>
      <c r="O18" s="114">
        <v>368395</v>
      </c>
      <c r="P18" s="113">
        <v>653900</v>
      </c>
      <c r="Q18" s="110">
        <v>0</v>
      </c>
      <c r="R18" s="114">
        <v>2015591</v>
      </c>
      <c r="S18" s="114">
        <v>1654250</v>
      </c>
      <c r="T18" s="114">
        <v>1989188</v>
      </c>
      <c r="U18" s="114">
        <v>2433362</v>
      </c>
      <c r="V18" s="114">
        <v>1871651</v>
      </c>
      <c r="W18" s="113">
        <v>9964042</v>
      </c>
      <c r="X18" s="116">
        <v>10617942</v>
      </c>
      <c r="Y18" s="110">
        <v>0</v>
      </c>
      <c r="Z18" s="114">
        <v>0</v>
      </c>
      <c r="AA18" s="113">
        <v>0</v>
      </c>
      <c r="AB18" s="110">
        <v>0</v>
      </c>
      <c r="AC18" s="114">
        <v>1232927</v>
      </c>
      <c r="AD18" s="114">
        <v>991501</v>
      </c>
      <c r="AE18" s="114">
        <v>1213300</v>
      </c>
      <c r="AF18" s="114">
        <v>1635370</v>
      </c>
      <c r="AG18" s="114">
        <v>840027</v>
      </c>
      <c r="AH18" s="113">
        <v>5913125</v>
      </c>
      <c r="AI18" s="116">
        <v>5913125</v>
      </c>
      <c r="AJ18" s="110">
        <v>0</v>
      </c>
      <c r="AK18" s="114">
        <v>0</v>
      </c>
      <c r="AL18" s="113">
        <v>0</v>
      </c>
      <c r="AM18" s="110">
        <v>0</v>
      </c>
      <c r="AN18" s="114">
        <v>0</v>
      </c>
      <c r="AO18" s="114">
        <v>41422</v>
      </c>
      <c r="AP18" s="114">
        <v>0</v>
      </c>
      <c r="AQ18" s="114">
        <v>72495</v>
      </c>
      <c r="AR18" s="114">
        <v>383219</v>
      </c>
      <c r="AS18" s="113">
        <v>497136</v>
      </c>
      <c r="AT18" s="116">
        <v>497136</v>
      </c>
      <c r="AU18" s="110">
        <v>179637</v>
      </c>
      <c r="AV18" s="114">
        <v>310897</v>
      </c>
      <c r="AW18" s="113">
        <v>490534</v>
      </c>
      <c r="AX18" s="110">
        <v>0</v>
      </c>
      <c r="AY18" s="114">
        <v>473816</v>
      </c>
      <c r="AZ18" s="114">
        <v>363114</v>
      </c>
      <c r="BA18" s="114">
        <v>487292</v>
      </c>
      <c r="BB18" s="114">
        <v>354503</v>
      </c>
      <c r="BC18" s="114">
        <v>458152</v>
      </c>
      <c r="BD18" s="113">
        <v>2136877</v>
      </c>
      <c r="BE18" s="116">
        <v>2627411</v>
      </c>
      <c r="BF18" s="110">
        <v>0</v>
      </c>
      <c r="BG18" s="114">
        <v>0</v>
      </c>
      <c r="BH18" s="112">
        <v>0</v>
      </c>
      <c r="BI18" s="111">
        <v>0</v>
      </c>
      <c r="BJ18" s="114">
        <v>62259</v>
      </c>
      <c r="BK18" s="114">
        <v>77179</v>
      </c>
      <c r="BL18" s="114">
        <v>0</v>
      </c>
      <c r="BM18" s="114">
        <v>34672</v>
      </c>
      <c r="BN18" s="114">
        <v>0</v>
      </c>
      <c r="BO18" s="113">
        <v>174110</v>
      </c>
      <c r="BP18" s="116">
        <v>174110</v>
      </c>
      <c r="BQ18" s="110">
        <v>105868</v>
      </c>
      <c r="BR18" s="114">
        <v>57498</v>
      </c>
      <c r="BS18" s="113">
        <v>163366</v>
      </c>
      <c r="BT18" s="110">
        <v>0</v>
      </c>
      <c r="BU18" s="114">
        <v>246589</v>
      </c>
      <c r="BV18" s="114">
        <v>181034</v>
      </c>
      <c r="BW18" s="114">
        <v>288596</v>
      </c>
      <c r="BX18" s="114">
        <v>336322</v>
      </c>
      <c r="BY18" s="114">
        <v>190253</v>
      </c>
      <c r="BZ18" s="113">
        <v>1242794</v>
      </c>
      <c r="CA18" s="116">
        <v>1406160</v>
      </c>
      <c r="CB18" s="110">
        <v>249116</v>
      </c>
      <c r="CC18" s="114">
        <v>408552</v>
      </c>
      <c r="CD18" s="113">
        <v>657668</v>
      </c>
      <c r="CE18" s="110">
        <v>0</v>
      </c>
      <c r="CF18" s="114">
        <v>2105235</v>
      </c>
      <c r="CG18" s="114">
        <v>1819524</v>
      </c>
      <c r="CH18" s="114">
        <v>1363842</v>
      </c>
      <c r="CI18" s="114">
        <v>1595487</v>
      </c>
      <c r="CJ18" s="114">
        <v>573219</v>
      </c>
      <c r="CK18" s="113">
        <v>7457307</v>
      </c>
      <c r="CL18" s="116">
        <v>8114975</v>
      </c>
      <c r="CM18" s="110">
        <v>0</v>
      </c>
      <c r="CN18" s="114">
        <v>0</v>
      </c>
      <c r="CO18" s="113">
        <v>0</v>
      </c>
      <c r="CP18" s="111">
        <v>0</v>
      </c>
      <c r="CQ18" s="114">
        <v>1644581</v>
      </c>
      <c r="CR18" s="114">
        <v>1298594</v>
      </c>
      <c r="CS18" s="114">
        <v>776258</v>
      </c>
      <c r="CT18" s="114">
        <v>1139932</v>
      </c>
      <c r="CU18" s="114">
        <v>337802</v>
      </c>
      <c r="CV18" s="113">
        <v>5197167</v>
      </c>
      <c r="CW18" s="116">
        <v>5197167</v>
      </c>
      <c r="CX18" s="110">
        <v>249116</v>
      </c>
      <c r="CY18" s="114">
        <v>408552</v>
      </c>
      <c r="CZ18" s="113">
        <v>657668</v>
      </c>
      <c r="DA18" s="110">
        <v>0</v>
      </c>
      <c r="DB18" s="114">
        <v>460654</v>
      </c>
      <c r="DC18" s="114">
        <v>520930</v>
      </c>
      <c r="DD18" s="114">
        <v>587584</v>
      </c>
      <c r="DE18" s="114">
        <v>455555</v>
      </c>
      <c r="DF18" s="114">
        <v>235417</v>
      </c>
      <c r="DG18" s="113">
        <v>2260140</v>
      </c>
      <c r="DH18" s="116">
        <v>2917808</v>
      </c>
      <c r="DI18" s="110">
        <v>0</v>
      </c>
      <c r="DJ18" s="114">
        <v>34871</v>
      </c>
      <c r="DK18" s="112">
        <v>34871</v>
      </c>
      <c r="DL18" s="111">
        <v>0</v>
      </c>
      <c r="DM18" s="114">
        <v>280668</v>
      </c>
      <c r="DN18" s="114">
        <v>86750</v>
      </c>
      <c r="DO18" s="114">
        <v>764598</v>
      </c>
      <c r="DP18" s="114">
        <v>615333</v>
      </c>
      <c r="DQ18" s="114">
        <v>354732</v>
      </c>
      <c r="DR18" s="113">
        <v>2102081</v>
      </c>
      <c r="DS18" s="116">
        <v>2136952</v>
      </c>
      <c r="DT18" s="110">
        <v>0</v>
      </c>
      <c r="DU18" s="114">
        <v>34871</v>
      </c>
      <c r="DV18" s="113">
        <v>34871</v>
      </c>
      <c r="DW18" s="110">
        <v>0</v>
      </c>
      <c r="DX18" s="114">
        <v>280668</v>
      </c>
      <c r="DY18" s="114">
        <v>86750</v>
      </c>
      <c r="DZ18" s="114">
        <v>764598</v>
      </c>
      <c r="EA18" s="114">
        <v>615333</v>
      </c>
      <c r="EB18" s="114">
        <v>314083</v>
      </c>
      <c r="EC18" s="113">
        <v>2061432</v>
      </c>
      <c r="ED18" s="116">
        <v>2096303</v>
      </c>
      <c r="EE18" s="110">
        <v>0</v>
      </c>
      <c r="EF18" s="112">
        <v>0</v>
      </c>
      <c r="EG18" s="113">
        <v>0</v>
      </c>
      <c r="EH18" s="110">
        <v>0</v>
      </c>
      <c r="EI18" s="114">
        <v>0</v>
      </c>
      <c r="EJ18" s="114">
        <v>0</v>
      </c>
      <c r="EK18" s="114">
        <v>0</v>
      </c>
      <c r="EL18" s="114">
        <v>0</v>
      </c>
      <c r="EM18" s="114">
        <v>40649</v>
      </c>
      <c r="EN18" s="112">
        <v>40649</v>
      </c>
      <c r="EO18" s="116">
        <v>40649</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8"/>
      <c r="FE18" s="114">
        <v>0</v>
      </c>
      <c r="FF18" s="114">
        <v>0</v>
      </c>
      <c r="FG18" s="114">
        <v>0</v>
      </c>
      <c r="FH18" s="114">
        <v>0</v>
      </c>
      <c r="FI18" s="114">
        <v>0</v>
      </c>
      <c r="FJ18" s="113">
        <v>0</v>
      </c>
      <c r="FK18" s="116">
        <v>0</v>
      </c>
      <c r="FL18" s="110">
        <v>335524</v>
      </c>
      <c r="FM18" s="114">
        <v>372631</v>
      </c>
      <c r="FN18" s="113">
        <v>708155</v>
      </c>
      <c r="FO18" s="110">
        <v>0</v>
      </c>
      <c r="FP18" s="114">
        <v>151305</v>
      </c>
      <c r="FQ18" s="114">
        <v>446803</v>
      </c>
      <c r="FR18" s="114">
        <v>648655</v>
      </c>
      <c r="FS18" s="114">
        <v>722645</v>
      </c>
      <c r="FT18" s="114">
        <v>398265</v>
      </c>
      <c r="FU18" s="113">
        <v>2367673</v>
      </c>
      <c r="FV18" s="116">
        <v>3075828</v>
      </c>
      <c r="FW18" s="115">
        <v>102424</v>
      </c>
      <c r="FX18" s="114">
        <v>211841</v>
      </c>
      <c r="FY18" s="112">
        <v>314265</v>
      </c>
      <c r="FZ18" s="111">
        <v>0</v>
      </c>
      <c r="GA18" s="114">
        <v>110033</v>
      </c>
      <c r="GB18" s="114">
        <v>446803</v>
      </c>
      <c r="GC18" s="114">
        <v>521465</v>
      </c>
      <c r="GD18" s="114">
        <v>652645</v>
      </c>
      <c r="GE18" s="114">
        <v>398265</v>
      </c>
      <c r="GF18" s="113">
        <v>2129211</v>
      </c>
      <c r="GG18" s="319">
        <v>2443476</v>
      </c>
      <c r="GH18" s="115">
        <v>13860</v>
      </c>
      <c r="GI18" s="114">
        <v>20790</v>
      </c>
      <c r="GJ18" s="112">
        <v>34650</v>
      </c>
      <c r="GK18" s="111">
        <v>0</v>
      </c>
      <c r="GL18" s="114">
        <v>16632</v>
      </c>
      <c r="GM18" s="114">
        <v>0</v>
      </c>
      <c r="GN18" s="114">
        <v>8470</v>
      </c>
      <c r="GO18" s="114">
        <v>70000</v>
      </c>
      <c r="GP18" s="114">
        <v>0</v>
      </c>
      <c r="GQ18" s="113">
        <v>95102</v>
      </c>
      <c r="GR18" s="116">
        <v>129752</v>
      </c>
      <c r="GS18" s="110">
        <v>219240</v>
      </c>
      <c r="GT18" s="114">
        <v>140000</v>
      </c>
      <c r="GU18" s="113">
        <v>359240</v>
      </c>
      <c r="GV18" s="110">
        <v>0</v>
      </c>
      <c r="GW18" s="114">
        <v>24640</v>
      </c>
      <c r="GX18" s="114">
        <v>0</v>
      </c>
      <c r="GY18" s="114">
        <v>118720</v>
      </c>
      <c r="GZ18" s="114">
        <v>0</v>
      </c>
      <c r="HA18" s="114">
        <v>0</v>
      </c>
      <c r="HB18" s="112">
        <v>143360</v>
      </c>
      <c r="HC18" s="116">
        <v>502600</v>
      </c>
      <c r="HD18" s="110">
        <v>274285</v>
      </c>
      <c r="HE18" s="114">
        <v>401917</v>
      </c>
      <c r="HF18" s="112">
        <v>676202</v>
      </c>
      <c r="HG18" s="111">
        <v>0</v>
      </c>
      <c r="HH18" s="114">
        <v>949601</v>
      </c>
      <c r="HI18" s="114">
        <v>1007365</v>
      </c>
      <c r="HJ18" s="114">
        <v>1342151</v>
      </c>
      <c r="HK18" s="114">
        <v>2212186</v>
      </c>
      <c r="HL18" s="114">
        <v>1671034</v>
      </c>
      <c r="HM18" s="113">
        <v>7182337</v>
      </c>
      <c r="HN18" s="109">
        <v>7858539</v>
      </c>
      <c r="HO18" s="329"/>
      <c r="HP18" s="330"/>
      <c r="HQ18" s="331"/>
      <c r="HR18" s="332"/>
      <c r="HS18" s="330"/>
      <c r="HT18" s="330"/>
      <c r="HU18" s="330"/>
      <c r="HV18" s="330"/>
      <c r="HW18" s="330"/>
      <c r="HX18" s="333"/>
      <c r="HY18" s="334"/>
      <c r="HZ18" s="150">
        <v>0</v>
      </c>
      <c r="IA18" s="135">
        <v>0</v>
      </c>
      <c r="IB18" s="150">
        <v>0</v>
      </c>
      <c r="IC18" s="134">
        <v>0</v>
      </c>
      <c r="ID18" s="135">
        <v>1465714</v>
      </c>
      <c r="IE18" s="136">
        <v>1575935</v>
      </c>
      <c r="IF18" s="137">
        <v>890546</v>
      </c>
      <c r="IG18" s="135">
        <v>2081463</v>
      </c>
      <c r="IH18" s="137">
        <v>1202418</v>
      </c>
      <c r="II18" s="138">
        <v>7216076</v>
      </c>
      <c r="IJ18" s="150">
        <v>7216076</v>
      </c>
      <c r="IK18" s="232">
        <v>0</v>
      </c>
      <c r="IL18" s="236">
        <v>0</v>
      </c>
      <c r="IM18" s="237">
        <v>0</v>
      </c>
      <c r="IN18" s="140"/>
      <c r="IO18" s="119">
        <v>66930</v>
      </c>
      <c r="IP18" s="119">
        <v>0</v>
      </c>
      <c r="IQ18" s="119">
        <v>0</v>
      </c>
      <c r="IR18" s="119">
        <v>0</v>
      </c>
      <c r="IS18" s="119">
        <v>0</v>
      </c>
      <c r="IT18" s="141">
        <v>66930</v>
      </c>
      <c r="IU18" s="321">
        <v>6693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760572</v>
      </c>
      <c r="JL18" s="119">
        <v>478014</v>
      </c>
      <c r="JM18" s="119">
        <v>677527</v>
      </c>
      <c r="JN18" s="119">
        <v>284240</v>
      </c>
      <c r="JO18" s="119">
        <v>52645</v>
      </c>
      <c r="JP18" s="120">
        <v>2252998</v>
      </c>
      <c r="JQ18" s="321">
        <v>2252998</v>
      </c>
      <c r="JR18" s="142">
        <v>0</v>
      </c>
      <c r="JS18" s="119">
        <v>0</v>
      </c>
      <c r="JT18" s="141">
        <v>0</v>
      </c>
      <c r="JU18" s="118">
        <v>0</v>
      </c>
      <c r="JV18" s="119">
        <v>0</v>
      </c>
      <c r="JW18" s="119">
        <v>37175</v>
      </c>
      <c r="JX18" s="119">
        <v>0</v>
      </c>
      <c r="JY18" s="119">
        <v>0</v>
      </c>
      <c r="JZ18" s="119">
        <v>0</v>
      </c>
      <c r="KA18" s="120">
        <v>37175</v>
      </c>
      <c r="KB18" s="321">
        <v>37175</v>
      </c>
      <c r="KC18" s="234">
        <v>0</v>
      </c>
      <c r="KD18" s="230">
        <v>0</v>
      </c>
      <c r="KE18" s="120">
        <v>0</v>
      </c>
      <c r="KF18" s="118">
        <v>0</v>
      </c>
      <c r="KG18" s="119">
        <v>106801</v>
      </c>
      <c r="KH18" s="119">
        <v>162484</v>
      </c>
      <c r="KI18" s="119">
        <v>0</v>
      </c>
      <c r="KJ18" s="119">
        <v>459375</v>
      </c>
      <c r="KK18" s="119">
        <v>0</v>
      </c>
      <c r="KL18" s="120">
        <v>728660</v>
      </c>
      <c r="KM18" s="143">
        <v>728660</v>
      </c>
      <c r="KN18" s="232">
        <v>0</v>
      </c>
      <c r="KO18" s="236">
        <v>0</v>
      </c>
      <c r="KP18" s="237">
        <v>0</v>
      </c>
      <c r="KQ18" s="140">
        <v>0</v>
      </c>
      <c r="KR18" s="119">
        <v>531411</v>
      </c>
      <c r="KS18" s="119">
        <v>415345</v>
      </c>
      <c r="KT18" s="119">
        <v>213019</v>
      </c>
      <c r="KU18" s="119">
        <v>434341</v>
      </c>
      <c r="KV18" s="119">
        <v>0</v>
      </c>
      <c r="KW18" s="120">
        <v>1594116</v>
      </c>
      <c r="KX18" s="321">
        <v>1594116</v>
      </c>
      <c r="KY18" s="142">
        <v>0</v>
      </c>
      <c r="KZ18" s="119">
        <v>0</v>
      </c>
      <c r="LA18" s="120">
        <v>0</v>
      </c>
      <c r="LB18" s="145"/>
      <c r="LC18" s="119">
        <v>0</v>
      </c>
      <c r="LD18" s="119">
        <v>307140</v>
      </c>
      <c r="LE18" s="119">
        <v>0</v>
      </c>
      <c r="LF18" s="119">
        <v>371966</v>
      </c>
      <c r="LG18" s="119">
        <v>0</v>
      </c>
      <c r="LH18" s="120">
        <v>679106</v>
      </c>
      <c r="LI18" s="121">
        <v>679106</v>
      </c>
      <c r="LJ18" s="142">
        <v>0</v>
      </c>
      <c r="LK18" s="119">
        <v>0</v>
      </c>
      <c r="LL18" s="120">
        <v>0</v>
      </c>
      <c r="LM18" s="145"/>
      <c r="LN18" s="119">
        <v>0</v>
      </c>
      <c r="LO18" s="119">
        <v>0</v>
      </c>
      <c r="LP18" s="119">
        <v>0</v>
      </c>
      <c r="LQ18" s="119">
        <v>0</v>
      </c>
      <c r="LR18" s="119">
        <v>247978</v>
      </c>
      <c r="LS18" s="120">
        <v>247978</v>
      </c>
      <c r="LT18" s="321">
        <v>247978</v>
      </c>
      <c r="LU18" s="142">
        <v>0</v>
      </c>
      <c r="LV18" s="119">
        <v>0</v>
      </c>
      <c r="LW18" s="120">
        <v>0</v>
      </c>
      <c r="LX18" s="145"/>
      <c r="LY18" s="119">
        <v>0</v>
      </c>
      <c r="LZ18" s="119">
        <v>175777</v>
      </c>
      <c r="MA18" s="119">
        <v>0</v>
      </c>
      <c r="MB18" s="119">
        <v>531541</v>
      </c>
      <c r="MC18" s="119">
        <v>901795</v>
      </c>
      <c r="MD18" s="120">
        <v>1609113</v>
      </c>
      <c r="ME18" s="121">
        <v>1609113</v>
      </c>
      <c r="MF18" s="142">
        <v>0</v>
      </c>
      <c r="MG18" s="119">
        <v>0</v>
      </c>
      <c r="MH18" s="120">
        <v>0</v>
      </c>
      <c r="MI18" s="145"/>
      <c r="MJ18" s="119">
        <v>0</v>
      </c>
      <c r="MK18" s="119">
        <v>823164</v>
      </c>
      <c r="ML18" s="119">
        <v>2478096</v>
      </c>
      <c r="MM18" s="119">
        <v>5692727</v>
      </c>
      <c r="MN18" s="119">
        <v>1662740</v>
      </c>
      <c r="MO18" s="120">
        <v>10656727</v>
      </c>
      <c r="MP18" s="143">
        <v>10656727</v>
      </c>
      <c r="MQ18" s="142">
        <v>0</v>
      </c>
      <c r="MR18" s="119">
        <v>0</v>
      </c>
      <c r="MS18" s="120">
        <v>0</v>
      </c>
      <c r="MT18" s="145"/>
      <c r="MU18" s="119">
        <v>0</v>
      </c>
      <c r="MV18" s="119">
        <v>0</v>
      </c>
      <c r="MW18" s="119">
        <v>1086519</v>
      </c>
      <c r="MX18" s="119">
        <v>2508880</v>
      </c>
      <c r="MY18" s="119">
        <v>1179184</v>
      </c>
      <c r="MZ18" s="120">
        <v>4774583</v>
      </c>
      <c r="NA18" s="143">
        <v>4774583</v>
      </c>
      <c r="NB18" s="142">
        <v>0</v>
      </c>
      <c r="NC18" s="119">
        <v>0</v>
      </c>
      <c r="ND18" s="120">
        <v>0</v>
      </c>
      <c r="NE18" s="145"/>
      <c r="NF18" s="119">
        <v>0</v>
      </c>
      <c r="NG18" s="119">
        <v>823164</v>
      </c>
      <c r="NH18" s="119">
        <v>1391577</v>
      </c>
      <c r="NI18" s="119">
        <v>2892615</v>
      </c>
      <c r="NJ18" s="119">
        <v>483556</v>
      </c>
      <c r="NK18" s="120">
        <v>5590912</v>
      </c>
      <c r="NL18" s="321">
        <v>5590912</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291232</v>
      </c>
      <c r="OF18" s="119">
        <v>0</v>
      </c>
      <c r="OG18" s="120">
        <v>291232</v>
      </c>
      <c r="OH18" s="121">
        <v>291232</v>
      </c>
      <c r="OI18" s="142">
        <v>1144430</v>
      </c>
      <c r="OJ18" s="119">
        <v>1586366</v>
      </c>
      <c r="OK18" s="141">
        <v>2730796</v>
      </c>
      <c r="OL18" s="118">
        <v>0</v>
      </c>
      <c r="OM18" s="119">
        <v>6968114</v>
      </c>
      <c r="ON18" s="119">
        <v>7413791</v>
      </c>
      <c r="OO18" s="119">
        <v>9477076</v>
      </c>
      <c r="OP18" s="119">
        <v>15353203</v>
      </c>
      <c r="OQ18" s="119">
        <v>7734059</v>
      </c>
      <c r="OR18" s="120">
        <v>46946243</v>
      </c>
      <c r="OS18" s="143">
        <v>49677039</v>
      </c>
    </row>
    <row r="19" spans="2:409" ht="20.25" customHeight="1" x14ac:dyDescent="0.2">
      <c r="B19" s="126" t="s">
        <v>13</v>
      </c>
      <c r="C19" s="110">
        <v>436226</v>
      </c>
      <c r="D19" s="114">
        <v>640511</v>
      </c>
      <c r="E19" s="113">
        <v>1076737</v>
      </c>
      <c r="F19" s="110">
        <v>0</v>
      </c>
      <c r="G19" s="170">
        <v>3141004</v>
      </c>
      <c r="H19" s="114">
        <v>4307886</v>
      </c>
      <c r="I19" s="114">
        <v>6605117</v>
      </c>
      <c r="J19" s="114">
        <v>4059725</v>
      </c>
      <c r="K19" s="114">
        <v>4220204</v>
      </c>
      <c r="L19" s="112">
        <v>22333936</v>
      </c>
      <c r="M19" s="116">
        <v>23410673</v>
      </c>
      <c r="N19" s="110">
        <v>105651</v>
      </c>
      <c r="O19" s="114">
        <v>276938</v>
      </c>
      <c r="P19" s="113">
        <v>382589</v>
      </c>
      <c r="Q19" s="110">
        <v>0</v>
      </c>
      <c r="R19" s="114">
        <v>1034905</v>
      </c>
      <c r="S19" s="114">
        <v>1487999</v>
      </c>
      <c r="T19" s="114">
        <v>2318175</v>
      </c>
      <c r="U19" s="114">
        <v>2251605</v>
      </c>
      <c r="V19" s="114">
        <v>2218157</v>
      </c>
      <c r="W19" s="113">
        <v>9310841</v>
      </c>
      <c r="X19" s="116">
        <v>9693430</v>
      </c>
      <c r="Y19" s="110">
        <v>0</v>
      </c>
      <c r="Z19" s="114">
        <v>0</v>
      </c>
      <c r="AA19" s="113">
        <v>0</v>
      </c>
      <c r="AB19" s="110">
        <v>0</v>
      </c>
      <c r="AC19" s="114">
        <v>362971</v>
      </c>
      <c r="AD19" s="114">
        <v>661573</v>
      </c>
      <c r="AE19" s="114">
        <v>1278427</v>
      </c>
      <c r="AF19" s="114">
        <v>1412147</v>
      </c>
      <c r="AG19" s="114">
        <v>1612849</v>
      </c>
      <c r="AH19" s="113">
        <v>5327967</v>
      </c>
      <c r="AI19" s="116">
        <v>5327967</v>
      </c>
      <c r="AJ19" s="110">
        <v>0</v>
      </c>
      <c r="AK19" s="114">
        <v>0</v>
      </c>
      <c r="AL19" s="113">
        <v>0</v>
      </c>
      <c r="AM19" s="110">
        <v>0</v>
      </c>
      <c r="AN19" s="114">
        <v>0</v>
      </c>
      <c r="AO19" s="114">
        <v>0</v>
      </c>
      <c r="AP19" s="114">
        <v>83660</v>
      </c>
      <c r="AQ19" s="114">
        <v>62277</v>
      </c>
      <c r="AR19" s="114">
        <v>0</v>
      </c>
      <c r="AS19" s="113">
        <v>145937</v>
      </c>
      <c r="AT19" s="116">
        <v>145937</v>
      </c>
      <c r="AU19" s="110">
        <v>0</v>
      </c>
      <c r="AV19" s="114">
        <v>224067</v>
      </c>
      <c r="AW19" s="113">
        <v>224067</v>
      </c>
      <c r="AX19" s="110">
        <v>0</v>
      </c>
      <c r="AY19" s="114">
        <v>483480</v>
      </c>
      <c r="AZ19" s="114">
        <v>331392</v>
      </c>
      <c r="BA19" s="114">
        <v>586208</v>
      </c>
      <c r="BB19" s="114">
        <v>521658</v>
      </c>
      <c r="BC19" s="114">
        <v>338559</v>
      </c>
      <c r="BD19" s="113">
        <v>2261297</v>
      </c>
      <c r="BE19" s="116">
        <v>2485364</v>
      </c>
      <c r="BF19" s="110">
        <v>0</v>
      </c>
      <c r="BG19" s="114">
        <v>0</v>
      </c>
      <c r="BH19" s="112">
        <v>0</v>
      </c>
      <c r="BI19" s="111">
        <v>0</v>
      </c>
      <c r="BJ19" s="114">
        <v>0</v>
      </c>
      <c r="BK19" s="114">
        <v>237749</v>
      </c>
      <c r="BL19" s="114">
        <v>0</v>
      </c>
      <c r="BM19" s="114">
        <v>17236</v>
      </c>
      <c r="BN19" s="114">
        <v>75047</v>
      </c>
      <c r="BO19" s="113">
        <v>330032</v>
      </c>
      <c r="BP19" s="116">
        <v>330032</v>
      </c>
      <c r="BQ19" s="110">
        <v>105651</v>
      </c>
      <c r="BR19" s="114">
        <v>52871</v>
      </c>
      <c r="BS19" s="113">
        <v>158522</v>
      </c>
      <c r="BT19" s="110">
        <v>0</v>
      </c>
      <c r="BU19" s="114">
        <v>188454</v>
      </c>
      <c r="BV19" s="114">
        <v>257285</v>
      </c>
      <c r="BW19" s="114">
        <v>369880</v>
      </c>
      <c r="BX19" s="114">
        <v>238287</v>
      </c>
      <c r="BY19" s="114">
        <v>191702</v>
      </c>
      <c r="BZ19" s="113">
        <v>1245608</v>
      </c>
      <c r="CA19" s="116">
        <v>1404130</v>
      </c>
      <c r="CB19" s="110">
        <v>0</v>
      </c>
      <c r="CC19" s="114">
        <v>32713</v>
      </c>
      <c r="CD19" s="113">
        <v>32713</v>
      </c>
      <c r="CE19" s="110">
        <v>0</v>
      </c>
      <c r="CF19" s="114">
        <v>573362</v>
      </c>
      <c r="CG19" s="114">
        <v>1011634</v>
      </c>
      <c r="CH19" s="114">
        <v>1156122</v>
      </c>
      <c r="CI19" s="114">
        <v>402294</v>
      </c>
      <c r="CJ19" s="114">
        <v>174579</v>
      </c>
      <c r="CK19" s="113">
        <v>3317991</v>
      </c>
      <c r="CL19" s="116">
        <v>3350704</v>
      </c>
      <c r="CM19" s="110">
        <v>0</v>
      </c>
      <c r="CN19" s="114">
        <v>0</v>
      </c>
      <c r="CO19" s="113">
        <v>0</v>
      </c>
      <c r="CP19" s="111">
        <v>0</v>
      </c>
      <c r="CQ19" s="114">
        <v>554014</v>
      </c>
      <c r="CR19" s="114">
        <v>893303</v>
      </c>
      <c r="CS19" s="114">
        <v>977136</v>
      </c>
      <c r="CT19" s="114">
        <v>275267</v>
      </c>
      <c r="CU19" s="114">
        <v>135395</v>
      </c>
      <c r="CV19" s="113">
        <v>2835115</v>
      </c>
      <c r="CW19" s="116">
        <v>2835115</v>
      </c>
      <c r="CX19" s="110">
        <v>0</v>
      </c>
      <c r="CY19" s="114">
        <v>32713</v>
      </c>
      <c r="CZ19" s="113">
        <v>32713</v>
      </c>
      <c r="DA19" s="110">
        <v>0</v>
      </c>
      <c r="DB19" s="114">
        <v>19348</v>
      </c>
      <c r="DC19" s="114">
        <v>118331</v>
      </c>
      <c r="DD19" s="114">
        <v>178986</v>
      </c>
      <c r="DE19" s="114">
        <v>127027</v>
      </c>
      <c r="DF19" s="114">
        <v>39184</v>
      </c>
      <c r="DG19" s="113">
        <v>482876</v>
      </c>
      <c r="DH19" s="116">
        <v>515589</v>
      </c>
      <c r="DI19" s="110">
        <v>0</v>
      </c>
      <c r="DJ19" s="114">
        <v>0</v>
      </c>
      <c r="DK19" s="112">
        <v>0</v>
      </c>
      <c r="DL19" s="111">
        <v>0</v>
      </c>
      <c r="DM19" s="114">
        <v>76316</v>
      </c>
      <c r="DN19" s="114">
        <v>113287</v>
      </c>
      <c r="DO19" s="114">
        <v>336925</v>
      </c>
      <c r="DP19" s="114">
        <v>298211</v>
      </c>
      <c r="DQ19" s="114">
        <v>427222</v>
      </c>
      <c r="DR19" s="113">
        <v>1251961</v>
      </c>
      <c r="DS19" s="116">
        <v>1251961</v>
      </c>
      <c r="DT19" s="110">
        <v>0</v>
      </c>
      <c r="DU19" s="114">
        <v>0</v>
      </c>
      <c r="DV19" s="113">
        <v>0</v>
      </c>
      <c r="DW19" s="110">
        <v>0</v>
      </c>
      <c r="DX19" s="114">
        <v>76316</v>
      </c>
      <c r="DY19" s="114">
        <v>113287</v>
      </c>
      <c r="DZ19" s="114">
        <v>336925</v>
      </c>
      <c r="EA19" s="114">
        <v>229134</v>
      </c>
      <c r="EB19" s="114">
        <v>427222</v>
      </c>
      <c r="EC19" s="113">
        <v>1182884</v>
      </c>
      <c r="ED19" s="116">
        <v>1182884</v>
      </c>
      <c r="EE19" s="110">
        <v>0</v>
      </c>
      <c r="EF19" s="112">
        <v>0</v>
      </c>
      <c r="EG19" s="113">
        <v>0</v>
      </c>
      <c r="EH19" s="110">
        <v>0</v>
      </c>
      <c r="EI19" s="114">
        <v>0</v>
      </c>
      <c r="EJ19" s="114">
        <v>0</v>
      </c>
      <c r="EK19" s="114">
        <v>0</v>
      </c>
      <c r="EL19" s="114">
        <v>69077</v>
      </c>
      <c r="EM19" s="114">
        <v>0</v>
      </c>
      <c r="EN19" s="112">
        <v>69077</v>
      </c>
      <c r="EO19" s="116">
        <v>69077</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8"/>
      <c r="FE19" s="114">
        <v>0</v>
      </c>
      <c r="FF19" s="114">
        <v>0</v>
      </c>
      <c r="FG19" s="114">
        <v>0</v>
      </c>
      <c r="FH19" s="114">
        <v>0</v>
      </c>
      <c r="FI19" s="114">
        <v>0</v>
      </c>
      <c r="FJ19" s="113">
        <v>0</v>
      </c>
      <c r="FK19" s="116">
        <v>0</v>
      </c>
      <c r="FL19" s="110">
        <v>16100</v>
      </c>
      <c r="FM19" s="114">
        <v>86359</v>
      </c>
      <c r="FN19" s="113">
        <v>102459</v>
      </c>
      <c r="FO19" s="110">
        <v>0</v>
      </c>
      <c r="FP19" s="114">
        <v>93009</v>
      </c>
      <c r="FQ19" s="114">
        <v>348117</v>
      </c>
      <c r="FR19" s="114">
        <v>337596</v>
      </c>
      <c r="FS19" s="114">
        <v>258370</v>
      </c>
      <c r="FT19" s="114">
        <v>205107</v>
      </c>
      <c r="FU19" s="113">
        <v>1242199</v>
      </c>
      <c r="FV19" s="116">
        <v>1344658</v>
      </c>
      <c r="FW19" s="115">
        <v>16100</v>
      </c>
      <c r="FX19" s="114">
        <v>46627</v>
      </c>
      <c r="FY19" s="112">
        <v>62727</v>
      </c>
      <c r="FZ19" s="111">
        <v>0</v>
      </c>
      <c r="GA19" s="114">
        <v>74109</v>
      </c>
      <c r="GB19" s="114">
        <v>329021</v>
      </c>
      <c r="GC19" s="114">
        <v>321496</v>
      </c>
      <c r="GD19" s="114">
        <v>258370</v>
      </c>
      <c r="GE19" s="114">
        <v>205107</v>
      </c>
      <c r="GF19" s="113">
        <v>1188103</v>
      </c>
      <c r="GG19" s="319">
        <v>1250830</v>
      </c>
      <c r="GH19" s="115">
        <v>0</v>
      </c>
      <c r="GI19" s="114">
        <v>16632</v>
      </c>
      <c r="GJ19" s="112">
        <v>16632</v>
      </c>
      <c r="GK19" s="111">
        <v>0</v>
      </c>
      <c r="GL19" s="114">
        <v>0</v>
      </c>
      <c r="GM19" s="114">
        <v>19096</v>
      </c>
      <c r="GN19" s="114">
        <v>16100</v>
      </c>
      <c r="GO19" s="114">
        <v>0</v>
      </c>
      <c r="GP19" s="114">
        <v>0</v>
      </c>
      <c r="GQ19" s="113">
        <v>35196</v>
      </c>
      <c r="GR19" s="116">
        <v>51828</v>
      </c>
      <c r="GS19" s="110">
        <v>0</v>
      </c>
      <c r="GT19" s="114">
        <v>23100</v>
      </c>
      <c r="GU19" s="113">
        <v>23100</v>
      </c>
      <c r="GV19" s="110">
        <v>0</v>
      </c>
      <c r="GW19" s="114">
        <v>18900</v>
      </c>
      <c r="GX19" s="114">
        <v>0</v>
      </c>
      <c r="GY19" s="114">
        <v>0</v>
      </c>
      <c r="GZ19" s="114">
        <v>0</v>
      </c>
      <c r="HA19" s="114">
        <v>0</v>
      </c>
      <c r="HB19" s="112">
        <v>18900</v>
      </c>
      <c r="HC19" s="116">
        <v>42000</v>
      </c>
      <c r="HD19" s="110">
        <v>314475</v>
      </c>
      <c r="HE19" s="114">
        <v>244501</v>
      </c>
      <c r="HF19" s="112">
        <v>558976</v>
      </c>
      <c r="HG19" s="111">
        <v>0</v>
      </c>
      <c r="HH19" s="114">
        <v>1363412</v>
      </c>
      <c r="HI19" s="114">
        <v>1346849</v>
      </c>
      <c r="HJ19" s="114">
        <v>2456299</v>
      </c>
      <c r="HK19" s="114">
        <v>849245</v>
      </c>
      <c r="HL19" s="114">
        <v>1195139</v>
      </c>
      <c r="HM19" s="113">
        <v>7210944</v>
      </c>
      <c r="HN19" s="109">
        <v>7769920</v>
      </c>
      <c r="HO19" s="329"/>
      <c r="HP19" s="330"/>
      <c r="HQ19" s="331"/>
      <c r="HR19" s="332"/>
      <c r="HS19" s="330"/>
      <c r="HT19" s="330"/>
      <c r="HU19" s="330"/>
      <c r="HV19" s="330"/>
      <c r="HW19" s="330"/>
      <c r="HX19" s="333"/>
      <c r="HY19" s="334"/>
      <c r="HZ19" s="131">
        <v>0</v>
      </c>
      <c r="IA19" s="132">
        <v>0</v>
      </c>
      <c r="IB19" s="133">
        <v>0</v>
      </c>
      <c r="IC19" s="146">
        <v>0</v>
      </c>
      <c r="ID19" s="132">
        <v>292857</v>
      </c>
      <c r="IE19" s="147">
        <v>411716</v>
      </c>
      <c r="IF19" s="133">
        <v>1367749</v>
      </c>
      <c r="IG19" s="132">
        <v>339703</v>
      </c>
      <c r="IH19" s="133">
        <v>113516</v>
      </c>
      <c r="II19" s="148">
        <v>2525541</v>
      </c>
      <c r="IJ19" s="139">
        <v>2525541</v>
      </c>
      <c r="IK19" s="232">
        <v>0</v>
      </c>
      <c r="IL19" s="236">
        <v>0</v>
      </c>
      <c r="IM19" s="237">
        <v>0</v>
      </c>
      <c r="IN19" s="140"/>
      <c r="IO19" s="119">
        <v>0</v>
      </c>
      <c r="IP19" s="119">
        <v>0</v>
      </c>
      <c r="IQ19" s="119">
        <v>0</v>
      </c>
      <c r="IR19" s="119">
        <v>0</v>
      </c>
      <c r="IS19" s="119">
        <v>0</v>
      </c>
      <c r="IT19" s="141">
        <v>0</v>
      </c>
      <c r="IU19" s="321">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292857</v>
      </c>
      <c r="JL19" s="119">
        <v>411716</v>
      </c>
      <c r="JM19" s="119">
        <v>390318</v>
      </c>
      <c r="JN19" s="119">
        <v>157445</v>
      </c>
      <c r="JO19" s="119">
        <v>113516</v>
      </c>
      <c r="JP19" s="120">
        <v>1365852</v>
      </c>
      <c r="JQ19" s="321">
        <v>1365852</v>
      </c>
      <c r="JR19" s="142">
        <v>0</v>
      </c>
      <c r="JS19" s="119">
        <v>0</v>
      </c>
      <c r="JT19" s="141">
        <v>0</v>
      </c>
      <c r="JU19" s="118">
        <v>0</v>
      </c>
      <c r="JV19" s="119">
        <v>0</v>
      </c>
      <c r="JW19" s="119">
        <v>0</v>
      </c>
      <c r="JX19" s="119">
        <v>0</v>
      </c>
      <c r="JY19" s="119">
        <v>0</v>
      </c>
      <c r="JZ19" s="119">
        <v>0</v>
      </c>
      <c r="KA19" s="120">
        <v>0</v>
      </c>
      <c r="KB19" s="321">
        <v>0</v>
      </c>
      <c r="KC19" s="234">
        <v>0</v>
      </c>
      <c r="KD19" s="230">
        <v>0</v>
      </c>
      <c r="KE19" s="120">
        <v>0</v>
      </c>
      <c r="KF19" s="118">
        <v>0</v>
      </c>
      <c r="KG19" s="119">
        <v>0</v>
      </c>
      <c r="KH19" s="119">
        <v>0</v>
      </c>
      <c r="KI19" s="119">
        <v>209136</v>
      </c>
      <c r="KJ19" s="119">
        <v>0</v>
      </c>
      <c r="KK19" s="119">
        <v>0</v>
      </c>
      <c r="KL19" s="120">
        <v>209136</v>
      </c>
      <c r="KM19" s="143">
        <v>209136</v>
      </c>
      <c r="KN19" s="232">
        <v>0</v>
      </c>
      <c r="KO19" s="236">
        <v>0</v>
      </c>
      <c r="KP19" s="237">
        <v>0</v>
      </c>
      <c r="KQ19" s="140">
        <v>0</v>
      </c>
      <c r="KR19" s="119">
        <v>0</v>
      </c>
      <c r="KS19" s="119">
        <v>0</v>
      </c>
      <c r="KT19" s="119">
        <v>435255</v>
      </c>
      <c r="KU19" s="119">
        <v>0</v>
      </c>
      <c r="KV19" s="119">
        <v>0</v>
      </c>
      <c r="KW19" s="120">
        <v>435255</v>
      </c>
      <c r="KX19" s="321">
        <v>435255</v>
      </c>
      <c r="KY19" s="142">
        <v>0</v>
      </c>
      <c r="KZ19" s="119">
        <v>0</v>
      </c>
      <c r="LA19" s="120">
        <v>0</v>
      </c>
      <c r="LB19" s="145"/>
      <c r="LC19" s="119">
        <v>0</v>
      </c>
      <c r="LD19" s="119">
        <v>0</v>
      </c>
      <c r="LE19" s="119">
        <v>333040</v>
      </c>
      <c r="LF19" s="119">
        <v>182258</v>
      </c>
      <c r="LG19" s="119">
        <v>0</v>
      </c>
      <c r="LH19" s="120">
        <v>515298</v>
      </c>
      <c r="LI19" s="121">
        <v>515298</v>
      </c>
      <c r="LJ19" s="142">
        <v>0</v>
      </c>
      <c r="LK19" s="119">
        <v>0</v>
      </c>
      <c r="LL19" s="120">
        <v>0</v>
      </c>
      <c r="LM19" s="145"/>
      <c r="LN19" s="119">
        <v>0</v>
      </c>
      <c r="LO19" s="119">
        <v>0</v>
      </c>
      <c r="LP19" s="119">
        <v>0</v>
      </c>
      <c r="LQ19" s="119">
        <v>0</v>
      </c>
      <c r="LR19" s="119">
        <v>0</v>
      </c>
      <c r="LS19" s="120">
        <v>0</v>
      </c>
      <c r="LT19" s="321">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0</v>
      </c>
      <c r="ML19" s="119">
        <v>1121982</v>
      </c>
      <c r="MM19" s="119">
        <v>1362240</v>
      </c>
      <c r="MN19" s="119">
        <v>1124823</v>
      </c>
      <c r="MO19" s="120">
        <v>3609045</v>
      </c>
      <c r="MP19" s="143">
        <v>3609045</v>
      </c>
      <c r="MQ19" s="142">
        <v>0</v>
      </c>
      <c r="MR19" s="119">
        <v>0</v>
      </c>
      <c r="MS19" s="120">
        <v>0</v>
      </c>
      <c r="MT19" s="145"/>
      <c r="MU19" s="119">
        <v>0</v>
      </c>
      <c r="MV19" s="119">
        <v>0</v>
      </c>
      <c r="MW19" s="119">
        <v>703158</v>
      </c>
      <c r="MX19" s="119">
        <v>867715</v>
      </c>
      <c r="MY19" s="119">
        <v>751972</v>
      </c>
      <c r="MZ19" s="120">
        <v>2322845</v>
      </c>
      <c r="NA19" s="143">
        <v>2322845</v>
      </c>
      <c r="NB19" s="142">
        <v>0</v>
      </c>
      <c r="NC19" s="119">
        <v>0</v>
      </c>
      <c r="ND19" s="120">
        <v>0</v>
      </c>
      <c r="NE19" s="145"/>
      <c r="NF19" s="119">
        <v>0</v>
      </c>
      <c r="NG19" s="119">
        <v>0</v>
      </c>
      <c r="NH19" s="119">
        <v>418824</v>
      </c>
      <c r="NI19" s="119">
        <v>494525</v>
      </c>
      <c r="NJ19" s="119">
        <v>372851</v>
      </c>
      <c r="NK19" s="120">
        <v>1286200</v>
      </c>
      <c r="NL19" s="321">
        <v>1286200</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436226</v>
      </c>
      <c r="OJ19" s="119">
        <v>640511</v>
      </c>
      <c r="OK19" s="141">
        <v>1076737</v>
      </c>
      <c r="OL19" s="118">
        <v>0</v>
      </c>
      <c r="OM19" s="119">
        <v>3433861</v>
      </c>
      <c r="ON19" s="119">
        <v>4719602</v>
      </c>
      <c r="OO19" s="119">
        <v>9094848</v>
      </c>
      <c r="OP19" s="119">
        <v>5761668</v>
      </c>
      <c r="OQ19" s="119">
        <v>5458543</v>
      </c>
      <c r="OR19" s="120">
        <v>28468522</v>
      </c>
      <c r="OS19" s="143">
        <v>29545259</v>
      </c>
    </row>
    <row r="20" spans="2:409" ht="20.25" customHeight="1" x14ac:dyDescent="0.2">
      <c r="B20" s="126" t="s">
        <v>15</v>
      </c>
      <c r="C20" s="110">
        <v>99545</v>
      </c>
      <c r="D20" s="114">
        <v>153030</v>
      </c>
      <c r="E20" s="113">
        <v>252575</v>
      </c>
      <c r="F20" s="109">
        <v>0</v>
      </c>
      <c r="G20" s="114">
        <v>1381953</v>
      </c>
      <c r="H20" s="114">
        <v>1001325</v>
      </c>
      <c r="I20" s="114">
        <v>1107567</v>
      </c>
      <c r="J20" s="114">
        <v>846515</v>
      </c>
      <c r="K20" s="114">
        <v>1027236</v>
      </c>
      <c r="L20" s="109">
        <v>5364596</v>
      </c>
      <c r="M20" s="116">
        <v>5617171</v>
      </c>
      <c r="N20" s="110">
        <v>0</v>
      </c>
      <c r="O20" s="114">
        <v>14238</v>
      </c>
      <c r="P20" s="113">
        <v>14238</v>
      </c>
      <c r="Q20" s="110">
        <v>0</v>
      </c>
      <c r="R20" s="114">
        <v>189783</v>
      </c>
      <c r="S20" s="114">
        <v>292369</v>
      </c>
      <c r="T20" s="114">
        <v>210548</v>
      </c>
      <c r="U20" s="114">
        <v>150592</v>
      </c>
      <c r="V20" s="114">
        <v>729289</v>
      </c>
      <c r="W20" s="113">
        <v>1572581</v>
      </c>
      <c r="X20" s="116">
        <v>1586819</v>
      </c>
      <c r="Y20" s="110">
        <v>0</v>
      </c>
      <c r="Z20" s="114">
        <v>0</v>
      </c>
      <c r="AA20" s="113">
        <v>0</v>
      </c>
      <c r="AB20" s="110">
        <v>0</v>
      </c>
      <c r="AC20" s="114">
        <v>97527</v>
      </c>
      <c r="AD20" s="114">
        <v>99246</v>
      </c>
      <c r="AE20" s="114">
        <v>0</v>
      </c>
      <c r="AF20" s="114">
        <v>9866</v>
      </c>
      <c r="AG20" s="114">
        <v>401355</v>
      </c>
      <c r="AH20" s="113">
        <v>607994</v>
      </c>
      <c r="AI20" s="116">
        <v>607994</v>
      </c>
      <c r="AJ20" s="110">
        <v>0</v>
      </c>
      <c r="AK20" s="114">
        <v>0</v>
      </c>
      <c r="AL20" s="113">
        <v>0</v>
      </c>
      <c r="AM20" s="110">
        <v>0</v>
      </c>
      <c r="AN20" s="114">
        <v>0</v>
      </c>
      <c r="AO20" s="114">
        <v>0</v>
      </c>
      <c r="AP20" s="114">
        <v>0</v>
      </c>
      <c r="AQ20" s="114">
        <v>0</v>
      </c>
      <c r="AR20" s="114">
        <v>122670</v>
      </c>
      <c r="AS20" s="113">
        <v>122670</v>
      </c>
      <c r="AT20" s="116">
        <v>122670</v>
      </c>
      <c r="AU20" s="110">
        <v>0</v>
      </c>
      <c r="AV20" s="114">
        <v>0</v>
      </c>
      <c r="AW20" s="113">
        <v>0</v>
      </c>
      <c r="AX20" s="110">
        <v>0</v>
      </c>
      <c r="AY20" s="114">
        <v>37600</v>
      </c>
      <c r="AZ20" s="114">
        <v>112469</v>
      </c>
      <c r="BA20" s="114">
        <v>118662</v>
      </c>
      <c r="BB20" s="114">
        <v>110136</v>
      </c>
      <c r="BC20" s="114">
        <v>109167</v>
      </c>
      <c r="BD20" s="113">
        <v>488034</v>
      </c>
      <c r="BE20" s="116">
        <v>488034</v>
      </c>
      <c r="BF20" s="110">
        <v>0</v>
      </c>
      <c r="BG20" s="114">
        <v>0</v>
      </c>
      <c r="BH20" s="112">
        <v>0</v>
      </c>
      <c r="BI20" s="111">
        <v>0</v>
      </c>
      <c r="BJ20" s="114">
        <v>0</v>
      </c>
      <c r="BK20" s="114">
        <v>0</v>
      </c>
      <c r="BL20" s="114">
        <v>27206</v>
      </c>
      <c r="BM20" s="114">
        <v>0</v>
      </c>
      <c r="BN20" s="114">
        <v>34007</v>
      </c>
      <c r="BO20" s="113">
        <v>61213</v>
      </c>
      <c r="BP20" s="116">
        <v>61213</v>
      </c>
      <c r="BQ20" s="110">
        <v>0</v>
      </c>
      <c r="BR20" s="114">
        <v>14238</v>
      </c>
      <c r="BS20" s="113">
        <v>14238</v>
      </c>
      <c r="BT20" s="110">
        <v>0</v>
      </c>
      <c r="BU20" s="114">
        <v>54656</v>
      </c>
      <c r="BV20" s="114">
        <v>80654</v>
      </c>
      <c r="BW20" s="114">
        <v>64680</v>
      </c>
      <c r="BX20" s="114">
        <v>30590</v>
      </c>
      <c r="BY20" s="114">
        <v>62090</v>
      </c>
      <c r="BZ20" s="113">
        <v>292670</v>
      </c>
      <c r="CA20" s="116">
        <v>306908</v>
      </c>
      <c r="CB20" s="110">
        <v>0</v>
      </c>
      <c r="CC20" s="114">
        <v>33949</v>
      </c>
      <c r="CD20" s="113">
        <v>33949</v>
      </c>
      <c r="CE20" s="110">
        <v>0</v>
      </c>
      <c r="CF20" s="114">
        <v>270629</v>
      </c>
      <c r="CG20" s="114">
        <v>194588</v>
      </c>
      <c r="CH20" s="114">
        <v>308052</v>
      </c>
      <c r="CI20" s="114">
        <v>155944</v>
      </c>
      <c r="CJ20" s="114">
        <v>206506</v>
      </c>
      <c r="CK20" s="113">
        <v>1135719</v>
      </c>
      <c r="CL20" s="116">
        <v>1169668</v>
      </c>
      <c r="CM20" s="110">
        <v>0</v>
      </c>
      <c r="CN20" s="114">
        <v>0</v>
      </c>
      <c r="CO20" s="113">
        <v>0</v>
      </c>
      <c r="CP20" s="111">
        <v>0</v>
      </c>
      <c r="CQ20" s="114">
        <v>162396</v>
      </c>
      <c r="CR20" s="114">
        <v>53657</v>
      </c>
      <c r="CS20" s="114">
        <v>208779</v>
      </c>
      <c r="CT20" s="114">
        <v>73988</v>
      </c>
      <c r="CU20" s="114">
        <v>64556</v>
      </c>
      <c r="CV20" s="113">
        <v>563376</v>
      </c>
      <c r="CW20" s="116">
        <v>563376</v>
      </c>
      <c r="CX20" s="110">
        <v>0</v>
      </c>
      <c r="CY20" s="114">
        <v>33949</v>
      </c>
      <c r="CZ20" s="113">
        <v>33949</v>
      </c>
      <c r="DA20" s="110">
        <v>0</v>
      </c>
      <c r="DB20" s="114">
        <v>108233</v>
      </c>
      <c r="DC20" s="114">
        <v>140931</v>
      </c>
      <c r="DD20" s="114">
        <v>99273</v>
      </c>
      <c r="DE20" s="114">
        <v>81956</v>
      </c>
      <c r="DF20" s="114">
        <v>141950</v>
      </c>
      <c r="DG20" s="113">
        <v>572343</v>
      </c>
      <c r="DH20" s="116">
        <v>606292</v>
      </c>
      <c r="DI20" s="110">
        <v>0</v>
      </c>
      <c r="DJ20" s="114">
        <v>0</v>
      </c>
      <c r="DK20" s="112">
        <v>0</v>
      </c>
      <c r="DL20" s="111">
        <v>0</v>
      </c>
      <c r="DM20" s="114">
        <v>0</v>
      </c>
      <c r="DN20" s="114">
        <v>76567</v>
      </c>
      <c r="DO20" s="114">
        <v>0</v>
      </c>
      <c r="DP20" s="114">
        <v>363600</v>
      </c>
      <c r="DQ20" s="114">
        <v>0</v>
      </c>
      <c r="DR20" s="113">
        <v>440167</v>
      </c>
      <c r="DS20" s="116">
        <v>440167</v>
      </c>
      <c r="DT20" s="110">
        <v>0</v>
      </c>
      <c r="DU20" s="114">
        <v>0</v>
      </c>
      <c r="DV20" s="113">
        <v>0</v>
      </c>
      <c r="DW20" s="110">
        <v>0</v>
      </c>
      <c r="DX20" s="114">
        <v>0</v>
      </c>
      <c r="DY20" s="114">
        <v>76567</v>
      </c>
      <c r="DZ20" s="114">
        <v>0</v>
      </c>
      <c r="EA20" s="114">
        <v>363600</v>
      </c>
      <c r="EB20" s="114">
        <v>0</v>
      </c>
      <c r="EC20" s="113">
        <v>440167</v>
      </c>
      <c r="ED20" s="116">
        <v>440167</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8"/>
      <c r="FE20" s="114">
        <v>0</v>
      </c>
      <c r="FF20" s="114">
        <v>0</v>
      </c>
      <c r="FG20" s="114">
        <v>0</v>
      </c>
      <c r="FH20" s="114">
        <v>0</v>
      </c>
      <c r="FI20" s="114">
        <v>0</v>
      </c>
      <c r="FJ20" s="113">
        <v>0</v>
      </c>
      <c r="FK20" s="116">
        <v>0</v>
      </c>
      <c r="FL20" s="110">
        <v>0</v>
      </c>
      <c r="FM20" s="114">
        <v>24500</v>
      </c>
      <c r="FN20" s="113">
        <v>24500</v>
      </c>
      <c r="FO20" s="110">
        <v>0</v>
      </c>
      <c r="FP20" s="114">
        <v>26726</v>
      </c>
      <c r="FQ20" s="114">
        <v>118734</v>
      </c>
      <c r="FR20" s="114">
        <v>72653</v>
      </c>
      <c r="FS20" s="114">
        <v>176379</v>
      </c>
      <c r="FT20" s="114">
        <v>91441</v>
      </c>
      <c r="FU20" s="113">
        <v>485933</v>
      </c>
      <c r="FV20" s="116">
        <v>510433</v>
      </c>
      <c r="FW20" s="115">
        <v>0</v>
      </c>
      <c r="FX20" s="114">
        <v>24500</v>
      </c>
      <c r="FY20" s="112">
        <v>24500</v>
      </c>
      <c r="FZ20" s="111">
        <v>0</v>
      </c>
      <c r="GA20" s="114">
        <v>26726</v>
      </c>
      <c r="GB20" s="114">
        <v>118734</v>
      </c>
      <c r="GC20" s="114">
        <v>72653</v>
      </c>
      <c r="GD20" s="114">
        <v>176379</v>
      </c>
      <c r="GE20" s="114">
        <v>91441</v>
      </c>
      <c r="GF20" s="113">
        <v>485933</v>
      </c>
      <c r="GG20" s="319">
        <v>510433</v>
      </c>
      <c r="GH20" s="115">
        <v>0</v>
      </c>
      <c r="GI20" s="114">
        <v>0</v>
      </c>
      <c r="GJ20" s="112">
        <v>0</v>
      </c>
      <c r="GK20" s="111">
        <v>0</v>
      </c>
      <c r="GL20" s="114">
        <v>0</v>
      </c>
      <c r="GM20" s="114">
        <v>0</v>
      </c>
      <c r="GN20" s="114">
        <v>0</v>
      </c>
      <c r="GO20" s="114">
        <v>0</v>
      </c>
      <c r="GP20" s="114">
        <v>0</v>
      </c>
      <c r="GQ20" s="113">
        <v>0</v>
      </c>
      <c r="GR20" s="116">
        <v>0</v>
      </c>
      <c r="GS20" s="110">
        <v>0</v>
      </c>
      <c r="GT20" s="114">
        <v>0</v>
      </c>
      <c r="GU20" s="113">
        <v>0</v>
      </c>
      <c r="GV20" s="110">
        <v>0</v>
      </c>
      <c r="GW20" s="114">
        <v>0</v>
      </c>
      <c r="GX20" s="114">
        <v>0</v>
      </c>
      <c r="GY20" s="114">
        <v>0</v>
      </c>
      <c r="GZ20" s="114">
        <v>0</v>
      </c>
      <c r="HA20" s="114">
        <v>0</v>
      </c>
      <c r="HB20" s="112">
        <v>0</v>
      </c>
      <c r="HC20" s="116">
        <v>0</v>
      </c>
      <c r="HD20" s="110">
        <v>99545</v>
      </c>
      <c r="HE20" s="114">
        <v>80343</v>
      </c>
      <c r="HF20" s="112">
        <v>179888</v>
      </c>
      <c r="HG20" s="111">
        <v>0</v>
      </c>
      <c r="HH20" s="114">
        <v>894815</v>
      </c>
      <c r="HI20" s="114">
        <v>319067</v>
      </c>
      <c r="HJ20" s="114">
        <v>516314</v>
      </c>
      <c r="HK20" s="114">
        <v>0</v>
      </c>
      <c r="HL20" s="114">
        <v>0</v>
      </c>
      <c r="HM20" s="113">
        <v>1730196</v>
      </c>
      <c r="HN20" s="109">
        <v>1910084</v>
      </c>
      <c r="HO20" s="329"/>
      <c r="HP20" s="330"/>
      <c r="HQ20" s="331"/>
      <c r="HR20" s="332"/>
      <c r="HS20" s="330"/>
      <c r="HT20" s="330"/>
      <c r="HU20" s="330"/>
      <c r="HV20" s="330"/>
      <c r="HW20" s="330"/>
      <c r="HX20" s="333"/>
      <c r="HY20" s="334"/>
      <c r="HZ20" s="150">
        <v>0</v>
      </c>
      <c r="IA20" s="135">
        <v>0</v>
      </c>
      <c r="IB20" s="150">
        <v>0</v>
      </c>
      <c r="IC20" s="134">
        <v>0</v>
      </c>
      <c r="ID20" s="135">
        <v>170609</v>
      </c>
      <c r="IE20" s="136">
        <v>644149</v>
      </c>
      <c r="IF20" s="137">
        <v>249470</v>
      </c>
      <c r="IG20" s="135">
        <v>861059</v>
      </c>
      <c r="IH20" s="137">
        <v>222009</v>
      </c>
      <c r="II20" s="138">
        <v>2147296</v>
      </c>
      <c r="IJ20" s="150">
        <v>2147296</v>
      </c>
      <c r="IK20" s="232">
        <v>0</v>
      </c>
      <c r="IL20" s="236">
        <v>0</v>
      </c>
      <c r="IM20" s="237">
        <v>0</v>
      </c>
      <c r="IN20" s="140"/>
      <c r="IO20" s="119">
        <v>0</v>
      </c>
      <c r="IP20" s="119">
        <v>111371</v>
      </c>
      <c r="IQ20" s="119">
        <v>0</v>
      </c>
      <c r="IR20" s="119">
        <v>0</v>
      </c>
      <c r="IS20" s="119">
        <v>0</v>
      </c>
      <c r="IT20" s="141">
        <v>111371</v>
      </c>
      <c r="IU20" s="321">
        <v>111371</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70609</v>
      </c>
      <c r="JL20" s="119">
        <v>319017</v>
      </c>
      <c r="JM20" s="119">
        <v>43729</v>
      </c>
      <c r="JN20" s="119">
        <v>224201</v>
      </c>
      <c r="JO20" s="119">
        <v>5729</v>
      </c>
      <c r="JP20" s="120">
        <v>763285</v>
      </c>
      <c r="JQ20" s="321">
        <v>763285</v>
      </c>
      <c r="JR20" s="142">
        <v>0</v>
      </c>
      <c r="JS20" s="119">
        <v>0</v>
      </c>
      <c r="JT20" s="141">
        <v>0</v>
      </c>
      <c r="JU20" s="118">
        <v>0</v>
      </c>
      <c r="JV20" s="119">
        <v>0</v>
      </c>
      <c r="JW20" s="119">
        <v>8243</v>
      </c>
      <c r="JX20" s="119">
        <v>0</v>
      </c>
      <c r="JY20" s="119">
        <v>0</v>
      </c>
      <c r="JZ20" s="119">
        <v>0</v>
      </c>
      <c r="KA20" s="120">
        <v>8243</v>
      </c>
      <c r="KB20" s="321">
        <v>8243</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v>0</v>
      </c>
      <c r="KR20" s="119">
        <v>0</v>
      </c>
      <c r="KS20" s="119">
        <v>205518</v>
      </c>
      <c r="KT20" s="119">
        <v>0</v>
      </c>
      <c r="KU20" s="119">
        <v>636858</v>
      </c>
      <c r="KV20" s="119">
        <v>216280</v>
      </c>
      <c r="KW20" s="120">
        <v>1058656</v>
      </c>
      <c r="KX20" s="321">
        <v>1058656</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05741</v>
      </c>
      <c r="LQ20" s="119">
        <v>0</v>
      </c>
      <c r="LR20" s="119">
        <v>0</v>
      </c>
      <c r="LS20" s="120">
        <v>205741</v>
      </c>
      <c r="LT20" s="321">
        <v>205741</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139344</v>
      </c>
      <c r="MK20" s="119">
        <v>0</v>
      </c>
      <c r="ML20" s="119">
        <v>225755</v>
      </c>
      <c r="MM20" s="119">
        <v>722771</v>
      </c>
      <c r="MN20" s="119">
        <v>252347</v>
      </c>
      <c r="MO20" s="120">
        <v>1340217</v>
      </c>
      <c r="MP20" s="143">
        <v>1340217</v>
      </c>
      <c r="MQ20" s="142">
        <v>0</v>
      </c>
      <c r="MR20" s="119">
        <v>0</v>
      </c>
      <c r="MS20" s="120">
        <v>0</v>
      </c>
      <c r="MT20" s="145"/>
      <c r="MU20" s="119">
        <v>0</v>
      </c>
      <c r="MV20" s="119">
        <v>0</v>
      </c>
      <c r="MW20" s="119">
        <v>0</v>
      </c>
      <c r="MX20" s="119">
        <v>209325</v>
      </c>
      <c r="MY20" s="119">
        <v>252347</v>
      </c>
      <c r="MZ20" s="120">
        <v>461672</v>
      </c>
      <c r="NA20" s="143">
        <v>461672</v>
      </c>
      <c r="NB20" s="142">
        <v>0</v>
      </c>
      <c r="NC20" s="119">
        <v>0</v>
      </c>
      <c r="ND20" s="120">
        <v>0</v>
      </c>
      <c r="NE20" s="145"/>
      <c r="NF20" s="119">
        <v>139344</v>
      </c>
      <c r="NG20" s="119">
        <v>0</v>
      </c>
      <c r="NH20" s="119">
        <v>225755</v>
      </c>
      <c r="NI20" s="119">
        <v>513446</v>
      </c>
      <c r="NJ20" s="119">
        <v>0</v>
      </c>
      <c r="NK20" s="120">
        <v>878545</v>
      </c>
      <c r="NL20" s="321">
        <v>878545</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99545</v>
      </c>
      <c r="OJ20" s="119">
        <v>153030</v>
      </c>
      <c r="OK20" s="141">
        <v>252575</v>
      </c>
      <c r="OL20" s="118">
        <v>0</v>
      </c>
      <c r="OM20" s="119">
        <v>1691906</v>
      </c>
      <c r="ON20" s="119">
        <v>1645474</v>
      </c>
      <c r="OO20" s="119">
        <v>1582792</v>
      </c>
      <c r="OP20" s="119">
        <v>2430345</v>
      </c>
      <c r="OQ20" s="119">
        <v>1501592</v>
      </c>
      <c r="OR20" s="120">
        <v>8852109</v>
      </c>
      <c r="OS20" s="143">
        <v>9104684</v>
      </c>
    </row>
    <row r="21" spans="2:409" ht="20.25" customHeight="1" x14ac:dyDescent="0.2">
      <c r="B21" s="126" t="s">
        <v>16</v>
      </c>
      <c r="C21" s="110">
        <v>399668</v>
      </c>
      <c r="D21" s="114">
        <v>747401</v>
      </c>
      <c r="E21" s="113">
        <v>1147069</v>
      </c>
      <c r="F21" s="109">
        <v>0</v>
      </c>
      <c r="G21" s="114">
        <v>3729089</v>
      </c>
      <c r="H21" s="114">
        <v>5480530</v>
      </c>
      <c r="I21" s="114">
        <v>3384364</v>
      </c>
      <c r="J21" s="114">
        <v>4624835</v>
      </c>
      <c r="K21" s="114">
        <v>3296567</v>
      </c>
      <c r="L21" s="109">
        <v>20515385</v>
      </c>
      <c r="M21" s="116">
        <v>21662454</v>
      </c>
      <c r="N21" s="110">
        <v>61441</v>
      </c>
      <c r="O21" s="114">
        <v>142968</v>
      </c>
      <c r="P21" s="113">
        <v>204409</v>
      </c>
      <c r="Q21" s="110">
        <v>0</v>
      </c>
      <c r="R21" s="114">
        <v>477645</v>
      </c>
      <c r="S21" s="114">
        <v>1170187</v>
      </c>
      <c r="T21" s="114">
        <v>1047770</v>
      </c>
      <c r="U21" s="114">
        <v>1538909</v>
      </c>
      <c r="V21" s="114">
        <v>835179</v>
      </c>
      <c r="W21" s="113">
        <v>5069690</v>
      </c>
      <c r="X21" s="116">
        <v>5274099</v>
      </c>
      <c r="Y21" s="110">
        <v>0</v>
      </c>
      <c r="Z21" s="114">
        <v>0</v>
      </c>
      <c r="AA21" s="113">
        <v>0</v>
      </c>
      <c r="AB21" s="110">
        <v>0</v>
      </c>
      <c r="AC21" s="114">
        <v>182882</v>
      </c>
      <c r="AD21" s="114">
        <v>415432</v>
      </c>
      <c r="AE21" s="114">
        <v>469793</v>
      </c>
      <c r="AF21" s="114">
        <v>603343</v>
      </c>
      <c r="AG21" s="114">
        <v>213938</v>
      </c>
      <c r="AH21" s="113">
        <v>1885388</v>
      </c>
      <c r="AI21" s="116">
        <v>1885388</v>
      </c>
      <c r="AJ21" s="110">
        <v>0</v>
      </c>
      <c r="AK21" s="114">
        <v>0</v>
      </c>
      <c r="AL21" s="113">
        <v>0</v>
      </c>
      <c r="AM21" s="110">
        <v>0</v>
      </c>
      <c r="AN21" s="114">
        <v>0</v>
      </c>
      <c r="AO21" s="114">
        <v>49307</v>
      </c>
      <c r="AP21" s="114">
        <v>19722</v>
      </c>
      <c r="AQ21" s="114">
        <v>11429</v>
      </c>
      <c r="AR21" s="114">
        <v>223813</v>
      </c>
      <c r="AS21" s="113">
        <v>304271</v>
      </c>
      <c r="AT21" s="116">
        <v>304271</v>
      </c>
      <c r="AU21" s="110">
        <v>27519</v>
      </c>
      <c r="AV21" s="114">
        <v>124110</v>
      </c>
      <c r="AW21" s="113">
        <v>151629</v>
      </c>
      <c r="AX21" s="110">
        <v>0</v>
      </c>
      <c r="AY21" s="114">
        <v>105329</v>
      </c>
      <c r="AZ21" s="114">
        <v>554724</v>
      </c>
      <c r="BA21" s="114">
        <v>297250</v>
      </c>
      <c r="BB21" s="114">
        <v>673694</v>
      </c>
      <c r="BC21" s="114">
        <v>172700</v>
      </c>
      <c r="BD21" s="113">
        <v>1803697</v>
      </c>
      <c r="BE21" s="116">
        <v>1955326</v>
      </c>
      <c r="BF21" s="110">
        <v>0</v>
      </c>
      <c r="BG21" s="114">
        <v>0</v>
      </c>
      <c r="BH21" s="112">
        <v>0</v>
      </c>
      <c r="BI21" s="111">
        <v>0</v>
      </c>
      <c r="BJ21" s="114">
        <v>0</v>
      </c>
      <c r="BK21" s="114">
        <v>0</v>
      </c>
      <c r="BL21" s="114">
        <v>89127</v>
      </c>
      <c r="BM21" s="114">
        <v>34563</v>
      </c>
      <c r="BN21" s="114">
        <v>27650</v>
      </c>
      <c r="BO21" s="113">
        <v>151340</v>
      </c>
      <c r="BP21" s="116">
        <v>151340</v>
      </c>
      <c r="BQ21" s="110">
        <v>33922</v>
      </c>
      <c r="BR21" s="114">
        <v>18858</v>
      </c>
      <c r="BS21" s="113">
        <v>52780</v>
      </c>
      <c r="BT21" s="110">
        <v>0</v>
      </c>
      <c r="BU21" s="114">
        <v>189434</v>
      </c>
      <c r="BV21" s="114">
        <v>150724</v>
      </c>
      <c r="BW21" s="114">
        <v>171878</v>
      </c>
      <c r="BX21" s="114">
        <v>215880</v>
      </c>
      <c r="BY21" s="114">
        <v>197078</v>
      </c>
      <c r="BZ21" s="113">
        <v>924994</v>
      </c>
      <c r="CA21" s="116">
        <v>977774</v>
      </c>
      <c r="CB21" s="110">
        <v>73218</v>
      </c>
      <c r="CC21" s="114">
        <v>196716</v>
      </c>
      <c r="CD21" s="113">
        <v>269934</v>
      </c>
      <c r="CE21" s="110">
        <v>0</v>
      </c>
      <c r="CF21" s="114">
        <v>1169257</v>
      </c>
      <c r="CG21" s="114">
        <v>2461206</v>
      </c>
      <c r="CH21" s="114">
        <v>918633</v>
      </c>
      <c r="CI21" s="114">
        <v>286011</v>
      </c>
      <c r="CJ21" s="114">
        <v>175587</v>
      </c>
      <c r="CK21" s="113">
        <v>5010694</v>
      </c>
      <c r="CL21" s="116">
        <v>5280628</v>
      </c>
      <c r="CM21" s="110">
        <v>0</v>
      </c>
      <c r="CN21" s="114">
        <v>0</v>
      </c>
      <c r="CO21" s="113">
        <v>0</v>
      </c>
      <c r="CP21" s="111">
        <v>0</v>
      </c>
      <c r="CQ21" s="114">
        <v>650992</v>
      </c>
      <c r="CR21" s="114">
        <v>1629930</v>
      </c>
      <c r="CS21" s="114">
        <v>416777</v>
      </c>
      <c r="CT21" s="114">
        <v>246870</v>
      </c>
      <c r="CU21" s="114">
        <v>175587</v>
      </c>
      <c r="CV21" s="113">
        <v>3120156</v>
      </c>
      <c r="CW21" s="116">
        <v>3120156</v>
      </c>
      <c r="CX21" s="110">
        <v>73218</v>
      </c>
      <c r="CY21" s="114">
        <v>196716</v>
      </c>
      <c r="CZ21" s="113">
        <v>269934</v>
      </c>
      <c r="DA21" s="110">
        <v>0</v>
      </c>
      <c r="DB21" s="114">
        <v>518265</v>
      </c>
      <c r="DC21" s="114">
        <v>831276</v>
      </c>
      <c r="DD21" s="114">
        <v>501856</v>
      </c>
      <c r="DE21" s="114">
        <v>39141</v>
      </c>
      <c r="DF21" s="114">
        <v>0</v>
      </c>
      <c r="DG21" s="113">
        <v>1890538</v>
      </c>
      <c r="DH21" s="116">
        <v>2160472</v>
      </c>
      <c r="DI21" s="110">
        <v>0</v>
      </c>
      <c r="DJ21" s="114">
        <v>27209</v>
      </c>
      <c r="DK21" s="112">
        <v>27209</v>
      </c>
      <c r="DL21" s="111">
        <v>0</v>
      </c>
      <c r="DM21" s="114">
        <v>220890</v>
      </c>
      <c r="DN21" s="114">
        <v>80413</v>
      </c>
      <c r="DO21" s="114">
        <v>102172</v>
      </c>
      <c r="DP21" s="114">
        <v>0</v>
      </c>
      <c r="DQ21" s="114">
        <v>75592</v>
      </c>
      <c r="DR21" s="113">
        <v>479067</v>
      </c>
      <c r="DS21" s="116">
        <v>506276</v>
      </c>
      <c r="DT21" s="110">
        <v>0</v>
      </c>
      <c r="DU21" s="114">
        <v>27209</v>
      </c>
      <c r="DV21" s="113">
        <v>27209</v>
      </c>
      <c r="DW21" s="110">
        <v>0</v>
      </c>
      <c r="DX21" s="114">
        <v>134076</v>
      </c>
      <c r="DY21" s="114">
        <v>80413</v>
      </c>
      <c r="DZ21" s="114">
        <v>102172</v>
      </c>
      <c r="EA21" s="114">
        <v>0</v>
      </c>
      <c r="EB21" s="114">
        <v>75592</v>
      </c>
      <c r="EC21" s="113">
        <v>392253</v>
      </c>
      <c r="ED21" s="116">
        <v>419462</v>
      </c>
      <c r="EE21" s="110">
        <v>0</v>
      </c>
      <c r="EF21" s="112">
        <v>0</v>
      </c>
      <c r="EG21" s="113">
        <v>0</v>
      </c>
      <c r="EH21" s="110">
        <v>0</v>
      </c>
      <c r="EI21" s="114">
        <v>86814</v>
      </c>
      <c r="EJ21" s="114">
        <v>0</v>
      </c>
      <c r="EK21" s="114">
        <v>0</v>
      </c>
      <c r="EL21" s="114">
        <v>0</v>
      </c>
      <c r="EM21" s="114">
        <v>0</v>
      </c>
      <c r="EN21" s="112">
        <v>86814</v>
      </c>
      <c r="EO21" s="116">
        <v>86814</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8"/>
      <c r="FE21" s="114">
        <v>0</v>
      </c>
      <c r="FF21" s="114">
        <v>0</v>
      </c>
      <c r="FG21" s="114">
        <v>0</v>
      </c>
      <c r="FH21" s="114">
        <v>0</v>
      </c>
      <c r="FI21" s="114">
        <v>0</v>
      </c>
      <c r="FJ21" s="113">
        <v>0</v>
      </c>
      <c r="FK21" s="116">
        <v>0</v>
      </c>
      <c r="FL21" s="110">
        <v>38710</v>
      </c>
      <c r="FM21" s="114">
        <v>217266</v>
      </c>
      <c r="FN21" s="113">
        <v>255976</v>
      </c>
      <c r="FO21" s="110">
        <v>0</v>
      </c>
      <c r="FP21" s="114">
        <v>84868</v>
      </c>
      <c r="FQ21" s="114">
        <v>424200</v>
      </c>
      <c r="FR21" s="114">
        <v>267596</v>
      </c>
      <c r="FS21" s="114">
        <v>245945</v>
      </c>
      <c r="FT21" s="114">
        <v>383845</v>
      </c>
      <c r="FU21" s="113">
        <v>1406454</v>
      </c>
      <c r="FV21" s="116">
        <v>1662430</v>
      </c>
      <c r="FW21" s="115">
        <v>38710</v>
      </c>
      <c r="FX21" s="114">
        <v>132566</v>
      </c>
      <c r="FY21" s="112">
        <v>171276</v>
      </c>
      <c r="FZ21" s="111">
        <v>0</v>
      </c>
      <c r="GA21" s="114">
        <v>73668</v>
      </c>
      <c r="GB21" s="114">
        <v>404215</v>
      </c>
      <c r="GC21" s="114">
        <v>256396</v>
      </c>
      <c r="GD21" s="114">
        <v>245945</v>
      </c>
      <c r="GE21" s="114">
        <v>383845</v>
      </c>
      <c r="GF21" s="113">
        <v>1364069</v>
      </c>
      <c r="GG21" s="319">
        <v>1535345</v>
      </c>
      <c r="GH21" s="115">
        <v>0</v>
      </c>
      <c r="GI21" s="114">
        <v>0</v>
      </c>
      <c r="GJ21" s="112">
        <v>0</v>
      </c>
      <c r="GK21" s="111">
        <v>0</v>
      </c>
      <c r="GL21" s="114">
        <v>11200</v>
      </c>
      <c r="GM21" s="114">
        <v>19985</v>
      </c>
      <c r="GN21" s="114">
        <v>11200</v>
      </c>
      <c r="GO21" s="114">
        <v>0</v>
      </c>
      <c r="GP21" s="114">
        <v>0</v>
      </c>
      <c r="GQ21" s="113">
        <v>42385</v>
      </c>
      <c r="GR21" s="116">
        <v>42385</v>
      </c>
      <c r="GS21" s="110">
        <v>0</v>
      </c>
      <c r="GT21" s="114">
        <v>84700</v>
      </c>
      <c r="GU21" s="113">
        <v>84700</v>
      </c>
      <c r="GV21" s="110">
        <v>0</v>
      </c>
      <c r="GW21" s="114">
        <v>0</v>
      </c>
      <c r="GX21" s="114">
        <v>0</v>
      </c>
      <c r="GY21" s="114">
        <v>0</v>
      </c>
      <c r="GZ21" s="114">
        <v>0</v>
      </c>
      <c r="HA21" s="114">
        <v>0</v>
      </c>
      <c r="HB21" s="112">
        <v>0</v>
      </c>
      <c r="HC21" s="116">
        <v>84700</v>
      </c>
      <c r="HD21" s="110">
        <v>226299</v>
      </c>
      <c r="HE21" s="114">
        <v>163242</v>
      </c>
      <c r="HF21" s="112">
        <v>389541</v>
      </c>
      <c r="HG21" s="111">
        <v>0</v>
      </c>
      <c r="HH21" s="114">
        <v>1776429</v>
      </c>
      <c r="HI21" s="114">
        <v>1344524</v>
      </c>
      <c r="HJ21" s="114">
        <v>1048193</v>
      </c>
      <c r="HK21" s="114">
        <v>2553970</v>
      </c>
      <c r="HL21" s="114">
        <v>1826364</v>
      </c>
      <c r="HM21" s="113">
        <v>8549480</v>
      </c>
      <c r="HN21" s="109">
        <v>8939021</v>
      </c>
      <c r="HO21" s="329"/>
      <c r="HP21" s="330"/>
      <c r="HQ21" s="331"/>
      <c r="HR21" s="332"/>
      <c r="HS21" s="330"/>
      <c r="HT21" s="330"/>
      <c r="HU21" s="330"/>
      <c r="HV21" s="330"/>
      <c r="HW21" s="330"/>
      <c r="HX21" s="333"/>
      <c r="HY21" s="334"/>
      <c r="HZ21" s="131">
        <v>0</v>
      </c>
      <c r="IA21" s="132">
        <v>0</v>
      </c>
      <c r="IB21" s="133">
        <v>0</v>
      </c>
      <c r="IC21" s="146">
        <v>0</v>
      </c>
      <c r="ID21" s="132">
        <v>569276</v>
      </c>
      <c r="IE21" s="147">
        <v>406761</v>
      </c>
      <c r="IF21" s="133">
        <v>929484</v>
      </c>
      <c r="IG21" s="132">
        <v>213347</v>
      </c>
      <c r="IH21" s="133">
        <v>917015</v>
      </c>
      <c r="II21" s="148">
        <v>3035883</v>
      </c>
      <c r="IJ21" s="139">
        <v>3035883</v>
      </c>
      <c r="IK21" s="232">
        <v>0</v>
      </c>
      <c r="IL21" s="236">
        <v>0</v>
      </c>
      <c r="IM21" s="237">
        <v>0</v>
      </c>
      <c r="IN21" s="140"/>
      <c r="IO21" s="119">
        <v>0</v>
      </c>
      <c r="IP21" s="119">
        <v>0</v>
      </c>
      <c r="IQ21" s="119">
        <v>0</v>
      </c>
      <c r="IR21" s="119">
        <v>0</v>
      </c>
      <c r="IS21" s="119">
        <v>230723</v>
      </c>
      <c r="IT21" s="141">
        <v>230723</v>
      </c>
      <c r="IU21" s="321">
        <v>230723</v>
      </c>
      <c r="IV21" s="142">
        <v>0</v>
      </c>
      <c r="IW21" s="119">
        <v>0</v>
      </c>
      <c r="IX21" s="120">
        <v>0</v>
      </c>
      <c r="IY21" s="144"/>
      <c r="IZ21" s="119">
        <v>0</v>
      </c>
      <c r="JA21" s="119">
        <v>0</v>
      </c>
      <c r="JB21" s="119">
        <v>14062</v>
      </c>
      <c r="JC21" s="119">
        <v>0</v>
      </c>
      <c r="JD21" s="119">
        <v>0</v>
      </c>
      <c r="JE21" s="120">
        <v>14062</v>
      </c>
      <c r="JF21" s="121">
        <v>14062</v>
      </c>
      <c r="JG21" s="142">
        <v>0</v>
      </c>
      <c r="JH21" s="119">
        <v>0</v>
      </c>
      <c r="JI21" s="141">
        <v>0</v>
      </c>
      <c r="JJ21" s="118">
        <v>0</v>
      </c>
      <c r="JK21" s="119">
        <v>263307</v>
      </c>
      <c r="JL21" s="119">
        <v>174717</v>
      </c>
      <c r="JM21" s="119">
        <v>283185</v>
      </c>
      <c r="JN21" s="119">
        <v>0</v>
      </c>
      <c r="JO21" s="119">
        <v>219377</v>
      </c>
      <c r="JP21" s="120">
        <v>940586</v>
      </c>
      <c r="JQ21" s="321">
        <v>940586</v>
      </c>
      <c r="JR21" s="142">
        <v>0</v>
      </c>
      <c r="JS21" s="119">
        <v>0</v>
      </c>
      <c r="JT21" s="141">
        <v>0</v>
      </c>
      <c r="JU21" s="118">
        <v>0</v>
      </c>
      <c r="JV21" s="119">
        <v>0</v>
      </c>
      <c r="JW21" s="119">
        <v>142060</v>
      </c>
      <c r="JX21" s="119">
        <v>204997</v>
      </c>
      <c r="JY21" s="119">
        <v>0</v>
      </c>
      <c r="JZ21" s="119">
        <v>0</v>
      </c>
      <c r="KA21" s="120">
        <v>347057</v>
      </c>
      <c r="KB21" s="321">
        <v>347057</v>
      </c>
      <c r="KC21" s="234">
        <v>0</v>
      </c>
      <c r="KD21" s="230">
        <v>0</v>
      </c>
      <c r="KE21" s="120">
        <v>0</v>
      </c>
      <c r="KF21" s="118">
        <v>0</v>
      </c>
      <c r="KG21" s="119">
        <v>0</v>
      </c>
      <c r="KH21" s="119">
        <v>0</v>
      </c>
      <c r="KI21" s="119">
        <v>0</v>
      </c>
      <c r="KJ21" s="119">
        <v>0</v>
      </c>
      <c r="KK21" s="119">
        <v>247213</v>
      </c>
      <c r="KL21" s="120">
        <v>247213</v>
      </c>
      <c r="KM21" s="143">
        <v>247213</v>
      </c>
      <c r="KN21" s="232">
        <v>0</v>
      </c>
      <c r="KO21" s="236">
        <v>0</v>
      </c>
      <c r="KP21" s="237">
        <v>0</v>
      </c>
      <c r="KQ21" s="140">
        <v>0</v>
      </c>
      <c r="KR21" s="119">
        <v>305969</v>
      </c>
      <c r="KS21" s="119">
        <v>89984</v>
      </c>
      <c r="KT21" s="119">
        <v>427240</v>
      </c>
      <c r="KU21" s="119">
        <v>213347</v>
      </c>
      <c r="KV21" s="119">
        <v>219702</v>
      </c>
      <c r="KW21" s="120">
        <v>1256242</v>
      </c>
      <c r="KX21" s="321">
        <v>1256242</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1">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200263</v>
      </c>
      <c r="MK21" s="119">
        <v>441577</v>
      </c>
      <c r="ML21" s="119">
        <v>2086647</v>
      </c>
      <c r="MM21" s="119">
        <v>3433278</v>
      </c>
      <c r="MN21" s="119">
        <v>984284</v>
      </c>
      <c r="MO21" s="120">
        <v>7146049</v>
      </c>
      <c r="MP21" s="143">
        <v>7146049</v>
      </c>
      <c r="MQ21" s="142">
        <v>0</v>
      </c>
      <c r="MR21" s="119">
        <v>0</v>
      </c>
      <c r="MS21" s="120">
        <v>0</v>
      </c>
      <c r="MT21" s="145"/>
      <c r="MU21" s="119">
        <v>0</v>
      </c>
      <c r="MV21" s="119">
        <v>0</v>
      </c>
      <c r="MW21" s="119">
        <v>1353659</v>
      </c>
      <c r="MX21" s="119">
        <v>1530904</v>
      </c>
      <c r="MY21" s="119">
        <v>245697</v>
      </c>
      <c r="MZ21" s="120">
        <v>3130260</v>
      </c>
      <c r="NA21" s="143">
        <v>3130260</v>
      </c>
      <c r="NB21" s="142">
        <v>0</v>
      </c>
      <c r="NC21" s="119">
        <v>0</v>
      </c>
      <c r="ND21" s="120">
        <v>0</v>
      </c>
      <c r="NE21" s="145"/>
      <c r="NF21" s="119">
        <v>200263</v>
      </c>
      <c r="NG21" s="119">
        <v>441577</v>
      </c>
      <c r="NH21" s="119">
        <v>732988</v>
      </c>
      <c r="NI21" s="119">
        <v>1251181</v>
      </c>
      <c r="NJ21" s="119">
        <v>738587</v>
      </c>
      <c r="NK21" s="120">
        <v>3364596</v>
      </c>
      <c r="NL21" s="321">
        <v>3364596</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651193</v>
      </c>
      <c r="OF21" s="119">
        <v>0</v>
      </c>
      <c r="OG21" s="120">
        <v>651193</v>
      </c>
      <c r="OH21" s="121">
        <v>651193</v>
      </c>
      <c r="OI21" s="142">
        <v>399668</v>
      </c>
      <c r="OJ21" s="119">
        <v>747401</v>
      </c>
      <c r="OK21" s="141">
        <v>1147069</v>
      </c>
      <c r="OL21" s="118">
        <v>0</v>
      </c>
      <c r="OM21" s="119">
        <v>4498628</v>
      </c>
      <c r="ON21" s="119">
        <v>6328868</v>
      </c>
      <c r="OO21" s="119">
        <v>6400495</v>
      </c>
      <c r="OP21" s="119">
        <v>8271460</v>
      </c>
      <c r="OQ21" s="119">
        <v>5197866</v>
      </c>
      <c r="OR21" s="120">
        <v>30697317</v>
      </c>
      <c r="OS21" s="143">
        <v>31844386</v>
      </c>
    </row>
    <row r="22" spans="2:409" ht="20.25" customHeight="1" x14ac:dyDescent="0.2">
      <c r="B22" s="126" t="s">
        <v>17</v>
      </c>
      <c r="C22" s="110">
        <v>427259</v>
      </c>
      <c r="D22" s="114">
        <v>909454</v>
      </c>
      <c r="E22" s="113">
        <v>1336713</v>
      </c>
      <c r="F22" s="109">
        <v>0</v>
      </c>
      <c r="G22" s="114">
        <v>4333152</v>
      </c>
      <c r="H22" s="114">
        <v>6074224</v>
      </c>
      <c r="I22" s="114">
        <v>5089231</v>
      </c>
      <c r="J22" s="114">
        <v>5723344</v>
      </c>
      <c r="K22" s="114">
        <v>4807834</v>
      </c>
      <c r="L22" s="109">
        <v>26027785</v>
      </c>
      <c r="M22" s="116">
        <v>27364498</v>
      </c>
      <c r="N22" s="110">
        <v>95991</v>
      </c>
      <c r="O22" s="114">
        <v>225244</v>
      </c>
      <c r="P22" s="113">
        <v>321235</v>
      </c>
      <c r="Q22" s="110">
        <v>0</v>
      </c>
      <c r="R22" s="114">
        <v>810656</v>
      </c>
      <c r="S22" s="114">
        <v>1653002</v>
      </c>
      <c r="T22" s="114">
        <v>1740638</v>
      </c>
      <c r="U22" s="114">
        <v>1516360</v>
      </c>
      <c r="V22" s="114">
        <v>2547025</v>
      </c>
      <c r="W22" s="113">
        <v>8267681</v>
      </c>
      <c r="X22" s="116">
        <v>8588916</v>
      </c>
      <c r="Y22" s="110">
        <v>0</v>
      </c>
      <c r="Z22" s="114">
        <v>0</v>
      </c>
      <c r="AA22" s="113">
        <v>0</v>
      </c>
      <c r="AB22" s="110">
        <v>0</v>
      </c>
      <c r="AC22" s="114">
        <v>213382</v>
      </c>
      <c r="AD22" s="114">
        <v>740699</v>
      </c>
      <c r="AE22" s="114">
        <v>890795</v>
      </c>
      <c r="AF22" s="114">
        <v>550200</v>
      </c>
      <c r="AG22" s="114">
        <v>1577858</v>
      </c>
      <c r="AH22" s="113">
        <v>3972934</v>
      </c>
      <c r="AI22" s="116">
        <v>3972934</v>
      </c>
      <c r="AJ22" s="110">
        <v>0</v>
      </c>
      <c r="AK22" s="114">
        <v>0</v>
      </c>
      <c r="AL22" s="113">
        <v>0</v>
      </c>
      <c r="AM22" s="110">
        <v>0</v>
      </c>
      <c r="AN22" s="114">
        <v>0</v>
      </c>
      <c r="AO22" s="114">
        <v>30643</v>
      </c>
      <c r="AP22" s="114">
        <v>51059</v>
      </c>
      <c r="AQ22" s="114">
        <v>264718</v>
      </c>
      <c r="AR22" s="114">
        <v>223970</v>
      </c>
      <c r="AS22" s="113">
        <v>570390</v>
      </c>
      <c r="AT22" s="116">
        <v>570390</v>
      </c>
      <c r="AU22" s="110">
        <v>66864</v>
      </c>
      <c r="AV22" s="114">
        <v>147789</v>
      </c>
      <c r="AW22" s="113">
        <v>214653</v>
      </c>
      <c r="AX22" s="110">
        <v>0</v>
      </c>
      <c r="AY22" s="114">
        <v>407553</v>
      </c>
      <c r="AZ22" s="114">
        <v>565871</v>
      </c>
      <c r="BA22" s="114">
        <v>543463</v>
      </c>
      <c r="BB22" s="114">
        <v>327754</v>
      </c>
      <c r="BC22" s="114">
        <v>487002</v>
      </c>
      <c r="BD22" s="113">
        <v>2331643</v>
      </c>
      <c r="BE22" s="116">
        <v>2546296</v>
      </c>
      <c r="BF22" s="110">
        <v>0</v>
      </c>
      <c r="BG22" s="114">
        <v>0</v>
      </c>
      <c r="BH22" s="112">
        <v>0</v>
      </c>
      <c r="BI22" s="111">
        <v>0</v>
      </c>
      <c r="BJ22" s="114">
        <v>0</v>
      </c>
      <c r="BK22" s="114">
        <v>42040</v>
      </c>
      <c r="BL22" s="114">
        <v>45965</v>
      </c>
      <c r="BM22" s="114">
        <v>51121</v>
      </c>
      <c r="BN22" s="114">
        <v>0</v>
      </c>
      <c r="BO22" s="113">
        <v>139126</v>
      </c>
      <c r="BP22" s="116">
        <v>139126</v>
      </c>
      <c r="BQ22" s="110">
        <v>29127</v>
      </c>
      <c r="BR22" s="114">
        <v>77455</v>
      </c>
      <c r="BS22" s="113">
        <v>106582</v>
      </c>
      <c r="BT22" s="110">
        <v>0</v>
      </c>
      <c r="BU22" s="114">
        <v>189721</v>
      </c>
      <c r="BV22" s="114">
        <v>273749</v>
      </c>
      <c r="BW22" s="114">
        <v>209356</v>
      </c>
      <c r="BX22" s="114">
        <v>322567</v>
      </c>
      <c r="BY22" s="114">
        <v>258195</v>
      </c>
      <c r="BZ22" s="113">
        <v>1253588</v>
      </c>
      <c r="CA22" s="116">
        <v>1360170</v>
      </c>
      <c r="CB22" s="110">
        <v>55808</v>
      </c>
      <c r="CC22" s="114">
        <v>129137</v>
      </c>
      <c r="CD22" s="113">
        <v>184945</v>
      </c>
      <c r="CE22" s="110">
        <v>0</v>
      </c>
      <c r="CF22" s="114">
        <v>1695207</v>
      </c>
      <c r="CG22" s="114">
        <v>2531132</v>
      </c>
      <c r="CH22" s="114">
        <v>1435683</v>
      </c>
      <c r="CI22" s="114">
        <v>568491</v>
      </c>
      <c r="CJ22" s="114">
        <v>185927</v>
      </c>
      <c r="CK22" s="113">
        <v>6416440</v>
      </c>
      <c r="CL22" s="116">
        <v>6601385</v>
      </c>
      <c r="CM22" s="110">
        <v>0</v>
      </c>
      <c r="CN22" s="114">
        <v>0</v>
      </c>
      <c r="CO22" s="113">
        <v>0</v>
      </c>
      <c r="CP22" s="111">
        <v>0</v>
      </c>
      <c r="CQ22" s="114">
        <v>1344166</v>
      </c>
      <c r="CR22" s="114">
        <v>2240223</v>
      </c>
      <c r="CS22" s="114">
        <v>1168749</v>
      </c>
      <c r="CT22" s="114">
        <v>453077</v>
      </c>
      <c r="CU22" s="114">
        <v>173404</v>
      </c>
      <c r="CV22" s="113">
        <v>5379619</v>
      </c>
      <c r="CW22" s="116">
        <v>5379619</v>
      </c>
      <c r="CX22" s="110">
        <v>55808</v>
      </c>
      <c r="CY22" s="114">
        <v>129137</v>
      </c>
      <c r="CZ22" s="113">
        <v>184945</v>
      </c>
      <c r="DA22" s="110">
        <v>0</v>
      </c>
      <c r="DB22" s="114">
        <v>351041</v>
      </c>
      <c r="DC22" s="114">
        <v>290909</v>
      </c>
      <c r="DD22" s="114">
        <v>266934</v>
      </c>
      <c r="DE22" s="114">
        <v>115414</v>
      </c>
      <c r="DF22" s="114">
        <v>12523</v>
      </c>
      <c r="DG22" s="113">
        <v>1036821</v>
      </c>
      <c r="DH22" s="116">
        <v>1221766</v>
      </c>
      <c r="DI22" s="110">
        <v>0</v>
      </c>
      <c r="DJ22" s="114">
        <v>0</v>
      </c>
      <c r="DK22" s="112">
        <v>0</v>
      </c>
      <c r="DL22" s="111">
        <v>0</v>
      </c>
      <c r="DM22" s="114">
        <v>124543</v>
      </c>
      <c r="DN22" s="114">
        <v>420333</v>
      </c>
      <c r="DO22" s="114">
        <v>494443</v>
      </c>
      <c r="DP22" s="114">
        <v>444612</v>
      </c>
      <c r="DQ22" s="114">
        <v>65396</v>
      </c>
      <c r="DR22" s="113">
        <v>1549327</v>
      </c>
      <c r="DS22" s="116">
        <v>1549327</v>
      </c>
      <c r="DT22" s="110">
        <v>0</v>
      </c>
      <c r="DU22" s="114">
        <v>0</v>
      </c>
      <c r="DV22" s="113">
        <v>0</v>
      </c>
      <c r="DW22" s="110">
        <v>0</v>
      </c>
      <c r="DX22" s="114">
        <v>60467</v>
      </c>
      <c r="DY22" s="114">
        <v>340061</v>
      </c>
      <c r="DZ22" s="114">
        <v>494443</v>
      </c>
      <c r="EA22" s="114">
        <v>396767</v>
      </c>
      <c r="EB22" s="114">
        <v>65396</v>
      </c>
      <c r="EC22" s="113">
        <v>1357134</v>
      </c>
      <c r="ED22" s="116">
        <v>1357134</v>
      </c>
      <c r="EE22" s="110">
        <v>0</v>
      </c>
      <c r="EF22" s="112">
        <v>0</v>
      </c>
      <c r="EG22" s="113">
        <v>0</v>
      </c>
      <c r="EH22" s="110">
        <v>0</v>
      </c>
      <c r="EI22" s="114">
        <v>64076</v>
      </c>
      <c r="EJ22" s="114">
        <v>80272</v>
      </c>
      <c r="EK22" s="114">
        <v>0</v>
      </c>
      <c r="EL22" s="114">
        <v>47845</v>
      </c>
      <c r="EM22" s="114">
        <v>0</v>
      </c>
      <c r="EN22" s="112">
        <v>192193</v>
      </c>
      <c r="EO22" s="116">
        <v>192193</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8"/>
      <c r="FE22" s="114">
        <v>0</v>
      </c>
      <c r="FF22" s="114">
        <v>0</v>
      </c>
      <c r="FG22" s="114">
        <v>0</v>
      </c>
      <c r="FH22" s="114">
        <v>0</v>
      </c>
      <c r="FI22" s="114">
        <v>0</v>
      </c>
      <c r="FJ22" s="113">
        <v>0</v>
      </c>
      <c r="FK22" s="116">
        <v>0</v>
      </c>
      <c r="FL22" s="110">
        <v>179298</v>
      </c>
      <c r="FM22" s="114">
        <v>247751</v>
      </c>
      <c r="FN22" s="113">
        <v>427049</v>
      </c>
      <c r="FO22" s="110">
        <v>0</v>
      </c>
      <c r="FP22" s="114">
        <v>322938</v>
      </c>
      <c r="FQ22" s="114">
        <v>718636</v>
      </c>
      <c r="FR22" s="114">
        <v>571613</v>
      </c>
      <c r="FS22" s="114">
        <v>466249</v>
      </c>
      <c r="FT22" s="114">
        <v>463995</v>
      </c>
      <c r="FU22" s="113">
        <v>2543431</v>
      </c>
      <c r="FV22" s="116">
        <v>2970480</v>
      </c>
      <c r="FW22" s="115">
        <v>62398</v>
      </c>
      <c r="FX22" s="114">
        <v>93506</v>
      </c>
      <c r="FY22" s="112">
        <v>155904</v>
      </c>
      <c r="FZ22" s="111">
        <v>0</v>
      </c>
      <c r="GA22" s="114">
        <v>113638</v>
      </c>
      <c r="GB22" s="114">
        <v>530061</v>
      </c>
      <c r="GC22" s="114">
        <v>535808</v>
      </c>
      <c r="GD22" s="114">
        <v>437605</v>
      </c>
      <c r="GE22" s="114">
        <v>323995</v>
      </c>
      <c r="GF22" s="113">
        <v>1941107</v>
      </c>
      <c r="GG22" s="319">
        <v>2097011</v>
      </c>
      <c r="GH22" s="115">
        <v>0</v>
      </c>
      <c r="GI22" s="114">
        <v>14245</v>
      </c>
      <c r="GJ22" s="112">
        <v>14245</v>
      </c>
      <c r="GK22" s="111">
        <v>0</v>
      </c>
      <c r="GL22" s="114">
        <v>0</v>
      </c>
      <c r="GM22" s="114">
        <v>18711</v>
      </c>
      <c r="GN22" s="114">
        <v>35805</v>
      </c>
      <c r="GO22" s="114">
        <v>28644</v>
      </c>
      <c r="GP22" s="114">
        <v>0</v>
      </c>
      <c r="GQ22" s="113">
        <v>83160</v>
      </c>
      <c r="GR22" s="116">
        <v>97405</v>
      </c>
      <c r="GS22" s="110">
        <v>116900</v>
      </c>
      <c r="GT22" s="114">
        <v>140000</v>
      </c>
      <c r="GU22" s="113">
        <v>256900</v>
      </c>
      <c r="GV22" s="110">
        <v>0</v>
      </c>
      <c r="GW22" s="114">
        <v>209300</v>
      </c>
      <c r="GX22" s="114">
        <v>169864</v>
      </c>
      <c r="GY22" s="114">
        <v>0</v>
      </c>
      <c r="GZ22" s="114">
        <v>0</v>
      </c>
      <c r="HA22" s="114">
        <v>140000</v>
      </c>
      <c r="HB22" s="112">
        <v>519164</v>
      </c>
      <c r="HC22" s="116">
        <v>776064</v>
      </c>
      <c r="HD22" s="110">
        <v>96162</v>
      </c>
      <c r="HE22" s="114">
        <v>307322</v>
      </c>
      <c r="HF22" s="112">
        <v>403484</v>
      </c>
      <c r="HG22" s="111">
        <v>0</v>
      </c>
      <c r="HH22" s="114">
        <v>1379808</v>
      </c>
      <c r="HI22" s="114">
        <v>751121</v>
      </c>
      <c r="HJ22" s="114">
        <v>846854</v>
      </c>
      <c r="HK22" s="114">
        <v>2727632</v>
      </c>
      <c r="HL22" s="114">
        <v>1545491</v>
      </c>
      <c r="HM22" s="113">
        <v>7250906</v>
      </c>
      <c r="HN22" s="109">
        <v>7654390</v>
      </c>
      <c r="HO22" s="329"/>
      <c r="HP22" s="330"/>
      <c r="HQ22" s="331"/>
      <c r="HR22" s="332"/>
      <c r="HS22" s="330"/>
      <c r="HT22" s="330"/>
      <c r="HU22" s="330"/>
      <c r="HV22" s="330"/>
      <c r="HW22" s="330"/>
      <c r="HX22" s="333"/>
      <c r="HY22" s="334"/>
      <c r="HZ22" s="150">
        <v>0</v>
      </c>
      <c r="IA22" s="135">
        <v>0</v>
      </c>
      <c r="IB22" s="150">
        <v>0</v>
      </c>
      <c r="IC22" s="134">
        <v>0</v>
      </c>
      <c r="ID22" s="135">
        <v>949408</v>
      </c>
      <c r="IE22" s="136">
        <v>2290890</v>
      </c>
      <c r="IF22" s="137">
        <v>1784901</v>
      </c>
      <c r="IG22" s="135">
        <v>1666268</v>
      </c>
      <c r="IH22" s="137">
        <v>1508700</v>
      </c>
      <c r="II22" s="138">
        <v>8200167</v>
      </c>
      <c r="IJ22" s="150">
        <v>8200167</v>
      </c>
      <c r="IK22" s="232">
        <v>0</v>
      </c>
      <c r="IL22" s="236">
        <v>0</v>
      </c>
      <c r="IM22" s="237">
        <v>0</v>
      </c>
      <c r="IN22" s="140"/>
      <c r="IO22" s="119">
        <v>0</v>
      </c>
      <c r="IP22" s="119">
        <v>0</v>
      </c>
      <c r="IQ22" s="119">
        <v>0</v>
      </c>
      <c r="IR22" s="119">
        <v>0</v>
      </c>
      <c r="IS22" s="119">
        <v>0</v>
      </c>
      <c r="IT22" s="141">
        <v>0</v>
      </c>
      <c r="IU22" s="321">
        <v>0</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438658</v>
      </c>
      <c r="JL22" s="119">
        <v>778411</v>
      </c>
      <c r="JM22" s="119">
        <v>491063</v>
      </c>
      <c r="JN22" s="119">
        <v>323652</v>
      </c>
      <c r="JO22" s="119">
        <v>74604</v>
      </c>
      <c r="JP22" s="120">
        <v>2106388</v>
      </c>
      <c r="JQ22" s="321">
        <v>2106388</v>
      </c>
      <c r="JR22" s="142">
        <v>0</v>
      </c>
      <c r="JS22" s="119">
        <v>0</v>
      </c>
      <c r="JT22" s="141">
        <v>0</v>
      </c>
      <c r="JU22" s="118">
        <v>0</v>
      </c>
      <c r="JV22" s="119">
        <v>0</v>
      </c>
      <c r="JW22" s="119">
        <v>0</v>
      </c>
      <c r="JX22" s="119">
        <v>0</v>
      </c>
      <c r="JY22" s="119">
        <v>0</v>
      </c>
      <c r="JZ22" s="119">
        <v>0</v>
      </c>
      <c r="KA22" s="120">
        <v>0</v>
      </c>
      <c r="KB22" s="321">
        <v>0</v>
      </c>
      <c r="KC22" s="234">
        <v>0</v>
      </c>
      <c r="KD22" s="230">
        <v>0</v>
      </c>
      <c r="KE22" s="120">
        <v>0</v>
      </c>
      <c r="KF22" s="118">
        <v>0</v>
      </c>
      <c r="KG22" s="119">
        <v>111078</v>
      </c>
      <c r="KH22" s="119">
        <v>466895</v>
      </c>
      <c r="KI22" s="119">
        <v>220233</v>
      </c>
      <c r="KJ22" s="119">
        <v>234194</v>
      </c>
      <c r="KK22" s="119">
        <v>249857</v>
      </c>
      <c r="KL22" s="120">
        <v>1282257</v>
      </c>
      <c r="KM22" s="143">
        <v>1282257</v>
      </c>
      <c r="KN22" s="232">
        <v>0</v>
      </c>
      <c r="KO22" s="236">
        <v>0</v>
      </c>
      <c r="KP22" s="237">
        <v>0</v>
      </c>
      <c r="KQ22" s="140">
        <v>0</v>
      </c>
      <c r="KR22" s="119">
        <v>399672</v>
      </c>
      <c r="KS22" s="119">
        <v>1045584</v>
      </c>
      <c r="KT22" s="119">
        <v>662977</v>
      </c>
      <c r="KU22" s="119">
        <v>885910</v>
      </c>
      <c r="KV22" s="119">
        <v>450625</v>
      </c>
      <c r="KW22" s="120">
        <v>3444768</v>
      </c>
      <c r="KX22" s="321">
        <v>3444768</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410628</v>
      </c>
      <c r="LQ22" s="119">
        <v>222512</v>
      </c>
      <c r="LR22" s="119">
        <v>733614</v>
      </c>
      <c r="LS22" s="120">
        <v>1366754</v>
      </c>
      <c r="LT22" s="321">
        <v>1366754</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299294</v>
      </c>
      <c r="MK22" s="119">
        <v>897699</v>
      </c>
      <c r="ML22" s="119">
        <v>4485829</v>
      </c>
      <c r="MM22" s="119">
        <v>1952879</v>
      </c>
      <c r="MN22" s="119">
        <v>2048736</v>
      </c>
      <c r="MO22" s="120">
        <v>9684437</v>
      </c>
      <c r="MP22" s="143">
        <v>9684437</v>
      </c>
      <c r="MQ22" s="142">
        <v>0</v>
      </c>
      <c r="MR22" s="119">
        <v>0</v>
      </c>
      <c r="MS22" s="120">
        <v>0</v>
      </c>
      <c r="MT22" s="145"/>
      <c r="MU22" s="119">
        <v>186537</v>
      </c>
      <c r="MV22" s="119">
        <v>202695</v>
      </c>
      <c r="MW22" s="119">
        <v>1648173</v>
      </c>
      <c r="MX22" s="119">
        <v>880294</v>
      </c>
      <c r="MY22" s="119">
        <v>1213720</v>
      </c>
      <c r="MZ22" s="120">
        <v>4131419</v>
      </c>
      <c r="NA22" s="143">
        <v>4131419</v>
      </c>
      <c r="NB22" s="142">
        <v>0</v>
      </c>
      <c r="NC22" s="119">
        <v>0</v>
      </c>
      <c r="ND22" s="120">
        <v>0</v>
      </c>
      <c r="NE22" s="145"/>
      <c r="NF22" s="119">
        <v>112757</v>
      </c>
      <c r="NG22" s="119">
        <v>695004</v>
      </c>
      <c r="NH22" s="119">
        <v>2837656</v>
      </c>
      <c r="NI22" s="119">
        <v>1072585</v>
      </c>
      <c r="NJ22" s="119">
        <v>835016</v>
      </c>
      <c r="NK22" s="120">
        <v>5553018</v>
      </c>
      <c r="NL22" s="321">
        <v>5553018</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427259</v>
      </c>
      <c r="OJ22" s="119">
        <v>909454</v>
      </c>
      <c r="OK22" s="141">
        <v>1336713</v>
      </c>
      <c r="OL22" s="118">
        <v>0</v>
      </c>
      <c r="OM22" s="119">
        <v>5581854</v>
      </c>
      <c r="ON22" s="119">
        <v>9262813</v>
      </c>
      <c r="OO22" s="119">
        <v>11359961</v>
      </c>
      <c r="OP22" s="119">
        <v>9342491</v>
      </c>
      <c r="OQ22" s="119">
        <v>8365270</v>
      </c>
      <c r="OR22" s="120">
        <v>43912389</v>
      </c>
      <c r="OS22" s="143">
        <v>45249102</v>
      </c>
    </row>
    <row r="23" spans="2:409" ht="20.25" customHeight="1" x14ac:dyDescent="0.2">
      <c r="B23" s="126" t="s">
        <v>18</v>
      </c>
      <c r="C23" s="110">
        <v>717471</v>
      </c>
      <c r="D23" s="114">
        <v>405465</v>
      </c>
      <c r="E23" s="113">
        <v>1122936</v>
      </c>
      <c r="F23" s="109">
        <v>0</v>
      </c>
      <c r="G23" s="114">
        <v>5803784</v>
      </c>
      <c r="H23" s="114">
        <v>9596924</v>
      </c>
      <c r="I23" s="114">
        <v>8023097</v>
      </c>
      <c r="J23" s="114">
        <v>8614275</v>
      </c>
      <c r="K23" s="114">
        <v>7066767</v>
      </c>
      <c r="L23" s="109">
        <v>39104847</v>
      </c>
      <c r="M23" s="116">
        <v>40227783</v>
      </c>
      <c r="N23" s="110">
        <v>305994</v>
      </c>
      <c r="O23" s="114">
        <v>118678</v>
      </c>
      <c r="P23" s="113">
        <v>424672</v>
      </c>
      <c r="Q23" s="110">
        <v>0</v>
      </c>
      <c r="R23" s="114">
        <v>1453586</v>
      </c>
      <c r="S23" s="114">
        <v>2800429</v>
      </c>
      <c r="T23" s="114">
        <v>2547559</v>
      </c>
      <c r="U23" s="114">
        <v>3509799</v>
      </c>
      <c r="V23" s="114">
        <v>3008082</v>
      </c>
      <c r="W23" s="113">
        <v>13319455</v>
      </c>
      <c r="X23" s="116">
        <v>13744127</v>
      </c>
      <c r="Y23" s="110">
        <v>0</v>
      </c>
      <c r="Z23" s="114">
        <v>0</v>
      </c>
      <c r="AA23" s="113">
        <v>0</v>
      </c>
      <c r="AB23" s="110">
        <v>0</v>
      </c>
      <c r="AC23" s="114">
        <v>625450</v>
      </c>
      <c r="AD23" s="114">
        <v>1319130</v>
      </c>
      <c r="AE23" s="114">
        <v>1431739</v>
      </c>
      <c r="AF23" s="114">
        <v>2099051</v>
      </c>
      <c r="AG23" s="114">
        <v>1288418</v>
      </c>
      <c r="AH23" s="113">
        <v>6763788</v>
      </c>
      <c r="AI23" s="116">
        <v>6763788</v>
      </c>
      <c r="AJ23" s="110">
        <v>0</v>
      </c>
      <c r="AK23" s="114">
        <v>0</v>
      </c>
      <c r="AL23" s="113">
        <v>0</v>
      </c>
      <c r="AM23" s="110">
        <v>0</v>
      </c>
      <c r="AN23" s="114">
        <v>0</v>
      </c>
      <c r="AO23" s="114">
        <v>21076</v>
      </c>
      <c r="AP23" s="114">
        <v>82052</v>
      </c>
      <c r="AQ23" s="114">
        <v>92055</v>
      </c>
      <c r="AR23" s="114">
        <v>316729</v>
      </c>
      <c r="AS23" s="113">
        <v>511912</v>
      </c>
      <c r="AT23" s="116">
        <v>511912</v>
      </c>
      <c r="AU23" s="110">
        <v>166555</v>
      </c>
      <c r="AV23" s="114">
        <v>112420</v>
      </c>
      <c r="AW23" s="113">
        <v>278975</v>
      </c>
      <c r="AX23" s="110">
        <v>0</v>
      </c>
      <c r="AY23" s="114">
        <v>472068</v>
      </c>
      <c r="AZ23" s="114">
        <v>1038132</v>
      </c>
      <c r="BA23" s="114">
        <v>621805</v>
      </c>
      <c r="BB23" s="114">
        <v>786998</v>
      </c>
      <c r="BC23" s="114">
        <v>917149</v>
      </c>
      <c r="BD23" s="113">
        <v>3836152</v>
      </c>
      <c r="BE23" s="116">
        <v>4115127</v>
      </c>
      <c r="BF23" s="110">
        <v>55474</v>
      </c>
      <c r="BG23" s="114">
        <v>0</v>
      </c>
      <c r="BH23" s="112">
        <v>55474</v>
      </c>
      <c r="BI23" s="111">
        <v>0</v>
      </c>
      <c r="BJ23" s="114">
        <v>83677</v>
      </c>
      <c r="BK23" s="114">
        <v>96416</v>
      </c>
      <c r="BL23" s="114">
        <v>161699</v>
      </c>
      <c r="BM23" s="114">
        <v>179693</v>
      </c>
      <c r="BN23" s="114">
        <v>38556</v>
      </c>
      <c r="BO23" s="113">
        <v>560041</v>
      </c>
      <c r="BP23" s="116">
        <v>615515</v>
      </c>
      <c r="BQ23" s="110">
        <v>83965</v>
      </c>
      <c r="BR23" s="114">
        <v>6258</v>
      </c>
      <c r="BS23" s="113">
        <v>90223</v>
      </c>
      <c r="BT23" s="110">
        <v>0</v>
      </c>
      <c r="BU23" s="114">
        <v>272391</v>
      </c>
      <c r="BV23" s="114">
        <v>325675</v>
      </c>
      <c r="BW23" s="114">
        <v>250264</v>
      </c>
      <c r="BX23" s="114">
        <v>352002</v>
      </c>
      <c r="BY23" s="114">
        <v>447230</v>
      </c>
      <c r="BZ23" s="113">
        <v>1647562</v>
      </c>
      <c r="CA23" s="116">
        <v>1737785</v>
      </c>
      <c r="CB23" s="110">
        <v>90551</v>
      </c>
      <c r="CC23" s="114">
        <v>168081</v>
      </c>
      <c r="CD23" s="113">
        <v>258632</v>
      </c>
      <c r="CE23" s="110">
        <v>0</v>
      </c>
      <c r="CF23" s="114">
        <v>2340344</v>
      </c>
      <c r="CG23" s="114">
        <v>3816690</v>
      </c>
      <c r="CH23" s="114">
        <v>1460000</v>
      </c>
      <c r="CI23" s="114">
        <v>1588739</v>
      </c>
      <c r="CJ23" s="114">
        <v>680934</v>
      </c>
      <c r="CK23" s="113">
        <v>9886707</v>
      </c>
      <c r="CL23" s="116">
        <v>10145339</v>
      </c>
      <c r="CM23" s="110">
        <v>0</v>
      </c>
      <c r="CN23" s="114">
        <v>0</v>
      </c>
      <c r="CO23" s="113">
        <v>0</v>
      </c>
      <c r="CP23" s="111">
        <v>0</v>
      </c>
      <c r="CQ23" s="114">
        <v>1934767</v>
      </c>
      <c r="CR23" s="114">
        <v>3019315</v>
      </c>
      <c r="CS23" s="114">
        <v>1040852</v>
      </c>
      <c r="CT23" s="114">
        <v>1218236</v>
      </c>
      <c r="CU23" s="114">
        <v>469371</v>
      </c>
      <c r="CV23" s="113">
        <v>7682541</v>
      </c>
      <c r="CW23" s="116">
        <v>7682541</v>
      </c>
      <c r="CX23" s="110">
        <v>90551</v>
      </c>
      <c r="CY23" s="114">
        <v>168081</v>
      </c>
      <c r="CZ23" s="113">
        <v>258632</v>
      </c>
      <c r="DA23" s="110">
        <v>0</v>
      </c>
      <c r="DB23" s="114">
        <v>405577</v>
      </c>
      <c r="DC23" s="114">
        <v>797375</v>
      </c>
      <c r="DD23" s="114">
        <v>419148</v>
      </c>
      <c r="DE23" s="114">
        <v>370503</v>
      </c>
      <c r="DF23" s="114">
        <v>211563</v>
      </c>
      <c r="DG23" s="113">
        <v>2204166</v>
      </c>
      <c r="DH23" s="116">
        <v>2462798</v>
      </c>
      <c r="DI23" s="110">
        <v>0</v>
      </c>
      <c r="DJ23" s="114">
        <v>0</v>
      </c>
      <c r="DK23" s="112">
        <v>0</v>
      </c>
      <c r="DL23" s="111">
        <v>0</v>
      </c>
      <c r="DM23" s="114">
        <v>128644</v>
      </c>
      <c r="DN23" s="114">
        <v>648627</v>
      </c>
      <c r="DO23" s="114">
        <v>2584787</v>
      </c>
      <c r="DP23" s="114">
        <v>1204619</v>
      </c>
      <c r="DQ23" s="114">
        <v>557507</v>
      </c>
      <c r="DR23" s="113">
        <v>5124184</v>
      </c>
      <c r="DS23" s="116">
        <v>5124184</v>
      </c>
      <c r="DT23" s="110">
        <v>0</v>
      </c>
      <c r="DU23" s="114">
        <v>0</v>
      </c>
      <c r="DV23" s="113">
        <v>0</v>
      </c>
      <c r="DW23" s="110">
        <v>0</v>
      </c>
      <c r="DX23" s="114">
        <v>128644</v>
      </c>
      <c r="DY23" s="114">
        <v>648627</v>
      </c>
      <c r="DZ23" s="114">
        <v>2584787</v>
      </c>
      <c r="EA23" s="114">
        <v>1204619</v>
      </c>
      <c r="EB23" s="114">
        <v>523800</v>
      </c>
      <c r="EC23" s="113">
        <v>5090477</v>
      </c>
      <c r="ED23" s="116">
        <v>5090477</v>
      </c>
      <c r="EE23" s="110">
        <v>0</v>
      </c>
      <c r="EF23" s="112">
        <v>0</v>
      </c>
      <c r="EG23" s="113">
        <v>0</v>
      </c>
      <c r="EH23" s="110">
        <v>0</v>
      </c>
      <c r="EI23" s="114">
        <v>0</v>
      </c>
      <c r="EJ23" s="114">
        <v>0</v>
      </c>
      <c r="EK23" s="114">
        <v>0</v>
      </c>
      <c r="EL23" s="114">
        <v>0</v>
      </c>
      <c r="EM23" s="114">
        <v>33707</v>
      </c>
      <c r="EN23" s="112">
        <v>33707</v>
      </c>
      <c r="EO23" s="116">
        <v>33707</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8"/>
      <c r="FE23" s="114">
        <v>0</v>
      </c>
      <c r="FF23" s="114">
        <v>0</v>
      </c>
      <c r="FG23" s="114">
        <v>0</v>
      </c>
      <c r="FH23" s="114">
        <v>0</v>
      </c>
      <c r="FI23" s="114">
        <v>0</v>
      </c>
      <c r="FJ23" s="113">
        <v>0</v>
      </c>
      <c r="FK23" s="116">
        <v>0</v>
      </c>
      <c r="FL23" s="110">
        <v>91280</v>
      </c>
      <c r="FM23" s="114">
        <v>118706</v>
      </c>
      <c r="FN23" s="113">
        <v>209986</v>
      </c>
      <c r="FO23" s="110">
        <v>0</v>
      </c>
      <c r="FP23" s="114">
        <v>532301</v>
      </c>
      <c r="FQ23" s="114">
        <v>645865</v>
      </c>
      <c r="FR23" s="114">
        <v>518441</v>
      </c>
      <c r="FS23" s="114">
        <v>755223</v>
      </c>
      <c r="FT23" s="114">
        <v>662291</v>
      </c>
      <c r="FU23" s="113">
        <v>3114121</v>
      </c>
      <c r="FV23" s="116">
        <v>3324107</v>
      </c>
      <c r="FW23" s="115">
        <v>59556</v>
      </c>
      <c r="FX23" s="114">
        <v>90832</v>
      </c>
      <c r="FY23" s="112">
        <v>150388</v>
      </c>
      <c r="FZ23" s="111">
        <v>0</v>
      </c>
      <c r="GA23" s="114">
        <v>220171</v>
      </c>
      <c r="GB23" s="114">
        <v>578809</v>
      </c>
      <c r="GC23" s="114">
        <v>451073</v>
      </c>
      <c r="GD23" s="114">
        <v>719341</v>
      </c>
      <c r="GE23" s="114">
        <v>545391</v>
      </c>
      <c r="GF23" s="113">
        <v>2514785</v>
      </c>
      <c r="GG23" s="319">
        <v>2665173</v>
      </c>
      <c r="GH23" s="115">
        <v>31724</v>
      </c>
      <c r="GI23" s="114">
        <v>27874</v>
      </c>
      <c r="GJ23" s="112">
        <v>59598</v>
      </c>
      <c r="GK23" s="111">
        <v>0</v>
      </c>
      <c r="GL23" s="114">
        <v>13860</v>
      </c>
      <c r="GM23" s="114">
        <v>28556</v>
      </c>
      <c r="GN23" s="114">
        <v>6468</v>
      </c>
      <c r="GO23" s="114">
        <v>35882</v>
      </c>
      <c r="GP23" s="114">
        <v>0</v>
      </c>
      <c r="GQ23" s="113">
        <v>84766</v>
      </c>
      <c r="GR23" s="116">
        <v>144364</v>
      </c>
      <c r="GS23" s="110">
        <v>0</v>
      </c>
      <c r="GT23" s="114">
        <v>0</v>
      </c>
      <c r="GU23" s="113">
        <v>0</v>
      </c>
      <c r="GV23" s="110">
        <v>0</v>
      </c>
      <c r="GW23" s="114">
        <v>298270</v>
      </c>
      <c r="GX23" s="114">
        <v>38500</v>
      </c>
      <c r="GY23" s="114">
        <v>60900</v>
      </c>
      <c r="GZ23" s="114">
        <v>0</v>
      </c>
      <c r="HA23" s="114">
        <v>116900</v>
      </c>
      <c r="HB23" s="112">
        <v>514570</v>
      </c>
      <c r="HC23" s="116">
        <v>514570</v>
      </c>
      <c r="HD23" s="110">
        <v>229646</v>
      </c>
      <c r="HE23" s="114">
        <v>0</v>
      </c>
      <c r="HF23" s="112">
        <v>229646</v>
      </c>
      <c r="HG23" s="111">
        <v>0</v>
      </c>
      <c r="HH23" s="114">
        <v>1348909</v>
      </c>
      <c r="HI23" s="114">
        <v>1685313</v>
      </c>
      <c r="HJ23" s="114">
        <v>912310</v>
      </c>
      <c r="HK23" s="114">
        <v>1555895</v>
      </c>
      <c r="HL23" s="114">
        <v>2157953</v>
      </c>
      <c r="HM23" s="113">
        <v>7660380</v>
      </c>
      <c r="HN23" s="109">
        <v>7890026</v>
      </c>
      <c r="HO23" s="329"/>
      <c r="HP23" s="330"/>
      <c r="HQ23" s="331"/>
      <c r="HR23" s="332"/>
      <c r="HS23" s="330"/>
      <c r="HT23" s="330"/>
      <c r="HU23" s="330"/>
      <c r="HV23" s="330"/>
      <c r="HW23" s="330"/>
      <c r="HX23" s="333"/>
      <c r="HY23" s="334"/>
      <c r="HZ23" s="131">
        <v>0</v>
      </c>
      <c r="IA23" s="132">
        <v>0</v>
      </c>
      <c r="IB23" s="133">
        <v>0</v>
      </c>
      <c r="IC23" s="146">
        <v>0</v>
      </c>
      <c r="ID23" s="132">
        <v>1172914</v>
      </c>
      <c r="IE23" s="147">
        <v>614554</v>
      </c>
      <c r="IF23" s="133">
        <v>1664667</v>
      </c>
      <c r="IG23" s="132">
        <v>739187</v>
      </c>
      <c r="IH23" s="133">
        <v>1250918</v>
      </c>
      <c r="II23" s="148">
        <v>5442240</v>
      </c>
      <c r="IJ23" s="139">
        <v>5442240</v>
      </c>
      <c r="IK23" s="232">
        <v>0</v>
      </c>
      <c r="IL23" s="236">
        <v>0</v>
      </c>
      <c r="IM23" s="237">
        <v>0</v>
      </c>
      <c r="IN23" s="140"/>
      <c r="IO23" s="119">
        <v>0</v>
      </c>
      <c r="IP23" s="119">
        <v>0</v>
      </c>
      <c r="IQ23" s="119">
        <v>0</v>
      </c>
      <c r="IR23" s="119">
        <v>0</v>
      </c>
      <c r="IS23" s="119">
        <v>237450</v>
      </c>
      <c r="IT23" s="141">
        <v>237450</v>
      </c>
      <c r="IU23" s="321">
        <v>23745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690250</v>
      </c>
      <c r="JL23" s="119">
        <v>319481</v>
      </c>
      <c r="JM23" s="119">
        <v>715353</v>
      </c>
      <c r="JN23" s="119">
        <v>19574</v>
      </c>
      <c r="JO23" s="119">
        <v>0</v>
      </c>
      <c r="JP23" s="120">
        <v>1744658</v>
      </c>
      <c r="JQ23" s="321">
        <v>1744658</v>
      </c>
      <c r="JR23" s="142">
        <v>0</v>
      </c>
      <c r="JS23" s="119">
        <v>0</v>
      </c>
      <c r="JT23" s="141">
        <v>0</v>
      </c>
      <c r="JU23" s="118">
        <v>0</v>
      </c>
      <c r="JV23" s="119">
        <v>31984</v>
      </c>
      <c r="JW23" s="119">
        <v>0</v>
      </c>
      <c r="JX23" s="119">
        <v>275828</v>
      </c>
      <c r="JY23" s="119">
        <v>0</v>
      </c>
      <c r="JZ23" s="119">
        <v>0</v>
      </c>
      <c r="KA23" s="120">
        <v>307812</v>
      </c>
      <c r="KB23" s="321">
        <v>307812</v>
      </c>
      <c r="KC23" s="234">
        <v>0</v>
      </c>
      <c r="KD23" s="230">
        <v>0</v>
      </c>
      <c r="KE23" s="120">
        <v>0</v>
      </c>
      <c r="KF23" s="118">
        <v>0</v>
      </c>
      <c r="KG23" s="119">
        <v>450680</v>
      </c>
      <c r="KH23" s="119">
        <v>88937</v>
      </c>
      <c r="KI23" s="119">
        <v>0</v>
      </c>
      <c r="KJ23" s="119">
        <v>223388</v>
      </c>
      <c r="KK23" s="119">
        <v>0</v>
      </c>
      <c r="KL23" s="120">
        <v>763005</v>
      </c>
      <c r="KM23" s="143">
        <v>763005</v>
      </c>
      <c r="KN23" s="232">
        <v>0</v>
      </c>
      <c r="KO23" s="236">
        <v>0</v>
      </c>
      <c r="KP23" s="237">
        <v>0</v>
      </c>
      <c r="KQ23" s="140">
        <v>0</v>
      </c>
      <c r="KR23" s="119">
        <v>0</v>
      </c>
      <c r="KS23" s="119">
        <v>206136</v>
      </c>
      <c r="KT23" s="119">
        <v>426038</v>
      </c>
      <c r="KU23" s="119">
        <v>0</v>
      </c>
      <c r="KV23" s="119">
        <v>445533</v>
      </c>
      <c r="KW23" s="120">
        <v>1077707</v>
      </c>
      <c r="KX23" s="321">
        <v>1077707</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238637</v>
      </c>
      <c r="LR23" s="119">
        <v>0</v>
      </c>
      <c r="LS23" s="120">
        <v>238637</v>
      </c>
      <c r="LT23" s="321">
        <v>238637</v>
      </c>
      <c r="LU23" s="142">
        <v>0</v>
      </c>
      <c r="LV23" s="119">
        <v>0</v>
      </c>
      <c r="LW23" s="120">
        <v>0</v>
      </c>
      <c r="LX23" s="145"/>
      <c r="LY23" s="119">
        <v>0</v>
      </c>
      <c r="LZ23" s="119">
        <v>0</v>
      </c>
      <c r="MA23" s="119">
        <v>247448</v>
      </c>
      <c r="MB23" s="119">
        <v>257588</v>
      </c>
      <c r="MC23" s="119">
        <v>567935</v>
      </c>
      <c r="MD23" s="120">
        <v>1072971</v>
      </c>
      <c r="ME23" s="121">
        <v>1072971</v>
      </c>
      <c r="MF23" s="142">
        <v>0</v>
      </c>
      <c r="MG23" s="119">
        <v>0</v>
      </c>
      <c r="MH23" s="120">
        <v>0</v>
      </c>
      <c r="MI23" s="145"/>
      <c r="MJ23" s="119">
        <v>787259</v>
      </c>
      <c r="MK23" s="119">
        <v>239381</v>
      </c>
      <c r="ML23" s="119">
        <v>2321055</v>
      </c>
      <c r="MM23" s="119">
        <v>5258729</v>
      </c>
      <c r="MN23" s="119">
        <v>1783988</v>
      </c>
      <c r="MO23" s="120">
        <v>10390412</v>
      </c>
      <c r="MP23" s="143">
        <v>10390412</v>
      </c>
      <c r="MQ23" s="142">
        <v>0</v>
      </c>
      <c r="MR23" s="119">
        <v>0</v>
      </c>
      <c r="MS23" s="120">
        <v>0</v>
      </c>
      <c r="MT23" s="145"/>
      <c r="MU23" s="119">
        <v>0</v>
      </c>
      <c r="MV23" s="119">
        <v>0</v>
      </c>
      <c r="MW23" s="119">
        <v>1232902</v>
      </c>
      <c r="MX23" s="119">
        <v>4963167</v>
      </c>
      <c r="MY23" s="119">
        <v>741336</v>
      </c>
      <c r="MZ23" s="120">
        <v>6937405</v>
      </c>
      <c r="NA23" s="143">
        <v>6937405</v>
      </c>
      <c r="NB23" s="142">
        <v>0</v>
      </c>
      <c r="NC23" s="119">
        <v>0</v>
      </c>
      <c r="ND23" s="120">
        <v>0</v>
      </c>
      <c r="NE23" s="145"/>
      <c r="NF23" s="119">
        <v>787259</v>
      </c>
      <c r="NG23" s="119">
        <v>239381</v>
      </c>
      <c r="NH23" s="119">
        <v>1088153</v>
      </c>
      <c r="NI23" s="119">
        <v>295562</v>
      </c>
      <c r="NJ23" s="119">
        <v>779173</v>
      </c>
      <c r="NK23" s="120">
        <v>3189528</v>
      </c>
      <c r="NL23" s="321">
        <v>3189528</v>
      </c>
      <c r="NM23" s="142">
        <v>0</v>
      </c>
      <c r="NN23" s="119">
        <v>0</v>
      </c>
      <c r="NO23" s="120">
        <v>0</v>
      </c>
      <c r="NP23" s="145"/>
      <c r="NQ23" s="119">
        <v>0</v>
      </c>
      <c r="NR23" s="119">
        <v>0</v>
      </c>
      <c r="NS23" s="119">
        <v>0</v>
      </c>
      <c r="NT23" s="119">
        <v>0</v>
      </c>
      <c r="NU23" s="119">
        <v>263479</v>
      </c>
      <c r="NV23" s="120">
        <v>263479</v>
      </c>
      <c r="NW23" s="121">
        <v>263479</v>
      </c>
      <c r="NX23" s="142">
        <v>0</v>
      </c>
      <c r="NY23" s="119">
        <v>0</v>
      </c>
      <c r="NZ23" s="120">
        <v>0</v>
      </c>
      <c r="OA23" s="145"/>
      <c r="OB23" s="119">
        <v>0</v>
      </c>
      <c r="OC23" s="119">
        <v>0</v>
      </c>
      <c r="OD23" s="119">
        <v>0</v>
      </c>
      <c r="OE23" s="119">
        <v>0</v>
      </c>
      <c r="OF23" s="119">
        <v>0</v>
      </c>
      <c r="OG23" s="120">
        <v>0</v>
      </c>
      <c r="OH23" s="121">
        <v>0</v>
      </c>
      <c r="OI23" s="142">
        <v>717471</v>
      </c>
      <c r="OJ23" s="119">
        <v>405465</v>
      </c>
      <c r="OK23" s="141">
        <v>1122936</v>
      </c>
      <c r="OL23" s="118">
        <v>0</v>
      </c>
      <c r="OM23" s="119">
        <v>7763957</v>
      </c>
      <c r="ON23" s="119">
        <v>10450859</v>
      </c>
      <c r="OO23" s="119">
        <v>12008819</v>
      </c>
      <c r="OP23" s="119">
        <v>14612191</v>
      </c>
      <c r="OQ23" s="119">
        <v>10101673</v>
      </c>
      <c r="OR23" s="120">
        <v>54937499</v>
      </c>
      <c r="OS23" s="143">
        <v>56060435</v>
      </c>
    </row>
    <row r="24" spans="2:409" ht="20.25" customHeight="1" x14ac:dyDescent="0.2">
      <c r="B24" s="126" t="s">
        <v>19</v>
      </c>
      <c r="C24" s="110">
        <v>136929</v>
      </c>
      <c r="D24" s="114">
        <v>563088</v>
      </c>
      <c r="E24" s="113">
        <v>700017</v>
      </c>
      <c r="F24" s="109">
        <v>0</v>
      </c>
      <c r="G24" s="114">
        <v>2748396</v>
      </c>
      <c r="H24" s="114">
        <v>2551868</v>
      </c>
      <c r="I24" s="114">
        <v>2883731</v>
      </c>
      <c r="J24" s="114">
        <v>2113085</v>
      </c>
      <c r="K24" s="114">
        <v>1811037</v>
      </c>
      <c r="L24" s="109">
        <v>12108117</v>
      </c>
      <c r="M24" s="116">
        <v>12808134</v>
      </c>
      <c r="N24" s="110">
        <v>72627</v>
      </c>
      <c r="O24" s="114">
        <v>96548</v>
      </c>
      <c r="P24" s="113">
        <v>169175</v>
      </c>
      <c r="Q24" s="110">
        <v>0</v>
      </c>
      <c r="R24" s="114">
        <v>664180</v>
      </c>
      <c r="S24" s="114">
        <v>795043</v>
      </c>
      <c r="T24" s="114">
        <v>943251</v>
      </c>
      <c r="U24" s="114">
        <v>943408</v>
      </c>
      <c r="V24" s="114">
        <v>525550</v>
      </c>
      <c r="W24" s="113">
        <v>3871432</v>
      </c>
      <c r="X24" s="116">
        <v>4040607</v>
      </c>
      <c r="Y24" s="110">
        <v>0</v>
      </c>
      <c r="Z24" s="114">
        <v>0</v>
      </c>
      <c r="AA24" s="113">
        <v>0</v>
      </c>
      <c r="AB24" s="110">
        <v>0</v>
      </c>
      <c r="AC24" s="114">
        <v>199819</v>
      </c>
      <c r="AD24" s="114">
        <v>257477</v>
      </c>
      <c r="AE24" s="114">
        <v>447279</v>
      </c>
      <c r="AF24" s="114">
        <v>74243</v>
      </c>
      <c r="AG24" s="114">
        <v>128241</v>
      </c>
      <c r="AH24" s="113">
        <v>1107059</v>
      </c>
      <c r="AI24" s="116">
        <v>1107059</v>
      </c>
      <c r="AJ24" s="110">
        <v>0</v>
      </c>
      <c r="AK24" s="114">
        <v>0</v>
      </c>
      <c r="AL24" s="113">
        <v>0</v>
      </c>
      <c r="AM24" s="110">
        <v>0</v>
      </c>
      <c r="AN24" s="114">
        <v>0</v>
      </c>
      <c r="AO24" s="114">
        <v>0</v>
      </c>
      <c r="AP24" s="114">
        <v>89365</v>
      </c>
      <c r="AQ24" s="114">
        <v>69029</v>
      </c>
      <c r="AR24" s="114">
        <v>120857</v>
      </c>
      <c r="AS24" s="113">
        <v>279251</v>
      </c>
      <c r="AT24" s="116">
        <v>279251</v>
      </c>
      <c r="AU24" s="110">
        <v>42107</v>
      </c>
      <c r="AV24" s="114">
        <v>62885</v>
      </c>
      <c r="AW24" s="113">
        <v>104992</v>
      </c>
      <c r="AX24" s="110">
        <v>0</v>
      </c>
      <c r="AY24" s="114">
        <v>208280</v>
      </c>
      <c r="AZ24" s="114">
        <v>403484</v>
      </c>
      <c r="BA24" s="114">
        <v>246881</v>
      </c>
      <c r="BB24" s="114">
        <v>649692</v>
      </c>
      <c r="BC24" s="114">
        <v>198073</v>
      </c>
      <c r="BD24" s="113">
        <v>1706410</v>
      </c>
      <c r="BE24" s="116">
        <v>1811402</v>
      </c>
      <c r="BF24" s="110">
        <v>0</v>
      </c>
      <c r="BG24" s="114">
        <v>0</v>
      </c>
      <c r="BH24" s="112">
        <v>0</v>
      </c>
      <c r="BI24" s="111">
        <v>0</v>
      </c>
      <c r="BJ24" s="114">
        <v>118853</v>
      </c>
      <c r="BK24" s="114">
        <v>34563</v>
      </c>
      <c r="BL24" s="114">
        <v>0</v>
      </c>
      <c r="BM24" s="114">
        <v>0</v>
      </c>
      <c r="BN24" s="114">
        <v>0</v>
      </c>
      <c r="BO24" s="113">
        <v>153416</v>
      </c>
      <c r="BP24" s="116">
        <v>153416</v>
      </c>
      <c r="BQ24" s="110">
        <v>30520</v>
      </c>
      <c r="BR24" s="114">
        <v>33663</v>
      </c>
      <c r="BS24" s="113">
        <v>64183</v>
      </c>
      <c r="BT24" s="110">
        <v>0</v>
      </c>
      <c r="BU24" s="114">
        <v>137228</v>
      </c>
      <c r="BV24" s="114">
        <v>99519</v>
      </c>
      <c r="BW24" s="114">
        <v>159726</v>
      </c>
      <c r="BX24" s="114">
        <v>150444</v>
      </c>
      <c r="BY24" s="114">
        <v>78379</v>
      </c>
      <c r="BZ24" s="113">
        <v>625296</v>
      </c>
      <c r="CA24" s="116">
        <v>689479</v>
      </c>
      <c r="CB24" s="110">
        <v>0</v>
      </c>
      <c r="CC24" s="114">
        <v>174002</v>
      </c>
      <c r="CD24" s="113">
        <v>174002</v>
      </c>
      <c r="CE24" s="110">
        <v>0</v>
      </c>
      <c r="CF24" s="114">
        <v>909124</v>
      </c>
      <c r="CG24" s="114">
        <v>540005</v>
      </c>
      <c r="CH24" s="114">
        <v>668936</v>
      </c>
      <c r="CI24" s="114">
        <v>492300</v>
      </c>
      <c r="CJ24" s="114">
        <v>457007</v>
      </c>
      <c r="CK24" s="113">
        <v>3067372</v>
      </c>
      <c r="CL24" s="116">
        <v>3241374</v>
      </c>
      <c r="CM24" s="110">
        <v>0</v>
      </c>
      <c r="CN24" s="114">
        <v>0</v>
      </c>
      <c r="CO24" s="113">
        <v>0</v>
      </c>
      <c r="CP24" s="111">
        <v>0</v>
      </c>
      <c r="CQ24" s="114">
        <v>724474</v>
      </c>
      <c r="CR24" s="114">
        <v>327971</v>
      </c>
      <c r="CS24" s="114">
        <v>410272</v>
      </c>
      <c r="CT24" s="114">
        <v>143993</v>
      </c>
      <c r="CU24" s="114">
        <v>324639</v>
      </c>
      <c r="CV24" s="113">
        <v>1931349</v>
      </c>
      <c r="CW24" s="116">
        <v>1931349</v>
      </c>
      <c r="CX24" s="110">
        <v>0</v>
      </c>
      <c r="CY24" s="114">
        <v>174002</v>
      </c>
      <c r="CZ24" s="113">
        <v>174002</v>
      </c>
      <c r="DA24" s="110">
        <v>0</v>
      </c>
      <c r="DB24" s="114">
        <v>184650</v>
      </c>
      <c r="DC24" s="114">
        <v>212034</v>
      </c>
      <c r="DD24" s="114">
        <v>258664</v>
      </c>
      <c r="DE24" s="114">
        <v>348307</v>
      </c>
      <c r="DF24" s="114">
        <v>132368</v>
      </c>
      <c r="DG24" s="113">
        <v>1136023</v>
      </c>
      <c r="DH24" s="116">
        <v>1310025</v>
      </c>
      <c r="DI24" s="110">
        <v>0</v>
      </c>
      <c r="DJ24" s="114">
        <v>16030</v>
      </c>
      <c r="DK24" s="112">
        <v>16030</v>
      </c>
      <c r="DL24" s="111">
        <v>0</v>
      </c>
      <c r="DM24" s="114">
        <v>13344</v>
      </c>
      <c r="DN24" s="114">
        <v>235932</v>
      </c>
      <c r="DO24" s="114">
        <v>126944</v>
      </c>
      <c r="DP24" s="114">
        <v>48374</v>
      </c>
      <c r="DQ24" s="114">
        <v>92460</v>
      </c>
      <c r="DR24" s="113">
        <v>517054</v>
      </c>
      <c r="DS24" s="116">
        <v>533084</v>
      </c>
      <c r="DT24" s="110">
        <v>0</v>
      </c>
      <c r="DU24" s="114">
        <v>16030</v>
      </c>
      <c r="DV24" s="113">
        <v>16030</v>
      </c>
      <c r="DW24" s="110">
        <v>0</v>
      </c>
      <c r="DX24" s="114">
        <v>13344</v>
      </c>
      <c r="DY24" s="114">
        <v>172724</v>
      </c>
      <c r="DZ24" s="114">
        <v>99096</v>
      </c>
      <c r="EA24" s="114">
        <v>0</v>
      </c>
      <c r="EB24" s="114">
        <v>92460</v>
      </c>
      <c r="EC24" s="113">
        <v>377624</v>
      </c>
      <c r="ED24" s="116">
        <v>393654</v>
      </c>
      <c r="EE24" s="110">
        <v>0</v>
      </c>
      <c r="EF24" s="112">
        <v>0</v>
      </c>
      <c r="EG24" s="113">
        <v>0</v>
      </c>
      <c r="EH24" s="110">
        <v>0</v>
      </c>
      <c r="EI24" s="114">
        <v>0</v>
      </c>
      <c r="EJ24" s="114">
        <v>63208</v>
      </c>
      <c r="EK24" s="114">
        <v>27848</v>
      </c>
      <c r="EL24" s="114">
        <v>48374</v>
      </c>
      <c r="EM24" s="114">
        <v>0</v>
      </c>
      <c r="EN24" s="112">
        <v>139430</v>
      </c>
      <c r="EO24" s="116">
        <v>139430</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8"/>
      <c r="FE24" s="114">
        <v>0</v>
      </c>
      <c r="FF24" s="114">
        <v>0</v>
      </c>
      <c r="FG24" s="114">
        <v>0</v>
      </c>
      <c r="FH24" s="114">
        <v>0</v>
      </c>
      <c r="FI24" s="114">
        <v>0</v>
      </c>
      <c r="FJ24" s="113">
        <v>0</v>
      </c>
      <c r="FK24" s="116">
        <v>0</v>
      </c>
      <c r="FL24" s="110">
        <v>17570</v>
      </c>
      <c r="FM24" s="114">
        <v>42840</v>
      </c>
      <c r="FN24" s="113">
        <v>60410</v>
      </c>
      <c r="FO24" s="110">
        <v>0</v>
      </c>
      <c r="FP24" s="114">
        <v>88025</v>
      </c>
      <c r="FQ24" s="114">
        <v>323750</v>
      </c>
      <c r="FR24" s="114">
        <v>306089</v>
      </c>
      <c r="FS24" s="114">
        <v>257929</v>
      </c>
      <c r="FT24" s="114">
        <v>135142</v>
      </c>
      <c r="FU24" s="113">
        <v>1110935</v>
      </c>
      <c r="FV24" s="116">
        <v>1171345</v>
      </c>
      <c r="FW24" s="115">
        <v>17570</v>
      </c>
      <c r="FX24" s="114">
        <v>42840</v>
      </c>
      <c r="FY24" s="112">
        <v>60410</v>
      </c>
      <c r="FZ24" s="111">
        <v>0</v>
      </c>
      <c r="GA24" s="114">
        <v>88025</v>
      </c>
      <c r="GB24" s="114">
        <v>219926</v>
      </c>
      <c r="GC24" s="114">
        <v>306089</v>
      </c>
      <c r="GD24" s="114">
        <v>257929</v>
      </c>
      <c r="GE24" s="114">
        <v>135142</v>
      </c>
      <c r="GF24" s="113">
        <v>1007111</v>
      </c>
      <c r="GG24" s="319">
        <v>1067521</v>
      </c>
      <c r="GH24" s="115">
        <v>0</v>
      </c>
      <c r="GI24" s="114">
        <v>0</v>
      </c>
      <c r="GJ24" s="112">
        <v>0</v>
      </c>
      <c r="GK24" s="111">
        <v>0</v>
      </c>
      <c r="GL24" s="114">
        <v>0</v>
      </c>
      <c r="GM24" s="114">
        <v>16324</v>
      </c>
      <c r="GN24" s="114">
        <v>0</v>
      </c>
      <c r="GO24" s="114">
        <v>0</v>
      </c>
      <c r="GP24" s="114">
        <v>0</v>
      </c>
      <c r="GQ24" s="113">
        <v>16324</v>
      </c>
      <c r="GR24" s="116">
        <v>16324</v>
      </c>
      <c r="GS24" s="110">
        <v>0</v>
      </c>
      <c r="GT24" s="114">
        <v>0</v>
      </c>
      <c r="GU24" s="113">
        <v>0</v>
      </c>
      <c r="GV24" s="110">
        <v>0</v>
      </c>
      <c r="GW24" s="114">
        <v>0</v>
      </c>
      <c r="GX24" s="114">
        <v>87500</v>
      </c>
      <c r="GY24" s="114">
        <v>0</v>
      </c>
      <c r="GZ24" s="114">
        <v>0</v>
      </c>
      <c r="HA24" s="114">
        <v>0</v>
      </c>
      <c r="HB24" s="112">
        <v>87500</v>
      </c>
      <c r="HC24" s="116">
        <v>87500</v>
      </c>
      <c r="HD24" s="110">
        <v>46732</v>
      </c>
      <c r="HE24" s="114">
        <v>233668</v>
      </c>
      <c r="HF24" s="112">
        <v>280400</v>
      </c>
      <c r="HG24" s="111">
        <v>0</v>
      </c>
      <c r="HH24" s="114">
        <v>1073723</v>
      </c>
      <c r="HI24" s="114">
        <v>657138</v>
      </c>
      <c r="HJ24" s="114">
        <v>838511</v>
      </c>
      <c r="HK24" s="114">
        <v>371074</v>
      </c>
      <c r="HL24" s="114">
        <v>600878</v>
      </c>
      <c r="HM24" s="113">
        <v>3541324</v>
      </c>
      <c r="HN24" s="109">
        <v>3821724</v>
      </c>
      <c r="HO24" s="329"/>
      <c r="HP24" s="330"/>
      <c r="HQ24" s="331"/>
      <c r="HR24" s="332"/>
      <c r="HS24" s="330"/>
      <c r="HT24" s="330"/>
      <c r="HU24" s="330"/>
      <c r="HV24" s="330"/>
      <c r="HW24" s="330"/>
      <c r="HX24" s="333"/>
      <c r="HY24" s="334"/>
      <c r="HZ24" s="150">
        <v>0</v>
      </c>
      <c r="IA24" s="135">
        <v>0</v>
      </c>
      <c r="IB24" s="150">
        <v>0</v>
      </c>
      <c r="IC24" s="134">
        <v>0</v>
      </c>
      <c r="ID24" s="135">
        <v>620754</v>
      </c>
      <c r="IE24" s="136">
        <v>1092610</v>
      </c>
      <c r="IF24" s="137">
        <v>540819</v>
      </c>
      <c r="IG24" s="135">
        <v>1173697</v>
      </c>
      <c r="IH24" s="137">
        <v>0</v>
      </c>
      <c r="II24" s="138">
        <v>3427880</v>
      </c>
      <c r="IJ24" s="150">
        <v>3427880</v>
      </c>
      <c r="IK24" s="232">
        <v>0</v>
      </c>
      <c r="IL24" s="236">
        <v>0</v>
      </c>
      <c r="IM24" s="237">
        <v>0</v>
      </c>
      <c r="IN24" s="140"/>
      <c r="IO24" s="119">
        <v>0</v>
      </c>
      <c r="IP24" s="119">
        <v>0</v>
      </c>
      <c r="IQ24" s="119">
        <v>145919</v>
      </c>
      <c r="IR24" s="119">
        <v>346666</v>
      </c>
      <c r="IS24" s="119">
        <v>0</v>
      </c>
      <c r="IT24" s="141">
        <v>492585</v>
      </c>
      <c r="IU24" s="321">
        <v>492585</v>
      </c>
      <c r="IV24" s="142">
        <v>0</v>
      </c>
      <c r="IW24" s="119">
        <v>0</v>
      </c>
      <c r="IX24" s="120">
        <v>0</v>
      </c>
      <c r="IY24" s="144"/>
      <c r="IZ24" s="119">
        <v>0</v>
      </c>
      <c r="JA24" s="119">
        <v>0</v>
      </c>
      <c r="JB24" s="119">
        <v>0</v>
      </c>
      <c r="JC24" s="119">
        <v>8725</v>
      </c>
      <c r="JD24" s="119">
        <v>0</v>
      </c>
      <c r="JE24" s="120">
        <v>8725</v>
      </c>
      <c r="JF24" s="121">
        <v>8725</v>
      </c>
      <c r="JG24" s="142">
        <v>0</v>
      </c>
      <c r="JH24" s="119">
        <v>0</v>
      </c>
      <c r="JI24" s="141">
        <v>0</v>
      </c>
      <c r="JJ24" s="118">
        <v>0</v>
      </c>
      <c r="JK24" s="119">
        <v>461505</v>
      </c>
      <c r="JL24" s="119">
        <v>292749</v>
      </c>
      <c r="JM24" s="119">
        <v>180647</v>
      </c>
      <c r="JN24" s="119">
        <v>117162</v>
      </c>
      <c r="JO24" s="119">
        <v>0</v>
      </c>
      <c r="JP24" s="120">
        <v>1052063</v>
      </c>
      <c r="JQ24" s="321">
        <v>1052063</v>
      </c>
      <c r="JR24" s="142">
        <v>0</v>
      </c>
      <c r="JS24" s="119">
        <v>0</v>
      </c>
      <c r="JT24" s="141">
        <v>0</v>
      </c>
      <c r="JU24" s="118">
        <v>0</v>
      </c>
      <c r="JV24" s="119">
        <v>42825</v>
      </c>
      <c r="JW24" s="119">
        <v>269859</v>
      </c>
      <c r="JX24" s="119">
        <v>0</v>
      </c>
      <c r="JY24" s="119">
        <v>0</v>
      </c>
      <c r="JZ24" s="119">
        <v>0</v>
      </c>
      <c r="KA24" s="120">
        <v>312684</v>
      </c>
      <c r="KB24" s="321">
        <v>312684</v>
      </c>
      <c r="KC24" s="234">
        <v>0</v>
      </c>
      <c r="KD24" s="230">
        <v>0</v>
      </c>
      <c r="KE24" s="120">
        <v>0</v>
      </c>
      <c r="KF24" s="118">
        <v>0</v>
      </c>
      <c r="KG24" s="119">
        <v>116424</v>
      </c>
      <c r="KH24" s="119">
        <v>160926</v>
      </c>
      <c r="KI24" s="119">
        <v>214253</v>
      </c>
      <c r="KJ24" s="119">
        <v>438084</v>
      </c>
      <c r="KK24" s="119">
        <v>0</v>
      </c>
      <c r="KL24" s="120">
        <v>929687</v>
      </c>
      <c r="KM24" s="143">
        <v>929687</v>
      </c>
      <c r="KN24" s="232">
        <v>0</v>
      </c>
      <c r="KO24" s="236">
        <v>0</v>
      </c>
      <c r="KP24" s="237">
        <v>0</v>
      </c>
      <c r="KQ24" s="140">
        <v>0</v>
      </c>
      <c r="KR24" s="119">
        <v>0</v>
      </c>
      <c r="KS24" s="119">
        <v>369076</v>
      </c>
      <c r="KT24" s="119">
        <v>0</v>
      </c>
      <c r="KU24" s="119">
        <v>0</v>
      </c>
      <c r="KV24" s="119">
        <v>0</v>
      </c>
      <c r="KW24" s="120">
        <v>369076</v>
      </c>
      <c r="KX24" s="321">
        <v>369076</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1">
        <v>0</v>
      </c>
      <c r="LU24" s="142">
        <v>0</v>
      </c>
      <c r="LV24" s="119">
        <v>0</v>
      </c>
      <c r="LW24" s="120">
        <v>0</v>
      </c>
      <c r="LX24" s="145"/>
      <c r="LY24" s="119">
        <v>0</v>
      </c>
      <c r="LZ24" s="119">
        <v>0</v>
      </c>
      <c r="MA24" s="119">
        <v>0</v>
      </c>
      <c r="MB24" s="119">
        <v>263060</v>
      </c>
      <c r="MC24" s="119">
        <v>0</v>
      </c>
      <c r="MD24" s="120">
        <v>263060</v>
      </c>
      <c r="ME24" s="121">
        <v>263060</v>
      </c>
      <c r="MF24" s="142">
        <v>0</v>
      </c>
      <c r="MG24" s="119">
        <v>0</v>
      </c>
      <c r="MH24" s="120">
        <v>0</v>
      </c>
      <c r="MI24" s="145"/>
      <c r="MJ24" s="119">
        <v>0</v>
      </c>
      <c r="MK24" s="119">
        <v>426478</v>
      </c>
      <c r="ML24" s="119">
        <v>1357265</v>
      </c>
      <c r="MM24" s="119">
        <v>1307582</v>
      </c>
      <c r="MN24" s="119">
        <v>885170</v>
      </c>
      <c r="MO24" s="120">
        <v>3976495</v>
      </c>
      <c r="MP24" s="143">
        <v>3976495</v>
      </c>
      <c r="MQ24" s="142">
        <v>0</v>
      </c>
      <c r="MR24" s="119">
        <v>0</v>
      </c>
      <c r="MS24" s="120">
        <v>0</v>
      </c>
      <c r="MT24" s="145"/>
      <c r="MU24" s="119">
        <v>0</v>
      </c>
      <c r="MV24" s="119">
        <v>0</v>
      </c>
      <c r="MW24" s="119">
        <v>357139</v>
      </c>
      <c r="MX24" s="119">
        <v>1307582</v>
      </c>
      <c r="MY24" s="119">
        <v>477426</v>
      </c>
      <c r="MZ24" s="120">
        <v>2142147</v>
      </c>
      <c r="NA24" s="143">
        <v>2142147</v>
      </c>
      <c r="NB24" s="142">
        <v>0</v>
      </c>
      <c r="NC24" s="119">
        <v>0</v>
      </c>
      <c r="ND24" s="120">
        <v>0</v>
      </c>
      <c r="NE24" s="145"/>
      <c r="NF24" s="119">
        <v>0</v>
      </c>
      <c r="NG24" s="119">
        <v>426478</v>
      </c>
      <c r="NH24" s="119">
        <v>1000126</v>
      </c>
      <c r="NI24" s="119">
        <v>0</v>
      </c>
      <c r="NJ24" s="119">
        <v>407744</v>
      </c>
      <c r="NK24" s="120">
        <v>1834348</v>
      </c>
      <c r="NL24" s="321">
        <v>1834348</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136929</v>
      </c>
      <c r="OJ24" s="119">
        <v>563088</v>
      </c>
      <c r="OK24" s="141">
        <v>700017</v>
      </c>
      <c r="OL24" s="118">
        <v>0</v>
      </c>
      <c r="OM24" s="119">
        <v>3369150</v>
      </c>
      <c r="ON24" s="119">
        <v>4070956</v>
      </c>
      <c r="OO24" s="119">
        <v>4781815</v>
      </c>
      <c r="OP24" s="119">
        <v>4594364</v>
      </c>
      <c r="OQ24" s="119">
        <v>2696207</v>
      </c>
      <c r="OR24" s="120">
        <v>19512492</v>
      </c>
      <c r="OS24" s="143">
        <v>20212509</v>
      </c>
    </row>
    <row r="25" spans="2:409" ht="20.25" customHeight="1" x14ac:dyDescent="0.2">
      <c r="B25" s="126" t="s">
        <v>20</v>
      </c>
      <c r="C25" s="110">
        <v>164425</v>
      </c>
      <c r="D25" s="114">
        <v>425313</v>
      </c>
      <c r="E25" s="113">
        <v>589738</v>
      </c>
      <c r="F25" s="110">
        <v>0</v>
      </c>
      <c r="G25" s="114">
        <v>3160193</v>
      </c>
      <c r="H25" s="114">
        <v>3533032</v>
      </c>
      <c r="I25" s="114">
        <v>3798935</v>
      </c>
      <c r="J25" s="114">
        <v>3336096</v>
      </c>
      <c r="K25" s="114">
        <v>1984867</v>
      </c>
      <c r="L25" s="173">
        <v>15813123</v>
      </c>
      <c r="M25" s="116">
        <v>16402861</v>
      </c>
      <c r="N25" s="110">
        <v>63794</v>
      </c>
      <c r="O25" s="114">
        <v>138696</v>
      </c>
      <c r="P25" s="113">
        <v>202490</v>
      </c>
      <c r="Q25" s="110">
        <v>0</v>
      </c>
      <c r="R25" s="114">
        <v>1364886</v>
      </c>
      <c r="S25" s="114">
        <v>1139845</v>
      </c>
      <c r="T25" s="114">
        <v>1025293</v>
      </c>
      <c r="U25" s="114">
        <v>1188360</v>
      </c>
      <c r="V25" s="114">
        <v>812348</v>
      </c>
      <c r="W25" s="113">
        <v>5530732</v>
      </c>
      <c r="X25" s="116">
        <v>5733222</v>
      </c>
      <c r="Y25" s="110">
        <v>0</v>
      </c>
      <c r="Z25" s="114">
        <v>0</v>
      </c>
      <c r="AA25" s="113">
        <v>0</v>
      </c>
      <c r="AB25" s="110">
        <v>0</v>
      </c>
      <c r="AC25" s="114">
        <v>489789</v>
      </c>
      <c r="AD25" s="114">
        <v>559140</v>
      </c>
      <c r="AE25" s="114">
        <v>311061</v>
      </c>
      <c r="AF25" s="114">
        <v>795559</v>
      </c>
      <c r="AG25" s="114">
        <v>427499</v>
      </c>
      <c r="AH25" s="113">
        <v>2583048</v>
      </c>
      <c r="AI25" s="116">
        <v>2583048</v>
      </c>
      <c r="AJ25" s="110">
        <v>0</v>
      </c>
      <c r="AK25" s="114">
        <v>0</v>
      </c>
      <c r="AL25" s="113">
        <v>0</v>
      </c>
      <c r="AM25" s="110">
        <v>0</v>
      </c>
      <c r="AN25" s="114">
        <v>0</v>
      </c>
      <c r="AO25" s="114">
        <v>0</v>
      </c>
      <c r="AP25" s="114">
        <v>0</v>
      </c>
      <c r="AQ25" s="114">
        <v>0</v>
      </c>
      <c r="AR25" s="114">
        <v>200741</v>
      </c>
      <c r="AS25" s="113">
        <v>200741</v>
      </c>
      <c r="AT25" s="116">
        <v>200741</v>
      </c>
      <c r="AU25" s="110">
        <v>26197</v>
      </c>
      <c r="AV25" s="114">
        <v>98944</v>
      </c>
      <c r="AW25" s="113">
        <v>125141</v>
      </c>
      <c r="AX25" s="110">
        <v>0</v>
      </c>
      <c r="AY25" s="114">
        <v>601621</v>
      </c>
      <c r="AZ25" s="114">
        <v>328048</v>
      </c>
      <c r="BA25" s="114">
        <v>403275</v>
      </c>
      <c r="BB25" s="114">
        <v>210346</v>
      </c>
      <c r="BC25" s="114">
        <v>52841</v>
      </c>
      <c r="BD25" s="113">
        <v>1596131</v>
      </c>
      <c r="BE25" s="116">
        <v>1721272</v>
      </c>
      <c r="BF25" s="110">
        <v>33593</v>
      </c>
      <c r="BG25" s="114">
        <v>37666</v>
      </c>
      <c r="BH25" s="112">
        <v>71259</v>
      </c>
      <c r="BI25" s="111">
        <v>0</v>
      </c>
      <c r="BJ25" s="114">
        <v>76454</v>
      </c>
      <c r="BK25" s="114">
        <v>123850</v>
      </c>
      <c r="BL25" s="114">
        <v>137358</v>
      </c>
      <c r="BM25" s="114">
        <v>0</v>
      </c>
      <c r="BN25" s="114">
        <v>12155</v>
      </c>
      <c r="BO25" s="113">
        <v>349817</v>
      </c>
      <c r="BP25" s="116">
        <v>421076</v>
      </c>
      <c r="BQ25" s="110">
        <v>4004</v>
      </c>
      <c r="BR25" s="114">
        <v>2086</v>
      </c>
      <c r="BS25" s="113">
        <v>6090</v>
      </c>
      <c r="BT25" s="110">
        <v>0</v>
      </c>
      <c r="BU25" s="114">
        <v>197022</v>
      </c>
      <c r="BV25" s="114">
        <v>128807</v>
      </c>
      <c r="BW25" s="114">
        <v>173599</v>
      </c>
      <c r="BX25" s="114">
        <v>182455</v>
      </c>
      <c r="BY25" s="114">
        <v>119112</v>
      </c>
      <c r="BZ25" s="113">
        <v>800995</v>
      </c>
      <c r="CA25" s="116">
        <v>807085</v>
      </c>
      <c r="CB25" s="110">
        <v>35646</v>
      </c>
      <c r="CC25" s="114">
        <v>106072</v>
      </c>
      <c r="CD25" s="113">
        <v>141718</v>
      </c>
      <c r="CE25" s="110">
        <v>0</v>
      </c>
      <c r="CF25" s="114">
        <v>823142</v>
      </c>
      <c r="CG25" s="114">
        <v>1232546</v>
      </c>
      <c r="CH25" s="114">
        <v>869461</v>
      </c>
      <c r="CI25" s="114">
        <v>479543</v>
      </c>
      <c r="CJ25" s="114">
        <v>420865</v>
      </c>
      <c r="CK25" s="113">
        <v>3825557</v>
      </c>
      <c r="CL25" s="116">
        <v>3967275</v>
      </c>
      <c r="CM25" s="110">
        <v>0</v>
      </c>
      <c r="CN25" s="114">
        <v>0</v>
      </c>
      <c r="CO25" s="113">
        <v>0</v>
      </c>
      <c r="CP25" s="111">
        <v>0</v>
      </c>
      <c r="CQ25" s="114">
        <v>372043</v>
      </c>
      <c r="CR25" s="114">
        <v>565542</v>
      </c>
      <c r="CS25" s="114">
        <v>530502</v>
      </c>
      <c r="CT25" s="114">
        <v>385771</v>
      </c>
      <c r="CU25" s="114">
        <v>292639</v>
      </c>
      <c r="CV25" s="113">
        <v>2146497</v>
      </c>
      <c r="CW25" s="116">
        <v>2146497</v>
      </c>
      <c r="CX25" s="110">
        <v>35646</v>
      </c>
      <c r="CY25" s="114">
        <v>106072</v>
      </c>
      <c r="CZ25" s="113">
        <v>141718</v>
      </c>
      <c r="DA25" s="110">
        <v>0</v>
      </c>
      <c r="DB25" s="114">
        <v>451099</v>
      </c>
      <c r="DC25" s="114">
        <v>667004</v>
      </c>
      <c r="DD25" s="114">
        <v>338959</v>
      </c>
      <c r="DE25" s="114">
        <v>93772</v>
      </c>
      <c r="DF25" s="114">
        <v>128226</v>
      </c>
      <c r="DG25" s="113">
        <v>1679060</v>
      </c>
      <c r="DH25" s="116">
        <v>1820778</v>
      </c>
      <c r="DI25" s="110">
        <v>0</v>
      </c>
      <c r="DJ25" s="114">
        <v>0</v>
      </c>
      <c r="DK25" s="112">
        <v>0</v>
      </c>
      <c r="DL25" s="111">
        <v>0</v>
      </c>
      <c r="DM25" s="114">
        <v>33414</v>
      </c>
      <c r="DN25" s="114">
        <v>370183</v>
      </c>
      <c r="DO25" s="114">
        <v>593963</v>
      </c>
      <c r="DP25" s="114">
        <v>494520</v>
      </c>
      <c r="DQ25" s="114">
        <v>18967</v>
      </c>
      <c r="DR25" s="113">
        <v>1511047</v>
      </c>
      <c r="DS25" s="116">
        <v>1511047</v>
      </c>
      <c r="DT25" s="110">
        <v>0</v>
      </c>
      <c r="DU25" s="114">
        <v>0</v>
      </c>
      <c r="DV25" s="113">
        <v>0</v>
      </c>
      <c r="DW25" s="110">
        <v>0</v>
      </c>
      <c r="DX25" s="114">
        <v>33414</v>
      </c>
      <c r="DY25" s="114">
        <v>294656</v>
      </c>
      <c r="DZ25" s="114">
        <v>491668</v>
      </c>
      <c r="EA25" s="114">
        <v>494520</v>
      </c>
      <c r="EB25" s="114">
        <v>18967</v>
      </c>
      <c r="EC25" s="113">
        <v>1333225</v>
      </c>
      <c r="ED25" s="116">
        <v>1333225</v>
      </c>
      <c r="EE25" s="110">
        <v>0</v>
      </c>
      <c r="EF25" s="112">
        <v>0</v>
      </c>
      <c r="EG25" s="113">
        <v>0</v>
      </c>
      <c r="EH25" s="110">
        <v>0</v>
      </c>
      <c r="EI25" s="114">
        <v>0</v>
      </c>
      <c r="EJ25" s="114">
        <v>75527</v>
      </c>
      <c r="EK25" s="114">
        <v>102295</v>
      </c>
      <c r="EL25" s="114">
        <v>0</v>
      </c>
      <c r="EM25" s="114">
        <v>0</v>
      </c>
      <c r="EN25" s="112">
        <v>177822</v>
      </c>
      <c r="EO25" s="116">
        <v>177822</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8"/>
      <c r="FE25" s="114">
        <v>0</v>
      </c>
      <c r="FF25" s="114">
        <v>0</v>
      </c>
      <c r="FG25" s="114">
        <v>0</v>
      </c>
      <c r="FH25" s="114">
        <v>0</v>
      </c>
      <c r="FI25" s="114">
        <v>0</v>
      </c>
      <c r="FJ25" s="113">
        <v>0</v>
      </c>
      <c r="FK25" s="116">
        <v>0</v>
      </c>
      <c r="FL25" s="110">
        <v>17633</v>
      </c>
      <c r="FM25" s="114">
        <v>105126</v>
      </c>
      <c r="FN25" s="113">
        <v>122759</v>
      </c>
      <c r="FO25" s="110">
        <v>0</v>
      </c>
      <c r="FP25" s="114">
        <v>262101</v>
      </c>
      <c r="FQ25" s="114">
        <v>259350</v>
      </c>
      <c r="FR25" s="114">
        <v>306870</v>
      </c>
      <c r="FS25" s="114">
        <v>117117</v>
      </c>
      <c r="FT25" s="114">
        <v>90699</v>
      </c>
      <c r="FU25" s="113">
        <v>1036137</v>
      </c>
      <c r="FV25" s="116">
        <v>1158896</v>
      </c>
      <c r="FW25" s="115">
        <v>17633</v>
      </c>
      <c r="FX25" s="114">
        <v>79226</v>
      </c>
      <c r="FY25" s="112">
        <v>96859</v>
      </c>
      <c r="FZ25" s="111">
        <v>0</v>
      </c>
      <c r="GA25" s="114">
        <v>209741</v>
      </c>
      <c r="GB25" s="114">
        <v>223930</v>
      </c>
      <c r="GC25" s="114">
        <v>306870</v>
      </c>
      <c r="GD25" s="114">
        <v>117117</v>
      </c>
      <c r="GE25" s="114">
        <v>90699</v>
      </c>
      <c r="GF25" s="113">
        <v>948357</v>
      </c>
      <c r="GG25" s="319">
        <v>1045216</v>
      </c>
      <c r="GH25" s="115">
        <v>0</v>
      </c>
      <c r="GI25" s="114">
        <v>0</v>
      </c>
      <c r="GJ25" s="112">
        <v>0</v>
      </c>
      <c r="GK25" s="111">
        <v>0</v>
      </c>
      <c r="GL25" s="114">
        <v>52360</v>
      </c>
      <c r="GM25" s="114">
        <v>35420</v>
      </c>
      <c r="GN25" s="114">
        <v>0</v>
      </c>
      <c r="GO25" s="114">
        <v>0</v>
      </c>
      <c r="GP25" s="114">
        <v>0</v>
      </c>
      <c r="GQ25" s="113">
        <v>87780</v>
      </c>
      <c r="GR25" s="116">
        <v>87780</v>
      </c>
      <c r="GS25" s="110">
        <v>0</v>
      </c>
      <c r="GT25" s="114">
        <v>25900</v>
      </c>
      <c r="GU25" s="113">
        <v>25900</v>
      </c>
      <c r="GV25" s="110">
        <v>0</v>
      </c>
      <c r="GW25" s="114">
        <v>0</v>
      </c>
      <c r="GX25" s="114">
        <v>0</v>
      </c>
      <c r="GY25" s="114">
        <v>0</v>
      </c>
      <c r="GZ25" s="114">
        <v>0</v>
      </c>
      <c r="HA25" s="114">
        <v>0</v>
      </c>
      <c r="HB25" s="112">
        <v>0</v>
      </c>
      <c r="HC25" s="116">
        <v>25900</v>
      </c>
      <c r="HD25" s="110">
        <v>47352</v>
      </c>
      <c r="HE25" s="114">
        <v>75419</v>
      </c>
      <c r="HF25" s="112">
        <v>122771</v>
      </c>
      <c r="HG25" s="111">
        <v>0</v>
      </c>
      <c r="HH25" s="114">
        <v>676650</v>
      </c>
      <c r="HI25" s="114">
        <v>531108</v>
      </c>
      <c r="HJ25" s="114">
        <v>1003348</v>
      </c>
      <c r="HK25" s="114">
        <v>1056556</v>
      </c>
      <c r="HL25" s="114">
        <v>641988</v>
      </c>
      <c r="HM25" s="113">
        <v>3909650</v>
      </c>
      <c r="HN25" s="109">
        <v>4032421</v>
      </c>
      <c r="HO25" s="329"/>
      <c r="HP25" s="330"/>
      <c r="HQ25" s="331"/>
      <c r="HR25" s="332"/>
      <c r="HS25" s="330"/>
      <c r="HT25" s="330"/>
      <c r="HU25" s="330"/>
      <c r="HV25" s="330"/>
      <c r="HW25" s="330"/>
      <c r="HX25" s="333"/>
      <c r="HY25" s="334"/>
      <c r="HZ25" s="131">
        <v>0</v>
      </c>
      <c r="IA25" s="132">
        <v>0</v>
      </c>
      <c r="IB25" s="133">
        <v>0</v>
      </c>
      <c r="IC25" s="146">
        <v>0</v>
      </c>
      <c r="ID25" s="132">
        <v>700841</v>
      </c>
      <c r="IE25" s="147">
        <v>595806</v>
      </c>
      <c r="IF25" s="133">
        <v>430104</v>
      </c>
      <c r="IG25" s="132">
        <v>285534</v>
      </c>
      <c r="IH25" s="133">
        <v>0</v>
      </c>
      <c r="II25" s="148">
        <v>2012285</v>
      </c>
      <c r="IJ25" s="139">
        <v>2012285</v>
      </c>
      <c r="IK25" s="232">
        <v>0</v>
      </c>
      <c r="IL25" s="236">
        <v>0</v>
      </c>
      <c r="IM25" s="237">
        <v>0</v>
      </c>
      <c r="IN25" s="140"/>
      <c r="IO25" s="119">
        <v>0</v>
      </c>
      <c r="IP25" s="119">
        <v>0</v>
      </c>
      <c r="IQ25" s="119">
        <v>0</v>
      </c>
      <c r="IR25" s="119">
        <v>0</v>
      </c>
      <c r="IS25" s="119">
        <v>0</v>
      </c>
      <c r="IT25" s="141">
        <v>0</v>
      </c>
      <c r="IU25" s="321">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223915</v>
      </c>
      <c r="JL25" s="119">
        <v>369850</v>
      </c>
      <c r="JM25" s="119">
        <v>40917</v>
      </c>
      <c r="JN25" s="119">
        <v>61502</v>
      </c>
      <c r="JO25" s="119">
        <v>0</v>
      </c>
      <c r="JP25" s="120">
        <v>696184</v>
      </c>
      <c r="JQ25" s="321">
        <v>696184</v>
      </c>
      <c r="JR25" s="142">
        <v>0</v>
      </c>
      <c r="JS25" s="119">
        <v>0</v>
      </c>
      <c r="JT25" s="141">
        <v>0</v>
      </c>
      <c r="JU25" s="118">
        <v>0</v>
      </c>
      <c r="JV25" s="119">
        <v>72716</v>
      </c>
      <c r="JW25" s="119">
        <v>18296</v>
      </c>
      <c r="JX25" s="119">
        <v>0</v>
      </c>
      <c r="JY25" s="119">
        <v>0</v>
      </c>
      <c r="JZ25" s="119">
        <v>0</v>
      </c>
      <c r="KA25" s="120">
        <v>91012</v>
      </c>
      <c r="KB25" s="321">
        <v>91012</v>
      </c>
      <c r="KC25" s="234">
        <v>0</v>
      </c>
      <c r="KD25" s="230">
        <v>0</v>
      </c>
      <c r="KE25" s="120">
        <v>0</v>
      </c>
      <c r="KF25" s="118">
        <v>0</v>
      </c>
      <c r="KG25" s="119">
        <v>0</v>
      </c>
      <c r="KH25" s="119">
        <v>0</v>
      </c>
      <c r="KI25" s="119">
        <v>173580</v>
      </c>
      <c r="KJ25" s="119">
        <v>0</v>
      </c>
      <c r="KK25" s="119">
        <v>0</v>
      </c>
      <c r="KL25" s="120">
        <v>173580</v>
      </c>
      <c r="KM25" s="143">
        <v>173580</v>
      </c>
      <c r="KN25" s="232">
        <v>0</v>
      </c>
      <c r="KO25" s="236">
        <v>0</v>
      </c>
      <c r="KP25" s="237">
        <v>0</v>
      </c>
      <c r="KQ25" s="140">
        <v>0</v>
      </c>
      <c r="KR25" s="119">
        <v>404210</v>
      </c>
      <c r="KS25" s="119">
        <v>207660</v>
      </c>
      <c r="KT25" s="119">
        <v>215607</v>
      </c>
      <c r="KU25" s="119">
        <v>224032</v>
      </c>
      <c r="KV25" s="119">
        <v>0</v>
      </c>
      <c r="KW25" s="120">
        <v>1051509</v>
      </c>
      <c r="KX25" s="321">
        <v>1051509</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1">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199472</v>
      </c>
      <c r="MK25" s="119">
        <v>434223</v>
      </c>
      <c r="ML25" s="119">
        <v>1693662</v>
      </c>
      <c r="MM25" s="119">
        <v>2390771</v>
      </c>
      <c r="MN25" s="119">
        <v>1093489</v>
      </c>
      <c r="MO25" s="120">
        <v>5811617</v>
      </c>
      <c r="MP25" s="143">
        <v>5811617</v>
      </c>
      <c r="MQ25" s="142">
        <v>0</v>
      </c>
      <c r="MR25" s="119">
        <v>0</v>
      </c>
      <c r="MS25" s="120">
        <v>0</v>
      </c>
      <c r="MT25" s="145"/>
      <c r="MU25" s="119">
        <v>0</v>
      </c>
      <c r="MV25" s="119">
        <v>209925</v>
      </c>
      <c r="MW25" s="119">
        <v>829945</v>
      </c>
      <c r="MX25" s="119">
        <v>1918167</v>
      </c>
      <c r="MY25" s="119">
        <v>745692</v>
      </c>
      <c r="MZ25" s="120">
        <v>3703729</v>
      </c>
      <c r="NA25" s="143">
        <v>3703729</v>
      </c>
      <c r="NB25" s="142">
        <v>0</v>
      </c>
      <c r="NC25" s="119">
        <v>0</v>
      </c>
      <c r="ND25" s="120">
        <v>0</v>
      </c>
      <c r="NE25" s="145"/>
      <c r="NF25" s="119">
        <v>199472</v>
      </c>
      <c r="NG25" s="119">
        <v>224298</v>
      </c>
      <c r="NH25" s="119">
        <v>863717</v>
      </c>
      <c r="NI25" s="119">
        <v>472604</v>
      </c>
      <c r="NJ25" s="119">
        <v>0</v>
      </c>
      <c r="NK25" s="120">
        <v>1760091</v>
      </c>
      <c r="NL25" s="321">
        <v>1760091</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347797</v>
      </c>
      <c r="OG25" s="120">
        <v>347797</v>
      </c>
      <c r="OH25" s="121">
        <v>347797</v>
      </c>
      <c r="OI25" s="142">
        <v>164425</v>
      </c>
      <c r="OJ25" s="119">
        <v>425313</v>
      </c>
      <c r="OK25" s="141">
        <v>589738</v>
      </c>
      <c r="OL25" s="118">
        <v>0</v>
      </c>
      <c r="OM25" s="119">
        <v>4060506</v>
      </c>
      <c r="ON25" s="119">
        <v>4563061</v>
      </c>
      <c r="OO25" s="119">
        <v>5922701</v>
      </c>
      <c r="OP25" s="119">
        <v>6012401</v>
      </c>
      <c r="OQ25" s="119">
        <v>3078356</v>
      </c>
      <c r="OR25" s="120">
        <v>23637025</v>
      </c>
      <c r="OS25" s="143">
        <v>24226763</v>
      </c>
    </row>
    <row r="26" spans="2:409" ht="20.25" customHeight="1" x14ac:dyDescent="0.2">
      <c r="B26" s="126" t="s">
        <v>21</v>
      </c>
      <c r="C26" s="110">
        <v>400578</v>
      </c>
      <c r="D26" s="114">
        <v>151580</v>
      </c>
      <c r="E26" s="113">
        <v>552158</v>
      </c>
      <c r="F26" s="109">
        <v>0</v>
      </c>
      <c r="G26" s="114">
        <v>1945217</v>
      </c>
      <c r="H26" s="114">
        <v>3145149</v>
      </c>
      <c r="I26" s="114">
        <v>2203310</v>
      </c>
      <c r="J26" s="114">
        <v>2298728</v>
      </c>
      <c r="K26" s="114">
        <v>1876564</v>
      </c>
      <c r="L26" s="173">
        <v>11468968</v>
      </c>
      <c r="M26" s="116">
        <v>12021126</v>
      </c>
      <c r="N26" s="110">
        <v>144798</v>
      </c>
      <c r="O26" s="114">
        <v>16212</v>
      </c>
      <c r="P26" s="113">
        <v>161010</v>
      </c>
      <c r="Q26" s="110">
        <v>0</v>
      </c>
      <c r="R26" s="114">
        <v>696754</v>
      </c>
      <c r="S26" s="114">
        <v>1141574</v>
      </c>
      <c r="T26" s="114">
        <v>828501</v>
      </c>
      <c r="U26" s="114">
        <v>1005841</v>
      </c>
      <c r="V26" s="114">
        <v>646958</v>
      </c>
      <c r="W26" s="113">
        <v>4319628</v>
      </c>
      <c r="X26" s="116">
        <v>4480638</v>
      </c>
      <c r="Y26" s="110">
        <v>0</v>
      </c>
      <c r="Z26" s="114">
        <v>0</v>
      </c>
      <c r="AA26" s="113">
        <v>0</v>
      </c>
      <c r="AB26" s="110">
        <v>0</v>
      </c>
      <c r="AC26" s="114">
        <v>276271</v>
      </c>
      <c r="AD26" s="114">
        <v>370248</v>
      </c>
      <c r="AE26" s="114">
        <v>398773</v>
      </c>
      <c r="AF26" s="114">
        <v>684410</v>
      </c>
      <c r="AG26" s="114">
        <v>162096</v>
      </c>
      <c r="AH26" s="113">
        <v>1891798</v>
      </c>
      <c r="AI26" s="116">
        <v>1891798</v>
      </c>
      <c r="AJ26" s="110">
        <v>0</v>
      </c>
      <c r="AK26" s="114">
        <v>0</v>
      </c>
      <c r="AL26" s="113">
        <v>0</v>
      </c>
      <c r="AM26" s="110">
        <v>0</v>
      </c>
      <c r="AN26" s="114">
        <v>0</v>
      </c>
      <c r="AO26" s="114">
        <v>20517</v>
      </c>
      <c r="AP26" s="114">
        <v>91137</v>
      </c>
      <c r="AQ26" s="114">
        <v>82071</v>
      </c>
      <c r="AR26" s="114">
        <v>79872</v>
      </c>
      <c r="AS26" s="113">
        <v>273597</v>
      </c>
      <c r="AT26" s="116">
        <v>273597</v>
      </c>
      <c r="AU26" s="110">
        <v>38296</v>
      </c>
      <c r="AV26" s="114">
        <v>0</v>
      </c>
      <c r="AW26" s="113">
        <v>38296</v>
      </c>
      <c r="AX26" s="110">
        <v>0</v>
      </c>
      <c r="AY26" s="114">
        <v>271460</v>
      </c>
      <c r="AZ26" s="114">
        <v>557333</v>
      </c>
      <c r="BA26" s="114">
        <v>231295</v>
      </c>
      <c r="BB26" s="114">
        <v>123111</v>
      </c>
      <c r="BC26" s="114">
        <v>226898</v>
      </c>
      <c r="BD26" s="113">
        <v>1410097</v>
      </c>
      <c r="BE26" s="116">
        <v>1448393</v>
      </c>
      <c r="BF26" s="110">
        <v>18491</v>
      </c>
      <c r="BG26" s="114">
        <v>0</v>
      </c>
      <c r="BH26" s="112">
        <v>18491</v>
      </c>
      <c r="BI26" s="111">
        <v>0</v>
      </c>
      <c r="BJ26" s="114">
        <v>0</v>
      </c>
      <c r="BK26" s="114">
        <v>54477</v>
      </c>
      <c r="BL26" s="114">
        <v>0</v>
      </c>
      <c r="BM26" s="114">
        <v>0</v>
      </c>
      <c r="BN26" s="114">
        <v>28026</v>
      </c>
      <c r="BO26" s="113">
        <v>82503</v>
      </c>
      <c r="BP26" s="116">
        <v>100994</v>
      </c>
      <c r="BQ26" s="110">
        <v>88011</v>
      </c>
      <c r="BR26" s="114">
        <v>16212</v>
      </c>
      <c r="BS26" s="113">
        <v>104223</v>
      </c>
      <c r="BT26" s="110">
        <v>0</v>
      </c>
      <c r="BU26" s="114">
        <v>149023</v>
      </c>
      <c r="BV26" s="114">
        <v>138999</v>
      </c>
      <c r="BW26" s="114">
        <v>107296</v>
      </c>
      <c r="BX26" s="114">
        <v>116249</v>
      </c>
      <c r="BY26" s="114">
        <v>150066</v>
      </c>
      <c r="BZ26" s="113">
        <v>661633</v>
      </c>
      <c r="CA26" s="116">
        <v>765856</v>
      </c>
      <c r="CB26" s="110">
        <v>52889</v>
      </c>
      <c r="CC26" s="114">
        <v>32877</v>
      </c>
      <c r="CD26" s="113">
        <v>85766</v>
      </c>
      <c r="CE26" s="110">
        <v>0</v>
      </c>
      <c r="CF26" s="114">
        <v>686736</v>
      </c>
      <c r="CG26" s="114">
        <v>1098808</v>
      </c>
      <c r="CH26" s="114">
        <v>441912</v>
      </c>
      <c r="CI26" s="114">
        <v>500089</v>
      </c>
      <c r="CJ26" s="114">
        <v>142904</v>
      </c>
      <c r="CK26" s="113">
        <v>2870449</v>
      </c>
      <c r="CL26" s="116">
        <v>2956215</v>
      </c>
      <c r="CM26" s="110">
        <v>0</v>
      </c>
      <c r="CN26" s="114">
        <v>0</v>
      </c>
      <c r="CO26" s="113">
        <v>0</v>
      </c>
      <c r="CP26" s="111">
        <v>0</v>
      </c>
      <c r="CQ26" s="114">
        <v>676952</v>
      </c>
      <c r="CR26" s="114">
        <v>949552</v>
      </c>
      <c r="CS26" s="114">
        <v>351377</v>
      </c>
      <c r="CT26" s="114">
        <v>419306</v>
      </c>
      <c r="CU26" s="114">
        <v>0</v>
      </c>
      <c r="CV26" s="113">
        <v>2397187</v>
      </c>
      <c r="CW26" s="116">
        <v>2397187</v>
      </c>
      <c r="CX26" s="110">
        <v>52889</v>
      </c>
      <c r="CY26" s="114">
        <v>32877</v>
      </c>
      <c r="CZ26" s="113">
        <v>85766</v>
      </c>
      <c r="DA26" s="110">
        <v>0</v>
      </c>
      <c r="DB26" s="114">
        <v>9784</v>
      </c>
      <c r="DC26" s="114">
        <v>149256</v>
      </c>
      <c r="DD26" s="114">
        <v>90535</v>
      </c>
      <c r="DE26" s="114">
        <v>80783</v>
      </c>
      <c r="DF26" s="114">
        <v>142904</v>
      </c>
      <c r="DG26" s="113">
        <v>473262</v>
      </c>
      <c r="DH26" s="116">
        <v>559028</v>
      </c>
      <c r="DI26" s="110">
        <v>35654</v>
      </c>
      <c r="DJ26" s="114">
        <v>0</v>
      </c>
      <c r="DK26" s="112">
        <v>35654</v>
      </c>
      <c r="DL26" s="111">
        <v>0</v>
      </c>
      <c r="DM26" s="114">
        <v>94312</v>
      </c>
      <c r="DN26" s="114">
        <v>149326</v>
      </c>
      <c r="DO26" s="114">
        <v>190516</v>
      </c>
      <c r="DP26" s="114">
        <v>104739</v>
      </c>
      <c r="DQ26" s="114">
        <v>376819</v>
      </c>
      <c r="DR26" s="113">
        <v>915712</v>
      </c>
      <c r="DS26" s="116">
        <v>951366</v>
      </c>
      <c r="DT26" s="110">
        <v>35654</v>
      </c>
      <c r="DU26" s="114">
        <v>0</v>
      </c>
      <c r="DV26" s="113">
        <v>35654</v>
      </c>
      <c r="DW26" s="110">
        <v>0</v>
      </c>
      <c r="DX26" s="114">
        <v>94312</v>
      </c>
      <c r="DY26" s="114">
        <v>61501</v>
      </c>
      <c r="DZ26" s="114">
        <v>190516</v>
      </c>
      <c r="EA26" s="114">
        <v>104739</v>
      </c>
      <c r="EB26" s="114">
        <v>245565</v>
      </c>
      <c r="EC26" s="113">
        <v>696633</v>
      </c>
      <c r="ED26" s="116">
        <v>732287</v>
      </c>
      <c r="EE26" s="110">
        <v>0</v>
      </c>
      <c r="EF26" s="112">
        <v>0</v>
      </c>
      <c r="EG26" s="113">
        <v>0</v>
      </c>
      <c r="EH26" s="110">
        <v>0</v>
      </c>
      <c r="EI26" s="114">
        <v>0</v>
      </c>
      <c r="EJ26" s="114">
        <v>87825</v>
      </c>
      <c r="EK26" s="114">
        <v>0</v>
      </c>
      <c r="EL26" s="114">
        <v>0</v>
      </c>
      <c r="EM26" s="114">
        <v>131254</v>
      </c>
      <c r="EN26" s="112">
        <v>219079</v>
      </c>
      <c r="EO26" s="116">
        <v>219079</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8"/>
      <c r="FE26" s="114">
        <v>0</v>
      </c>
      <c r="FF26" s="114">
        <v>0</v>
      </c>
      <c r="FG26" s="114">
        <v>0</v>
      </c>
      <c r="FH26" s="114">
        <v>0</v>
      </c>
      <c r="FI26" s="114">
        <v>0</v>
      </c>
      <c r="FJ26" s="113">
        <v>0</v>
      </c>
      <c r="FK26" s="116">
        <v>0</v>
      </c>
      <c r="FL26" s="110">
        <v>28154</v>
      </c>
      <c r="FM26" s="114">
        <v>35616</v>
      </c>
      <c r="FN26" s="113">
        <v>63770</v>
      </c>
      <c r="FO26" s="110">
        <v>0</v>
      </c>
      <c r="FP26" s="114">
        <v>54544</v>
      </c>
      <c r="FQ26" s="114">
        <v>299271</v>
      </c>
      <c r="FR26" s="114">
        <v>239828</v>
      </c>
      <c r="FS26" s="114">
        <v>138306</v>
      </c>
      <c r="FT26" s="114">
        <v>103740</v>
      </c>
      <c r="FU26" s="113">
        <v>835689</v>
      </c>
      <c r="FV26" s="116">
        <v>899459</v>
      </c>
      <c r="FW26" s="115">
        <v>28154</v>
      </c>
      <c r="FX26" s="114">
        <v>35616</v>
      </c>
      <c r="FY26" s="112">
        <v>63770</v>
      </c>
      <c r="FZ26" s="111">
        <v>0</v>
      </c>
      <c r="GA26" s="114">
        <v>54544</v>
      </c>
      <c r="GB26" s="114">
        <v>299271</v>
      </c>
      <c r="GC26" s="114">
        <v>156835</v>
      </c>
      <c r="GD26" s="114">
        <v>138306</v>
      </c>
      <c r="GE26" s="114">
        <v>103740</v>
      </c>
      <c r="GF26" s="113">
        <v>752696</v>
      </c>
      <c r="GG26" s="319">
        <v>816466</v>
      </c>
      <c r="GH26" s="115">
        <v>0</v>
      </c>
      <c r="GI26" s="114">
        <v>0</v>
      </c>
      <c r="GJ26" s="112">
        <v>0</v>
      </c>
      <c r="GK26" s="111">
        <v>0</v>
      </c>
      <c r="GL26" s="114">
        <v>0</v>
      </c>
      <c r="GM26" s="114">
        <v>0</v>
      </c>
      <c r="GN26" s="114">
        <v>82993</v>
      </c>
      <c r="GO26" s="114">
        <v>0</v>
      </c>
      <c r="GP26" s="114">
        <v>0</v>
      </c>
      <c r="GQ26" s="113">
        <v>82993</v>
      </c>
      <c r="GR26" s="116">
        <v>82993</v>
      </c>
      <c r="GS26" s="110">
        <v>0</v>
      </c>
      <c r="GT26" s="114">
        <v>0</v>
      </c>
      <c r="GU26" s="113">
        <v>0</v>
      </c>
      <c r="GV26" s="110">
        <v>0</v>
      </c>
      <c r="GW26" s="114">
        <v>0</v>
      </c>
      <c r="GX26" s="114">
        <v>0</v>
      </c>
      <c r="GY26" s="114">
        <v>0</v>
      </c>
      <c r="GZ26" s="114">
        <v>0</v>
      </c>
      <c r="HA26" s="114">
        <v>0</v>
      </c>
      <c r="HB26" s="112">
        <v>0</v>
      </c>
      <c r="HC26" s="116">
        <v>0</v>
      </c>
      <c r="HD26" s="110">
        <v>139083</v>
      </c>
      <c r="HE26" s="114">
        <v>66875</v>
      </c>
      <c r="HF26" s="112">
        <v>205958</v>
      </c>
      <c r="HG26" s="111">
        <v>0</v>
      </c>
      <c r="HH26" s="114">
        <v>412871</v>
      </c>
      <c r="HI26" s="114">
        <v>456170</v>
      </c>
      <c r="HJ26" s="114">
        <v>502553</v>
      </c>
      <c r="HK26" s="114">
        <v>549753</v>
      </c>
      <c r="HL26" s="114">
        <v>606143</v>
      </c>
      <c r="HM26" s="113">
        <v>2527490</v>
      </c>
      <c r="HN26" s="109">
        <v>2733448</v>
      </c>
      <c r="HO26" s="329"/>
      <c r="HP26" s="330"/>
      <c r="HQ26" s="331"/>
      <c r="HR26" s="332"/>
      <c r="HS26" s="330"/>
      <c r="HT26" s="330"/>
      <c r="HU26" s="330"/>
      <c r="HV26" s="330"/>
      <c r="HW26" s="330"/>
      <c r="HX26" s="333"/>
      <c r="HY26" s="334"/>
      <c r="HZ26" s="150">
        <v>0</v>
      </c>
      <c r="IA26" s="135">
        <v>0</v>
      </c>
      <c r="IB26" s="150">
        <v>0</v>
      </c>
      <c r="IC26" s="134">
        <v>0</v>
      </c>
      <c r="ID26" s="135">
        <v>740850</v>
      </c>
      <c r="IE26" s="136">
        <v>386272</v>
      </c>
      <c r="IF26" s="137">
        <v>256055</v>
      </c>
      <c r="IG26" s="135">
        <v>446737</v>
      </c>
      <c r="IH26" s="137">
        <v>0</v>
      </c>
      <c r="II26" s="138">
        <v>1829914</v>
      </c>
      <c r="IJ26" s="150">
        <v>1829914</v>
      </c>
      <c r="IK26" s="232">
        <v>0</v>
      </c>
      <c r="IL26" s="236">
        <v>0</v>
      </c>
      <c r="IM26" s="237">
        <v>0</v>
      </c>
      <c r="IN26" s="140"/>
      <c r="IO26" s="119">
        <v>0</v>
      </c>
      <c r="IP26" s="119">
        <v>0</v>
      </c>
      <c r="IQ26" s="119">
        <v>0</v>
      </c>
      <c r="IR26" s="119">
        <v>0</v>
      </c>
      <c r="IS26" s="119">
        <v>0</v>
      </c>
      <c r="IT26" s="141">
        <v>0</v>
      </c>
      <c r="IU26" s="321">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462101</v>
      </c>
      <c r="JL26" s="119">
        <v>178644</v>
      </c>
      <c r="JM26" s="119">
        <v>61306</v>
      </c>
      <c r="JN26" s="119">
        <v>9048</v>
      </c>
      <c r="JO26" s="119">
        <v>0</v>
      </c>
      <c r="JP26" s="120">
        <v>711099</v>
      </c>
      <c r="JQ26" s="321">
        <v>711099</v>
      </c>
      <c r="JR26" s="142">
        <v>0</v>
      </c>
      <c r="JS26" s="119">
        <v>0</v>
      </c>
      <c r="JT26" s="141">
        <v>0</v>
      </c>
      <c r="JU26" s="118">
        <v>0</v>
      </c>
      <c r="JV26" s="119">
        <v>0</v>
      </c>
      <c r="JW26" s="119">
        <v>0</v>
      </c>
      <c r="JX26" s="119">
        <v>0</v>
      </c>
      <c r="JY26" s="119">
        <v>0</v>
      </c>
      <c r="JZ26" s="119">
        <v>0</v>
      </c>
      <c r="KA26" s="120">
        <v>0</v>
      </c>
      <c r="KB26" s="321">
        <v>0</v>
      </c>
      <c r="KC26" s="234">
        <v>0</v>
      </c>
      <c r="KD26" s="230">
        <v>0</v>
      </c>
      <c r="KE26" s="120">
        <v>0</v>
      </c>
      <c r="KF26" s="118">
        <v>0</v>
      </c>
      <c r="KG26" s="119">
        <v>91610</v>
      </c>
      <c r="KH26" s="119">
        <v>0</v>
      </c>
      <c r="KI26" s="119">
        <v>194749</v>
      </c>
      <c r="KJ26" s="119">
        <v>219695</v>
      </c>
      <c r="KK26" s="119">
        <v>0</v>
      </c>
      <c r="KL26" s="120">
        <v>506054</v>
      </c>
      <c r="KM26" s="143">
        <v>506054</v>
      </c>
      <c r="KN26" s="232">
        <v>0</v>
      </c>
      <c r="KO26" s="236">
        <v>0</v>
      </c>
      <c r="KP26" s="237">
        <v>0</v>
      </c>
      <c r="KQ26" s="140">
        <v>0</v>
      </c>
      <c r="KR26" s="119">
        <v>187139</v>
      </c>
      <c r="KS26" s="119">
        <v>207628</v>
      </c>
      <c r="KT26" s="119">
        <v>0</v>
      </c>
      <c r="KU26" s="119">
        <v>217994</v>
      </c>
      <c r="KV26" s="119">
        <v>0</v>
      </c>
      <c r="KW26" s="120">
        <v>612761</v>
      </c>
      <c r="KX26" s="321">
        <v>612761</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1">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655186</v>
      </c>
      <c r="ML26" s="119">
        <v>825554</v>
      </c>
      <c r="MM26" s="119">
        <v>1279262</v>
      </c>
      <c r="MN26" s="119">
        <v>1243502</v>
      </c>
      <c r="MO26" s="120">
        <v>4003504</v>
      </c>
      <c r="MP26" s="143">
        <v>4003504</v>
      </c>
      <c r="MQ26" s="142">
        <v>0</v>
      </c>
      <c r="MR26" s="119">
        <v>0</v>
      </c>
      <c r="MS26" s="120">
        <v>0</v>
      </c>
      <c r="MT26" s="145"/>
      <c r="MU26" s="119">
        <v>0</v>
      </c>
      <c r="MV26" s="119">
        <v>0</v>
      </c>
      <c r="MW26" s="119">
        <v>387706</v>
      </c>
      <c r="MX26" s="119">
        <v>776819</v>
      </c>
      <c r="MY26" s="119">
        <v>692275</v>
      </c>
      <c r="MZ26" s="120">
        <v>1856800</v>
      </c>
      <c r="NA26" s="143">
        <v>1856800</v>
      </c>
      <c r="NB26" s="142">
        <v>0</v>
      </c>
      <c r="NC26" s="119">
        <v>0</v>
      </c>
      <c r="ND26" s="120">
        <v>0</v>
      </c>
      <c r="NE26" s="145"/>
      <c r="NF26" s="119">
        <v>0</v>
      </c>
      <c r="NG26" s="119">
        <v>655186</v>
      </c>
      <c r="NH26" s="119">
        <v>437848</v>
      </c>
      <c r="NI26" s="119">
        <v>502443</v>
      </c>
      <c r="NJ26" s="119">
        <v>255027</v>
      </c>
      <c r="NK26" s="120">
        <v>1850504</v>
      </c>
      <c r="NL26" s="321">
        <v>1850504</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296200</v>
      </c>
      <c r="OG26" s="120">
        <v>296200</v>
      </c>
      <c r="OH26" s="121">
        <v>296200</v>
      </c>
      <c r="OI26" s="142">
        <v>400578</v>
      </c>
      <c r="OJ26" s="119">
        <v>151580</v>
      </c>
      <c r="OK26" s="141">
        <v>552158</v>
      </c>
      <c r="OL26" s="118">
        <v>0</v>
      </c>
      <c r="OM26" s="119">
        <v>2686067</v>
      </c>
      <c r="ON26" s="119">
        <v>4186607</v>
      </c>
      <c r="OO26" s="119">
        <v>3284919</v>
      </c>
      <c r="OP26" s="119">
        <v>4024727</v>
      </c>
      <c r="OQ26" s="119">
        <v>3120066</v>
      </c>
      <c r="OR26" s="120">
        <v>17302386</v>
      </c>
      <c r="OS26" s="143">
        <v>17854544</v>
      </c>
    </row>
    <row r="27" spans="2:409" ht="20.25" customHeight="1" x14ac:dyDescent="0.2">
      <c r="B27" s="126" t="s">
        <v>22</v>
      </c>
      <c r="C27" s="110">
        <v>25438</v>
      </c>
      <c r="D27" s="114">
        <v>133693</v>
      </c>
      <c r="E27" s="113">
        <v>159131</v>
      </c>
      <c r="F27" s="109">
        <v>0</v>
      </c>
      <c r="G27" s="114">
        <v>974508</v>
      </c>
      <c r="H27" s="114">
        <v>963896</v>
      </c>
      <c r="I27" s="114">
        <v>395201</v>
      </c>
      <c r="J27" s="114">
        <v>1871111</v>
      </c>
      <c r="K27" s="114">
        <v>1775793</v>
      </c>
      <c r="L27" s="173">
        <v>5980509</v>
      </c>
      <c r="M27" s="116">
        <v>6139640</v>
      </c>
      <c r="N27" s="110">
        <v>20748</v>
      </c>
      <c r="O27" s="114">
        <v>41237</v>
      </c>
      <c r="P27" s="113">
        <v>61985</v>
      </c>
      <c r="Q27" s="110">
        <v>0</v>
      </c>
      <c r="R27" s="114">
        <v>312116</v>
      </c>
      <c r="S27" s="114">
        <v>270933</v>
      </c>
      <c r="T27" s="114">
        <v>61345</v>
      </c>
      <c r="U27" s="114">
        <v>349499</v>
      </c>
      <c r="V27" s="114">
        <v>1014467</v>
      </c>
      <c r="W27" s="113">
        <v>2008360</v>
      </c>
      <c r="X27" s="116">
        <v>2070345</v>
      </c>
      <c r="Y27" s="110">
        <v>0</v>
      </c>
      <c r="Z27" s="114">
        <v>0</v>
      </c>
      <c r="AA27" s="113">
        <v>0</v>
      </c>
      <c r="AB27" s="110">
        <v>0</v>
      </c>
      <c r="AC27" s="114">
        <v>127939</v>
      </c>
      <c r="AD27" s="114">
        <v>44063</v>
      </c>
      <c r="AE27" s="114">
        <v>44699</v>
      </c>
      <c r="AF27" s="114">
        <v>74300</v>
      </c>
      <c r="AG27" s="114">
        <v>410256</v>
      </c>
      <c r="AH27" s="113">
        <v>701257</v>
      </c>
      <c r="AI27" s="116">
        <v>701257</v>
      </c>
      <c r="AJ27" s="110">
        <v>0</v>
      </c>
      <c r="AK27" s="114">
        <v>0</v>
      </c>
      <c r="AL27" s="113">
        <v>0</v>
      </c>
      <c r="AM27" s="110">
        <v>0</v>
      </c>
      <c r="AN27" s="114">
        <v>0</v>
      </c>
      <c r="AO27" s="114">
        <v>0</v>
      </c>
      <c r="AP27" s="114">
        <v>0</v>
      </c>
      <c r="AQ27" s="114">
        <v>47320</v>
      </c>
      <c r="AR27" s="114">
        <v>370747</v>
      </c>
      <c r="AS27" s="113">
        <v>418067</v>
      </c>
      <c r="AT27" s="116">
        <v>418067</v>
      </c>
      <c r="AU27" s="110">
        <v>20748</v>
      </c>
      <c r="AV27" s="114">
        <v>34650</v>
      </c>
      <c r="AW27" s="113">
        <v>55398</v>
      </c>
      <c r="AX27" s="110">
        <v>0</v>
      </c>
      <c r="AY27" s="114">
        <v>99155</v>
      </c>
      <c r="AZ27" s="114">
        <v>194712</v>
      </c>
      <c r="BA27" s="114">
        <v>0</v>
      </c>
      <c r="BB27" s="114">
        <v>100402</v>
      </c>
      <c r="BC27" s="114">
        <v>216664</v>
      </c>
      <c r="BD27" s="113">
        <v>610933</v>
      </c>
      <c r="BE27" s="116">
        <v>666331</v>
      </c>
      <c r="BF27" s="110">
        <v>0</v>
      </c>
      <c r="BG27" s="114">
        <v>0</v>
      </c>
      <c r="BH27" s="112">
        <v>0</v>
      </c>
      <c r="BI27" s="111">
        <v>0</v>
      </c>
      <c r="BJ27" s="114">
        <v>53536</v>
      </c>
      <c r="BK27" s="114">
        <v>0</v>
      </c>
      <c r="BL27" s="114">
        <v>0</v>
      </c>
      <c r="BM27" s="114">
        <v>53536</v>
      </c>
      <c r="BN27" s="114">
        <v>0</v>
      </c>
      <c r="BO27" s="113">
        <v>107072</v>
      </c>
      <c r="BP27" s="116">
        <v>107072</v>
      </c>
      <c r="BQ27" s="110">
        <v>0</v>
      </c>
      <c r="BR27" s="114">
        <v>6587</v>
      </c>
      <c r="BS27" s="113">
        <v>6587</v>
      </c>
      <c r="BT27" s="110">
        <v>0</v>
      </c>
      <c r="BU27" s="114">
        <v>31486</v>
      </c>
      <c r="BV27" s="114">
        <v>32158</v>
      </c>
      <c r="BW27" s="114">
        <v>16646</v>
      </c>
      <c r="BX27" s="114">
        <v>73941</v>
      </c>
      <c r="BY27" s="114">
        <v>16800</v>
      </c>
      <c r="BZ27" s="113">
        <v>171031</v>
      </c>
      <c r="CA27" s="116">
        <v>177618</v>
      </c>
      <c r="CB27" s="110">
        <v>0</v>
      </c>
      <c r="CC27" s="114">
        <v>0</v>
      </c>
      <c r="CD27" s="113">
        <v>0</v>
      </c>
      <c r="CE27" s="110">
        <v>0</v>
      </c>
      <c r="CF27" s="114">
        <v>339727</v>
      </c>
      <c r="CG27" s="114">
        <v>163503</v>
      </c>
      <c r="CH27" s="114">
        <v>127811</v>
      </c>
      <c r="CI27" s="114">
        <v>470227</v>
      </c>
      <c r="CJ27" s="114">
        <v>280924</v>
      </c>
      <c r="CK27" s="113">
        <v>1382192</v>
      </c>
      <c r="CL27" s="116">
        <v>1382192</v>
      </c>
      <c r="CM27" s="110">
        <v>0</v>
      </c>
      <c r="CN27" s="114">
        <v>0</v>
      </c>
      <c r="CO27" s="113">
        <v>0</v>
      </c>
      <c r="CP27" s="111">
        <v>0</v>
      </c>
      <c r="CQ27" s="114">
        <v>339727</v>
      </c>
      <c r="CR27" s="114">
        <v>128086</v>
      </c>
      <c r="CS27" s="114">
        <v>112245</v>
      </c>
      <c r="CT27" s="114">
        <v>394207</v>
      </c>
      <c r="CU27" s="114">
        <v>280924</v>
      </c>
      <c r="CV27" s="113">
        <v>1255189</v>
      </c>
      <c r="CW27" s="116">
        <v>1255189</v>
      </c>
      <c r="CX27" s="110">
        <v>0</v>
      </c>
      <c r="CY27" s="114">
        <v>0</v>
      </c>
      <c r="CZ27" s="113">
        <v>0</v>
      </c>
      <c r="DA27" s="110">
        <v>0</v>
      </c>
      <c r="DB27" s="114">
        <v>0</v>
      </c>
      <c r="DC27" s="114">
        <v>35417</v>
      </c>
      <c r="DD27" s="114">
        <v>15566</v>
      </c>
      <c r="DE27" s="114">
        <v>76020</v>
      </c>
      <c r="DF27" s="114">
        <v>0</v>
      </c>
      <c r="DG27" s="113">
        <v>127003</v>
      </c>
      <c r="DH27" s="116">
        <v>127003</v>
      </c>
      <c r="DI27" s="110">
        <v>0</v>
      </c>
      <c r="DJ27" s="114">
        <v>0</v>
      </c>
      <c r="DK27" s="112">
        <v>0</v>
      </c>
      <c r="DL27" s="111">
        <v>0</v>
      </c>
      <c r="DM27" s="114">
        <v>0</v>
      </c>
      <c r="DN27" s="114">
        <v>0</v>
      </c>
      <c r="DO27" s="114">
        <v>0</v>
      </c>
      <c r="DP27" s="114">
        <v>54376</v>
      </c>
      <c r="DQ27" s="114">
        <v>0</v>
      </c>
      <c r="DR27" s="113">
        <v>54376</v>
      </c>
      <c r="DS27" s="116">
        <v>54376</v>
      </c>
      <c r="DT27" s="110">
        <v>0</v>
      </c>
      <c r="DU27" s="114">
        <v>0</v>
      </c>
      <c r="DV27" s="113">
        <v>0</v>
      </c>
      <c r="DW27" s="110">
        <v>0</v>
      </c>
      <c r="DX27" s="114">
        <v>0</v>
      </c>
      <c r="DY27" s="114">
        <v>0</v>
      </c>
      <c r="DZ27" s="114">
        <v>0</v>
      </c>
      <c r="EA27" s="114">
        <v>0</v>
      </c>
      <c r="EB27" s="114">
        <v>0</v>
      </c>
      <c r="EC27" s="113">
        <v>0</v>
      </c>
      <c r="ED27" s="116">
        <v>0</v>
      </c>
      <c r="EE27" s="110">
        <v>0</v>
      </c>
      <c r="EF27" s="112">
        <v>0</v>
      </c>
      <c r="EG27" s="113">
        <v>0</v>
      </c>
      <c r="EH27" s="110">
        <v>0</v>
      </c>
      <c r="EI27" s="114">
        <v>0</v>
      </c>
      <c r="EJ27" s="114">
        <v>0</v>
      </c>
      <c r="EK27" s="114">
        <v>0</v>
      </c>
      <c r="EL27" s="114">
        <v>54376</v>
      </c>
      <c r="EM27" s="114">
        <v>0</v>
      </c>
      <c r="EN27" s="112">
        <v>54376</v>
      </c>
      <c r="EO27" s="116">
        <v>54376</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8"/>
      <c r="FE27" s="114">
        <v>0</v>
      </c>
      <c r="FF27" s="114">
        <v>0</v>
      </c>
      <c r="FG27" s="114">
        <v>0</v>
      </c>
      <c r="FH27" s="114">
        <v>0</v>
      </c>
      <c r="FI27" s="114">
        <v>0</v>
      </c>
      <c r="FJ27" s="113">
        <v>0</v>
      </c>
      <c r="FK27" s="116">
        <v>0</v>
      </c>
      <c r="FL27" s="110">
        <v>4690</v>
      </c>
      <c r="FM27" s="114">
        <v>18480</v>
      </c>
      <c r="FN27" s="113">
        <v>23170</v>
      </c>
      <c r="FO27" s="110">
        <v>0</v>
      </c>
      <c r="FP27" s="114">
        <v>185122</v>
      </c>
      <c r="FQ27" s="114">
        <v>85512</v>
      </c>
      <c r="FR27" s="114">
        <v>31276</v>
      </c>
      <c r="FS27" s="114">
        <v>97706</v>
      </c>
      <c r="FT27" s="114">
        <v>91938</v>
      </c>
      <c r="FU27" s="113">
        <v>491554</v>
      </c>
      <c r="FV27" s="116">
        <v>514724</v>
      </c>
      <c r="FW27" s="115">
        <v>4690</v>
      </c>
      <c r="FX27" s="114">
        <v>18480</v>
      </c>
      <c r="FY27" s="112">
        <v>23170</v>
      </c>
      <c r="FZ27" s="111">
        <v>0</v>
      </c>
      <c r="GA27" s="114">
        <v>66122</v>
      </c>
      <c r="GB27" s="114">
        <v>85512</v>
      </c>
      <c r="GC27" s="114">
        <v>31276</v>
      </c>
      <c r="GD27" s="114">
        <v>97706</v>
      </c>
      <c r="GE27" s="114">
        <v>91938</v>
      </c>
      <c r="GF27" s="113">
        <v>372554</v>
      </c>
      <c r="GG27" s="319">
        <v>395724</v>
      </c>
      <c r="GH27" s="115">
        <v>0</v>
      </c>
      <c r="GI27" s="114">
        <v>0</v>
      </c>
      <c r="GJ27" s="112">
        <v>0</v>
      </c>
      <c r="GK27" s="111">
        <v>0</v>
      </c>
      <c r="GL27" s="114">
        <v>16800</v>
      </c>
      <c r="GM27" s="114">
        <v>0</v>
      </c>
      <c r="GN27" s="114">
        <v>0</v>
      </c>
      <c r="GO27" s="114">
        <v>0</v>
      </c>
      <c r="GP27" s="114">
        <v>0</v>
      </c>
      <c r="GQ27" s="113">
        <v>16800</v>
      </c>
      <c r="GR27" s="116">
        <v>16800</v>
      </c>
      <c r="GS27" s="110">
        <v>0</v>
      </c>
      <c r="GT27" s="114">
        <v>0</v>
      </c>
      <c r="GU27" s="113">
        <v>0</v>
      </c>
      <c r="GV27" s="110">
        <v>0</v>
      </c>
      <c r="GW27" s="114">
        <v>102200</v>
      </c>
      <c r="GX27" s="114">
        <v>0</v>
      </c>
      <c r="GY27" s="114">
        <v>0</v>
      </c>
      <c r="GZ27" s="114">
        <v>0</v>
      </c>
      <c r="HA27" s="114">
        <v>0</v>
      </c>
      <c r="HB27" s="112">
        <v>102200</v>
      </c>
      <c r="HC27" s="116">
        <v>102200</v>
      </c>
      <c r="HD27" s="110">
        <v>0</v>
      </c>
      <c r="HE27" s="114">
        <v>73976</v>
      </c>
      <c r="HF27" s="112">
        <v>73976</v>
      </c>
      <c r="HG27" s="111">
        <v>0</v>
      </c>
      <c r="HH27" s="114">
        <v>137543</v>
      </c>
      <c r="HI27" s="114">
        <v>443948</v>
      </c>
      <c r="HJ27" s="114">
        <v>174769</v>
      </c>
      <c r="HK27" s="114">
        <v>899303</v>
      </c>
      <c r="HL27" s="114">
        <v>388464</v>
      </c>
      <c r="HM27" s="113">
        <v>2044027</v>
      </c>
      <c r="HN27" s="109">
        <v>2118003</v>
      </c>
      <c r="HO27" s="329"/>
      <c r="HP27" s="330"/>
      <c r="HQ27" s="331"/>
      <c r="HR27" s="332"/>
      <c r="HS27" s="330"/>
      <c r="HT27" s="330"/>
      <c r="HU27" s="330"/>
      <c r="HV27" s="330"/>
      <c r="HW27" s="330"/>
      <c r="HX27" s="333"/>
      <c r="HY27" s="334"/>
      <c r="HZ27" s="131">
        <v>34923</v>
      </c>
      <c r="IA27" s="132">
        <v>0</v>
      </c>
      <c r="IB27" s="133">
        <v>34923</v>
      </c>
      <c r="IC27" s="146">
        <v>0</v>
      </c>
      <c r="ID27" s="132">
        <v>593635</v>
      </c>
      <c r="IE27" s="147">
        <v>236334</v>
      </c>
      <c r="IF27" s="133">
        <v>275247</v>
      </c>
      <c r="IG27" s="132">
        <v>654192</v>
      </c>
      <c r="IH27" s="133">
        <v>0</v>
      </c>
      <c r="II27" s="148">
        <v>1759408</v>
      </c>
      <c r="IJ27" s="139">
        <v>1794331</v>
      </c>
      <c r="IK27" s="232">
        <v>0</v>
      </c>
      <c r="IL27" s="236">
        <v>0</v>
      </c>
      <c r="IM27" s="237">
        <v>0</v>
      </c>
      <c r="IN27" s="140"/>
      <c r="IO27" s="119">
        <v>153636</v>
      </c>
      <c r="IP27" s="119">
        <v>85757</v>
      </c>
      <c r="IQ27" s="119">
        <v>0</v>
      </c>
      <c r="IR27" s="119">
        <v>0</v>
      </c>
      <c r="IS27" s="119">
        <v>0</v>
      </c>
      <c r="IT27" s="141">
        <v>239393</v>
      </c>
      <c r="IU27" s="321">
        <v>239393</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439999</v>
      </c>
      <c r="JL27" s="119">
        <v>23016</v>
      </c>
      <c r="JM27" s="119">
        <v>0</v>
      </c>
      <c r="JN27" s="119">
        <v>0</v>
      </c>
      <c r="JO27" s="119">
        <v>0</v>
      </c>
      <c r="JP27" s="120">
        <v>463015</v>
      </c>
      <c r="JQ27" s="321">
        <v>463015</v>
      </c>
      <c r="JR27" s="142">
        <v>0</v>
      </c>
      <c r="JS27" s="119">
        <v>0</v>
      </c>
      <c r="JT27" s="141">
        <v>0</v>
      </c>
      <c r="JU27" s="118">
        <v>0</v>
      </c>
      <c r="JV27" s="119">
        <v>0</v>
      </c>
      <c r="JW27" s="119">
        <v>0</v>
      </c>
      <c r="JX27" s="119">
        <v>72275</v>
      </c>
      <c r="JY27" s="119">
        <v>0</v>
      </c>
      <c r="JZ27" s="119">
        <v>0</v>
      </c>
      <c r="KA27" s="120">
        <v>72275</v>
      </c>
      <c r="KB27" s="321">
        <v>72275</v>
      </c>
      <c r="KC27" s="234">
        <v>34923</v>
      </c>
      <c r="KD27" s="230">
        <v>0</v>
      </c>
      <c r="KE27" s="120">
        <v>34923</v>
      </c>
      <c r="KF27" s="118">
        <v>0</v>
      </c>
      <c r="KG27" s="119">
        <v>0</v>
      </c>
      <c r="KH27" s="119">
        <v>127561</v>
      </c>
      <c r="KI27" s="119">
        <v>0</v>
      </c>
      <c r="KJ27" s="119">
        <v>0</v>
      </c>
      <c r="KK27" s="119">
        <v>0</v>
      </c>
      <c r="KL27" s="120">
        <v>127561</v>
      </c>
      <c r="KM27" s="143">
        <v>162484</v>
      </c>
      <c r="KN27" s="232">
        <v>0</v>
      </c>
      <c r="KO27" s="236">
        <v>0</v>
      </c>
      <c r="KP27" s="237">
        <v>0</v>
      </c>
      <c r="KQ27" s="140">
        <v>0</v>
      </c>
      <c r="KR27" s="119">
        <v>0</v>
      </c>
      <c r="KS27" s="119">
        <v>0</v>
      </c>
      <c r="KT27" s="119">
        <v>202972</v>
      </c>
      <c r="KU27" s="119">
        <v>213682</v>
      </c>
      <c r="KV27" s="119">
        <v>0</v>
      </c>
      <c r="KW27" s="120">
        <v>416654</v>
      </c>
      <c r="KX27" s="321">
        <v>416654</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440510</v>
      </c>
      <c r="LR27" s="119">
        <v>0</v>
      </c>
      <c r="LS27" s="120">
        <v>440510</v>
      </c>
      <c r="LT27" s="321">
        <v>440510</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75174</v>
      </c>
      <c r="MK27" s="119">
        <v>0</v>
      </c>
      <c r="ML27" s="119">
        <v>715997</v>
      </c>
      <c r="MM27" s="119">
        <v>160083</v>
      </c>
      <c r="MN27" s="119">
        <v>0</v>
      </c>
      <c r="MO27" s="120">
        <v>951254</v>
      </c>
      <c r="MP27" s="143">
        <v>951254</v>
      </c>
      <c r="MQ27" s="142">
        <v>0</v>
      </c>
      <c r="MR27" s="119">
        <v>0</v>
      </c>
      <c r="MS27" s="120">
        <v>0</v>
      </c>
      <c r="MT27" s="145"/>
      <c r="MU27" s="119">
        <v>0</v>
      </c>
      <c r="MV27" s="119">
        <v>0</v>
      </c>
      <c r="MW27" s="119">
        <v>0</v>
      </c>
      <c r="MX27" s="119">
        <v>0</v>
      </c>
      <c r="MY27" s="119">
        <v>0</v>
      </c>
      <c r="MZ27" s="120">
        <v>0</v>
      </c>
      <c r="NA27" s="143">
        <v>0</v>
      </c>
      <c r="NB27" s="142">
        <v>0</v>
      </c>
      <c r="NC27" s="119">
        <v>0</v>
      </c>
      <c r="ND27" s="120">
        <v>0</v>
      </c>
      <c r="NE27" s="145"/>
      <c r="NF27" s="119">
        <v>75174</v>
      </c>
      <c r="NG27" s="119">
        <v>0</v>
      </c>
      <c r="NH27" s="119">
        <v>715997</v>
      </c>
      <c r="NI27" s="119">
        <v>160083</v>
      </c>
      <c r="NJ27" s="119">
        <v>0</v>
      </c>
      <c r="NK27" s="120">
        <v>951254</v>
      </c>
      <c r="NL27" s="321">
        <v>951254</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60361</v>
      </c>
      <c r="OJ27" s="119">
        <v>133693</v>
      </c>
      <c r="OK27" s="141">
        <v>194054</v>
      </c>
      <c r="OL27" s="118">
        <v>0</v>
      </c>
      <c r="OM27" s="119">
        <v>1643317</v>
      </c>
      <c r="ON27" s="119">
        <v>1200230</v>
      </c>
      <c r="OO27" s="119">
        <v>1386445</v>
      </c>
      <c r="OP27" s="119">
        <v>2685386</v>
      </c>
      <c r="OQ27" s="119">
        <v>1775793</v>
      </c>
      <c r="OR27" s="120">
        <v>8691171</v>
      </c>
      <c r="OS27" s="143">
        <v>8885225</v>
      </c>
    </row>
    <row r="28" spans="2:409" ht="20.25" customHeight="1" x14ac:dyDescent="0.2">
      <c r="B28" s="126" t="s">
        <v>23</v>
      </c>
      <c r="C28" s="110">
        <v>68323</v>
      </c>
      <c r="D28" s="114">
        <v>63899</v>
      </c>
      <c r="E28" s="113">
        <v>132222</v>
      </c>
      <c r="F28" s="109">
        <v>0</v>
      </c>
      <c r="G28" s="114">
        <v>1975484</v>
      </c>
      <c r="H28" s="114">
        <v>2859197</v>
      </c>
      <c r="I28" s="114">
        <v>2459309</v>
      </c>
      <c r="J28" s="114">
        <v>3058446</v>
      </c>
      <c r="K28" s="114">
        <v>846187</v>
      </c>
      <c r="L28" s="173">
        <v>11198623</v>
      </c>
      <c r="M28" s="116">
        <v>11330845</v>
      </c>
      <c r="N28" s="110">
        <v>61239</v>
      </c>
      <c r="O28" s="114">
        <v>50459</v>
      </c>
      <c r="P28" s="113">
        <v>111698</v>
      </c>
      <c r="Q28" s="110">
        <v>0</v>
      </c>
      <c r="R28" s="114">
        <v>233829</v>
      </c>
      <c r="S28" s="114">
        <v>850630</v>
      </c>
      <c r="T28" s="114">
        <v>888738</v>
      </c>
      <c r="U28" s="114">
        <v>431929</v>
      </c>
      <c r="V28" s="114">
        <v>84529</v>
      </c>
      <c r="W28" s="113">
        <v>2489655</v>
      </c>
      <c r="X28" s="116">
        <v>2601353</v>
      </c>
      <c r="Y28" s="110">
        <v>0</v>
      </c>
      <c r="Z28" s="114">
        <v>0</v>
      </c>
      <c r="AA28" s="113">
        <v>0</v>
      </c>
      <c r="AB28" s="110">
        <v>0</v>
      </c>
      <c r="AC28" s="114">
        <v>7891</v>
      </c>
      <c r="AD28" s="114">
        <v>275887</v>
      </c>
      <c r="AE28" s="114">
        <v>493587</v>
      </c>
      <c r="AF28" s="114">
        <v>25563</v>
      </c>
      <c r="AG28" s="114">
        <v>14567</v>
      </c>
      <c r="AH28" s="113">
        <v>817495</v>
      </c>
      <c r="AI28" s="116">
        <v>817495</v>
      </c>
      <c r="AJ28" s="110">
        <v>0</v>
      </c>
      <c r="AK28" s="114">
        <v>0</v>
      </c>
      <c r="AL28" s="113">
        <v>0</v>
      </c>
      <c r="AM28" s="110">
        <v>0</v>
      </c>
      <c r="AN28" s="114">
        <v>0</v>
      </c>
      <c r="AO28" s="114">
        <v>51294</v>
      </c>
      <c r="AP28" s="114">
        <v>0</v>
      </c>
      <c r="AQ28" s="114">
        <v>82327</v>
      </c>
      <c r="AR28" s="114">
        <v>0</v>
      </c>
      <c r="AS28" s="113">
        <v>133621</v>
      </c>
      <c r="AT28" s="116">
        <v>133621</v>
      </c>
      <c r="AU28" s="110">
        <v>61239</v>
      </c>
      <c r="AV28" s="114">
        <v>16657</v>
      </c>
      <c r="AW28" s="113">
        <v>77896</v>
      </c>
      <c r="AX28" s="110">
        <v>0</v>
      </c>
      <c r="AY28" s="114">
        <v>171240</v>
      </c>
      <c r="AZ28" s="114">
        <v>255071</v>
      </c>
      <c r="BA28" s="114">
        <v>192473</v>
      </c>
      <c r="BB28" s="114">
        <v>146666</v>
      </c>
      <c r="BC28" s="114">
        <v>28956</v>
      </c>
      <c r="BD28" s="113">
        <v>794406</v>
      </c>
      <c r="BE28" s="116">
        <v>872302</v>
      </c>
      <c r="BF28" s="110">
        <v>0</v>
      </c>
      <c r="BG28" s="114">
        <v>33802</v>
      </c>
      <c r="BH28" s="112">
        <v>33802</v>
      </c>
      <c r="BI28" s="111">
        <v>0</v>
      </c>
      <c r="BJ28" s="114">
        <v>0</v>
      </c>
      <c r="BK28" s="114">
        <v>175894</v>
      </c>
      <c r="BL28" s="114">
        <v>0</v>
      </c>
      <c r="BM28" s="114">
        <v>0</v>
      </c>
      <c r="BN28" s="114">
        <v>0</v>
      </c>
      <c r="BO28" s="113">
        <v>175894</v>
      </c>
      <c r="BP28" s="116">
        <v>209696</v>
      </c>
      <c r="BQ28" s="110">
        <v>0</v>
      </c>
      <c r="BR28" s="114">
        <v>0</v>
      </c>
      <c r="BS28" s="113">
        <v>0</v>
      </c>
      <c r="BT28" s="110">
        <v>0</v>
      </c>
      <c r="BU28" s="114">
        <v>54698</v>
      </c>
      <c r="BV28" s="114">
        <v>92484</v>
      </c>
      <c r="BW28" s="114">
        <v>202678</v>
      </c>
      <c r="BX28" s="114">
        <v>177373</v>
      </c>
      <c r="BY28" s="114">
        <v>41006</v>
      </c>
      <c r="BZ28" s="113">
        <v>568239</v>
      </c>
      <c r="CA28" s="116">
        <v>568239</v>
      </c>
      <c r="CB28" s="110">
        <v>0</v>
      </c>
      <c r="CC28" s="114">
        <v>0</v>
      </c>
      <c r="CD28" s="113">
        <v>0</v>
      </c>
      <c r="CE28" s="110">
        <v>0</v>
      </c>
      <c r="CF28" s="114">
        <v>509362</v>
      </c>
      <c r="CG28" s="114">
        <v>1264823</v>
      </c>
      <c r="CH28" s="114">
        <v>685014</v>
      </c>
      <c r="CI28" s="114">
        <v>613781</v>
      </c>
      <c r="CJ28" s="114">
        <v>0</v>
      </c>
      <c r="CK28" s="113">
        <v>3072980</v>
      </c>
      <c r="CL28" s="116">
        <v>3072980</v>
      </c>
      <c r="CM28" s="110">
        <v>0</v>
      </c>
      <c r="CN28" s="114">
        <v>0</v>
      </c>
      <c r="CO28" s="113">
        <v>0</v>
      </c>
      <c r="CP28" s="111">
        <v>0</v>
      </c>
      <c r="CQ28" s="114">
        <v>460186</v>
      </c>
      <c r="CR28" s="114">
        <v>983205</v>
      </c>
      <c r="CS28" s="114">
        <v>345514</v>
      </c>
      <c r="CT28" s="114">
        <v>321233</v>
      </c>
      <c r="CU28" s="114">
        <v>0</v>
      </c>
      <c r="CV28" s="113">
        <v>2110138</v>
      </c>
      <c r="CW28" s="116">
        <v>2110138</v>
      </c>
      <c r="CX28" s="110">
        <v>0</v>
      </c>
      <c r="CY28" s="114">
        <v>0</v>
      </c>
      <c r="CZ28" s="113">
        <v>0</v>
      </c>
      <c r="DA28" s="110">
        <v>0</v>
      </c>
      <c r="DB28" s="114">
        <v>49176</v>
      </c>
      <c r="DC28" s="114">
        <v>281618</v>
      </c>
      <c r="DD28" s="114">
        <v>339500</v>
      </c>
      <c r="DE28" s="114">
        <v>292548</v>
      </c>
      <c r="DF28" s="114">
        <v>0</v>
      </c>
      <c r="DG28" s="113">
        <v>962842</v>
      </c>
      <c r="DH28" s="116">
        <v>962842</v>
      </c>
      <c r="DI28" s="110">
        <v>0</v>
      </c>
      <c r="DJ28" s="114">
        <v>0</v>
      </c>
      <c r="DK28" s="112">
        <v>0</v>
      </c>
      <c r="DL28" s="111">
        <v>0</v>
      </c>
      <c r="DM28" s="114">
        <v>34715</v>
      </c>
      <c r="DN28" s="114">
        <v>65282</v>
      </c>
      <c r="DO28" s="114">
        <v>95328</v>
      </c>
      <c r="DP28" s="114">
        <v>212044</v>
      </c>
      <c r="DQ28" s="114">
        <v>120958</v>
      </c>
      <c r="DR28" s="113">
        <v>528327</v>
      </c>
      <c r="DS28" s="116">
        <v>528327</v>
      </c>
      <c r="DT28" s="110">
        <v>0</v>
      </c>
      <c r="DU28" s="114">
        <v>0</v>
      </c>
      <c r="DV28" s="113">
        <v>0</v>
      </c>
      <c r="DW28" s="110">
        <v>0</v>
      </c>
      <c r="DX28" s="114">
        <v>34715</v>
      </c>
      <c r="DY28" s="114">
        <v>65282</v>
      </c>
      <c r="DZ28" s="114">
        <v>95328</v>
      </c>
      <c r="EA28" s="114">
        <v>212044</v>
      </c>
      <c r="EB28" s="114">
        <v>120958</v>
      </c>
      <c r="EC28" s="113">
        <v>528327</v>
      </c>
      <c r="ED28" s="116">
        <v>528327</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8"/>
      <c r="FE28" s="114">
        <v>0</v>
      </c>
      <c r="FF28" s="114">
        <v>0</v>
      </c>
      <c r="FG28" s="114">
        <v>0</v>
      </c>
      <c r="FH28" s="114">
        <v>0</v>
      </c>
      <c r="FI28" s="114">
        <v>0</v>
      </c>
      <c r="FJ28" s="113">
        <v>0</v>
      </c>
      <c r="FK28" s="116">
        <v>0</v>
      </c>
      <c r="FL28" s="110">
        <v>7084</v>
      </c>
      <c r="FM28" s="114">
        <v>13440</v>
      </c>
      <c r="FN28" s="113">
        <v>20524</v>
      </c>
      <c r="FO28" s="110">
        <v>0</v>
      </c>
      <c r="FP28" s="114">
        <v>386204</v>
      </c>
      <c r="FQ28" s="114">
        <v>375081</v>
      </c>
      <c r="FR28" s="114">
        <v>214291</v>
      </c>
      <c r="FS28" s="114">
        <v>154441</v>
      </c>
      <c r="FT28" s="114">
        <v>38437</v>
      </c>
      <c r="FU28" s="113">
        <v>1168454</v>
      </c>
      <c r="FV28" s="116">
        <v>1188978</v>
      </c>
      <c r="FW28" s="115">
        <v>7084</v>
      </c>
      <c r="FX28" s="114">
        <v>13440</v>
      </c>
      <c r="FY28" s="112">
        <v>20524</v>
      </c>
      <c r="FZ28" s="111">
        <v>0</v>
      </c>
      <c r="GA28" s="114">
        <v>106204</v>
      </c>
      <c r="GB28" s="114">
        <v>292705</v>
      </c>
      <c r="GC28" s="114">
        <v>197659</v>
      </c>
      <c r="GD28" s="114">
        <v>154441</v>
      </c>
      <c r="GE28" s="114">
        <v>38437</v>
      </c>
      <c r="GF28" s="113">
        <v>789446</v>
      </c>
      <c r="GG28" s="319">
        <v>809970</v>
      </c>
      <c r="GH28" s="115">
        <v>0</v>
      </c>
      <c r="GI28" s="114">
        <v>0</v>
      </c>
      <c r="GJ28" s="112">
        <v>0</v>
      </c>
      <c r="GK28" s="111">
        <v>0</v>
      </c>
      <c r="GL28" s="114">
        <v>0</v>
      </c>
      <c r="GM28" s="114">
        <v>14476</v>
      </c>
      <c r="GN28" s="114">
        <v>16632</v>
      </c>
      <c r="GO28" s="114">
        <v>0</v>
      </c>
      <c r="GP28" s="114">
        <v>0</v>
      </c>
      <c r="GQ28" s="113">
        <v>31108</v>
      </c>
      <c r="GR28" s="116">
        <v>31108</v>
      </c>
      <c r="GS28" s="110">
        <v>0</v>
      </c>
      <c r="GT28" s="114">
        <v>0</v>
      </c>
      <c r="GU28" s="113">
        <v>0</v>
      </c>
      <c r="GV28" s="110">
        <v>0</v>
      </c>
      <c r="GW28" s="114">
        <v>280000</v>
      </c>
      <c r="GX28" s="114">
        <v>67900</v>
      </c>
      <c r="GY28" s="114">
        <v>0</v>
      </c>
      <c r="GZ28" s="114">
        <v>0</v>
      </c>
      <c r="HA28" s="114">
        <v>0</v>
      </c>
      <c r="HB28" s="112">
        <v>347900</v>
      </c>
      <c r="HC28" s="116">
        <v>347900</v>
      </c>
      <c r="HD28" s="110">
        <v>0</v>
      </c>
      <c r="HE28" s="114">
        <v>0</v>
      </c>
      <c r="HF28" s="112">
        <v>0</v>
      </c>
      <c r="HG28" s="111">
        <v>0</v>
      </c>
      <c r="HH28" s="114">
        <v>811374</v>
      </c>
      <c r="HI28" s="114">
        <v>303381</v>
      </c>
      <c r="HJ28" s="114">
        <v>575938</v>
      </c>
      <c r="HK28" s="114">
        <v>1646251</v>
      </c>
      <c r="HL28" s="114">
        <v>602263</v>
      </c>
      <c r="HM28" s="113">
        <v>3939207</v>
      </c>
      <c r="HN28" s="109">
        <v>3939207</v>
      </c>
      <c r="HO28" s="329"/>
      <c r="HP28" s="330"/>
      <c r="HQ28" s="331"/>
      <c r="HR28" s="332"/>
      <c r="HS28" s="330"/>
      <c r="HT28" s="330"/>
      <c r="HU28" s="330"/>
      <c r="HV28" s="330"/>
      <c r="HW28" s="330"/>
      <c r="HX28" s="333"/>
      <c r="HY28" s="334"/>
      <c r="HZ28" s="150">
        <v>0</v>
      </c>
      <c r="IA28" s="135">
        <v>0</v>
      </c>
      <c r="IB28" s="150">
        <v>0</v>
      </c>
      <c r="IC28" s="134">
        <v>0</v>
      </c>
      <c r="ID28" s="135">
        <v>78847</v>
      </c>
      <c r="IE28" s="136">
        <v>59272</v>
      </c>
      <c r="IF28" s="137">
        <v>215513</v>
      </c>
      <c r="IG28" s="135">
        <v>0</v>
      </c>
      <c r="IH28" s="137">
        <v>218396</v>
      </c>
      <c r="II28" s="138">
        <v>572028</v>
      </c>
      <c r="IJ28" s="150">
        <v>572028</v>
      </c>
      <c r="IK28" s="232">
        <v>0</v>
      </c>
      <c r="IL28" s="236">
        <v>0</v>
      </c>
      <c r="IM28" s="237">
        <v>0</v>
      </c>
      <c r="IN28" s="140"/>
      <c r="IO28" s="119">
        <v>0</v>
      </c>
      <c r="IP28" s="119">
        <v>0</v>
      </c>
      <c r="IQ28" s="119">
        <v>0</v>
      </c>
      <c r="IR28" s="119">
        <v>0</v>
      </c>
      <c r="IS28" s="119">
        <v>0</v>
      </c>
      <c r="IT28" s="141">
        <v>0</v>
      </c>
      <c r="IU28" s="321">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78847</v>
      </c>
      <c r="JL28" s="119">
        <v>59272</v>
      </c>
      <c r="JM28" s="119">
        <v>0</v>
      </c>
      <c r="JN28" s="119">
        <v>0</v>
      </c>
      <c r="JO28" s="119">
        <v>218396</v>
      </c>
      <c r="JP28" s="120">
        <v>356515</v>
      </c>
      <c r="JQ28" s="321">
        <v>356515</v>
      </c>
      <c r="JR28" s="142">
        <v>0</v>
      </c>
      <c r="JS28" s="119">
        <v>0</v>
      </c>
      <c r="JT28" s="141">
        <v>0</v>
      </c>
      <c r="JU28" s="118">
        <v>0</v>
      </c>
      <c r="JV28" s="119">
        <v>0</v>
      </c>
      <c r="JW28" s="119">
        <v>0</v>
      </c>
      <c r="JX28" s="119">
        <v>0</v>
      </c>
      <c r="JY28" s="119">
        <v>0</v>
      </c>
      <c r="JZ28" s="119">
        <v>0</v>
      </c>
      <c r="KA28" s="120">
        <v>0</v>
      </c>
      <c r="KB28" s="321">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v>0</v>
      </c>
      <c r="KR28" s="119">
        <v>0</v>
      </c>
      <c r="KS28" s="119">
        <v>0</v>
      </c>
      <c r="KT28" s="119">
        <v>215513</v>
      </c>
      <c r="KU28" s="119">
        <v>0</v>
      </c>
      <c r="KV28" s="119">
        <v>0</v>
      </c>
      <c r="KW28" s="120">
        <v>215513</v>
      </c>
      <c r="KX28" s="321">
        <v>215513</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1">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41943</v>
      </c>
      <c r="ML28" s="119">
        <v>873066</v>
      </c>
      <c r="MM28" s="119">
        <v>915865</v>
      </c>
      <c r="MN28" s="119">
        <v>922420</v>
      </c>
      <c r="MO28" s="120">
        <v>2753294</v>
      </c>
      <c r="MP28" s="143">
        <v>2753294</v>
      </c>
      <c r="MQ28" s="142">
        <v>0</v>
      </c>
      <c r="MR28" s="119">
        <v>0</v>
      </c>
      <c r="MS28" s="120">
        <v>0</v>
      </c>
      <c r="MT28" s="145"/>
      <c r="MU28" s="119">
        <v>0</v>
      </c>
      <c r="MV28" s="119">
        <v>0</v>
      </c>
      <c r="MW28" s="119">
        <v>376657</v>
      </c>
      <c r="MX28" s="119">
        <v>915865</v>
      </c>
      <c r="MY28" s="119">
        <v>127771</v>
      </c>
      <c r="MZ28" s="120">
        <v>1420293</v>
      </c>
      <c r="NA28" s="143">
        <v>1420293</v>
      </c>
      <c r="NB28" s="142">
        <v>0</v>
      </c>
      <c r="NC28" s="119">
        <v>0</v>
      </c>
      <c r="ND28" s="120">
        <v>0</v>
      </c>
      <c r="NE28" s="145"/>
      <c r="NF28" s="119">
        <v>0</v>
      </c>
      <c r="NG28" s="119">
        <v>41943</v>
      </c>
      <c r="NH28" s="119">
        <v>496409</v>
      </c>
      <c r="NI28" s="119">
        <v>0</v>
      </c>
      <c r="NJ28" s="119">
        <v>484309</v>
      </c>
      <c r="NK28" s="120">
        <v>1022661</v>
      </c>
      <c r="NL28" s="321">
        <v>1022661</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310340</v>
      </c>
      <c r="OG28" s="120">
        <v>310340</v>
      </c>
      <c r="OH28" s="121">
        <v>310340</v>
      </c>
      <c r="OI28" s="142">
        <v>68323</v>
      </c>
      <c r="OJ28" s="119">
        <v>63899</v>
      </c>
      <c r="OK28" s="141">
        <v>132222</v>
      </c>
      <c r="OL28" s="118">
        <v>0</v>
      </c>
      <c r="OM28" s="119">
        <v>2054331</v>
      </c>
      <c r="ON28" s="119">
        <v>2960412</v>
      </c>
      <c r="OO28" s="119">
        <v>3547888</v>
      </c>
      <c r="OP28" s="119">
        <v>3974311</v>
      </c>
      <c r="OQ28" s="119">
        <v>1987003</v>
      </c>
      <c r="OR28" s="120">
        <v>14523945</v>
      </c>
      <c r="OS28" s="143">
        <v>14656167</v>
      </c>
    </row>
    <row r="29" spans="2:409" ht="20.25" customHeight="1" x14ac:dyDescent="0.2">
      <c r="B29" s="126" t="s">
        <v>24</v>
      </c>
      <c r="C29" s="110">
        <v>217856</v>
      </c>
      <c r="D29" s="114">
        <v>262028</v>
      </c>
      <c r="E29" s="113">
        <v>479884</v>
      </c>
      <c r="F29" s="109">
        <v>0</v>
      </c>
      <c r="G29" s="114">
        <v>1793859</v>
      </c>
      <c r="H29" s="114">
        <v>2690636</v>
      </c>
      <c r="I29" s="114">
        <v>1144516</v>
      </c>
      <c r="J29" s="114">
        <v>2773525</v>
      </c>
      <c r="K29" s="114">
        <v>1983616</v>
      </c>
      <c r="L29" s="173">
        <v>10386152</v>
      </c>
      <c r="M29" s="116">
        <v>10866036</v>
      </c>
      <c r="N29" s="110">
        <v>40789</v>
      </c>
      <c r="O29" s="114">
        <v>71161</v>
      </c>
      <c r="P29" s="113">
        <v>111950</v>
      </c>
      <c r="Q29" s="110">
        <v>0</v>
      </c>
      <c r="R29" s="114">
        <v>553339</v>
      </c>
      <c r="S29" s="114">
        <v>374271</v>
      </c>
      <c r="T29" s="114">
        <v>472581</v>
      </c>
      <c r="U29" s="114">
        <v>1098779</v>
      </c>
      <c r="V29" s="114">
        <v>1135740</v>
      </c>
      <c r="W29" s="113">
        <v>3634710</v>
      </c>
      <c r="X29" s="116">
        <v>3746660</v>
      </c>
      <c r="Y29" s="110">
        <v>0</v>
      </c>
      <c r="Z29" s="114">
        <v>0</v>
      </c>
      <c r="AA29" s="113">
        <v>0</v>
      </c>
      <c r="AB29" s="110">
        <v>0</v>
      </c>
      <c r="AC29" s="114">
        <v>183217</v>
      </c>
      <c r="AD29" s="114">
        <v>162227</v>
      </c>
      <c r="AE29" s="114">
        <v>120365</v>
      </c>
      <c r="AF29" s="114">
        <v>600133</v>
      </c>
      <c r="AG29" s="114">
        <v>689067</v>
      </c>
      <c r="AH29" s="113">
        <v>1755009</v>
      </c>
      <c r="AI29" s="116">
        <v>1755009</v>
      </c>
      <c r="AJ29" s="110">
        <v>0</v>
      </c>
      <c r="AK29" s="114">
        <v>0</v>
      </c>
      <c r="AL29" s="113">
        <v>0</v>
      </c>
      <c r="AM29" s="110">
        <v>0</v>
      </c>
      <c r="AN29" s="114">
        <v>0</v>
      </c>
      <c r="AO29" s="114">
        <v>0</v>
      </c>
      <c r="AP29" s="114">
        <v>0</v>
      </c>
      <c r="AQ29" s="114">
        <v>70810</v>
      </c>
      <c r="AR29" s="114">
        <v>175229</v>
      </c>
      <c r="AS29" s="113">
        <v>246039</v>
      </c>
      <c r="AT29" s="116">
        <v>246039</v>
      </c>
      <c r="AU29" s="110">
        <v>0</v>
      </c>
      <c r="AV29" s="114">
        <v>52842</v>
      </c>
      <c r="AW29" s="113">
        <v>52842</v>
      </c>
      <c r="AX29" s="110">
        <v>0</v>
      </c>
      <c r="AY29" s="114">
        <v>298904</v>
      </c>
      <c r="AZ29" s="114">
        <v>25781</v>
      </c>
      <c r="BA29" s="114">
        <v>290308</v>
      </c>
      <c r="BB29" s="114">
        <v>227113</v>
      </c>
      <c r="BC29" s="114">
        <v>135406</v>
      </c>
      <c r="BD29" s="113">
        <v>977512</v>
      </c>
      <c r="BE29" s="116">
        <v>1030354</v>
      </c>
      <c r="BF29" s="110">
        <v>0</v>
      </c>
      <c r="BG29" s="114">
        <v>0</v>
      </c>
      <c r="BH29" s="112">
        <v>0</v>
      </c>
      <c r="BI29" s="111">
        <v>0</v>
      </c>
      <c r="BJ29" s="114">
        <v>0</v>
      </c>
      <c r="BK29" s="114">
        <v>0</v>
      </c>
      <c r="BL29" s="114">
        <v>0</v>
      </c>
      <c r="BM29" s="114">
        <v>23742</v>
      </c>
      <c r="BN29" s="114">
        <v>28490</v>
      </c>
      <c r="BO29" s="113">
        <v>52232</v>
      </c>
      <c r="BP29" s="116">
        <v>52232</v>
      </c>
      <c r="BQ29" s="110">
        <v>40789</v>
      </c>
      <c r="BR29" s="114">
        <v>18319</v>
      </c>
      <c r="BS29" s="113">
        <v>59108</v>
      </c>
      <c r="BT29" s="110">
        <v>0</v>
      </c>
      <c r="BU29" s="114">
        <v>71218</v>
      </c>
      <c r="BV29" s="114">
        <v>186263</v>
      </c>
      <c r="BW29" s="114">
        <v>61908</v>
      </c>
      <c r="BX29" s="114">
        <v>176981</v>
      </c>
      <c r="BY29" s="114">
        <v>107548</v>
      </c>
      <c r="BZ29" s="113">
        <v>603918</v>
      </c>
      <c r="CA29" s="116">
        <v>663026</v>
      </c>
      <c r="CB29" s="110">
        <v>17708</v>
      </c>
      <c r="CC29" s="114">
        <v>33197</v>
      </c>
      <c r="CD29" s="113">
        <v>50905</v>
      </c>
      <c r="CE29" s="110">
        <v>0</v>
      </c>
      <c r="CF29" s="114">
        <v>638674</v>
      </c>
      <c r="CG29" s="114">
        <v>588887</v>
      </c>
      <c r="CH29" s="114">
        <v>68195</v>
      </c>
      <c r="CI29" s="114">
        <v>234164</v>
      </c>
      <c r="CJ29" s="114">
        <v>169717</v>
      </c>
      <c r="CK29" s="113">
        <v>1699637</v>
      </c>
      <c r="CL29" s="116">
        <v>1750542</v>
      </c>
      <c r="CM29" s="110">
        <v>0</v>
      </c>
      <c r="CN29" s="114">
        <v>0</v>
      </c>
      <c r="CO29" s="113">
        <v>0</v>
      </c>
      <c r="CP29" s="111">
        <v>0</v>
      </c>
      <c r="CQ29" s="114">
        <v>377935</v>
      </c>
      <c r="CR29" s="114">
        <v>356796</v>
      </c>
      <c r="CS29" s="114">
        <v>0</v>
      </c>
      <c r="CT29" s="114">
        <v>72076</v>
      </c>
      <c r="CU29" s="114">
        <v>0</v>
      </c>
      <c r="CV29" s="113">
        <v>806807</v>
      </c>
      <c r="CW29" s="116">
        <v>806807</v>
      </c>
      <c r="CX29" s="110">
        <v>17708</v>
      </c>
      <c r="CY29" s="114">
        <v>33197</v>
      </c>
      <c r="CZ29" s="113">
        <v>50905</v>
      </c>
      <c r="DA29" s="110">
        <v>0</v>
      </c>
      <c r="DB29" s="114">
        <v>260739</v>
      </c>
      <c r="DC29" s="114">
        <v>232091</v>
      </c>
      <c r="DD29" s="114">
        <v>68195</v>
      </c>
      <c r="DE29" s="114">
        <v>162088</v>
      </c>
      <c r="DF29" s="114">
        <v>169717</v>
      </c>
      <c r="DG29" s="113">
        <v>892830</v>
      </c>
      <c r="DH29" s="116">
        <v>943735</v>
      </c>
      <c r="DI29" s="110">
        <v>0</v>
      </c>
      <c r="DJ29" s="114">
        <v>0</v>
      </c>
      <c r="DK29" s="112">
        <v>0</v>
      </c>
      <c r="DL29" s="111">
        <v>0</v>
      </c>
      <c r="DM29" s="114">
        <v>0</v>
      </c>
      <c r="DN29" s="114">
        <v>118509</v>
      </c>
      <c r="DO29" s="114">
        <v>0</v>
      </c>
      <c r="DP29" s="114">
        <v>220892</v>
      </c>
      <c r="DQ29" s="114">
        <v>58925</v>
      </c>
      <c r="DR29" s="113">
        <v>398326</v>
      </c>
      <c r="DS29" s="116">
        <v>398326</v>
      </c>
      <c r="DT29" s="110">
        <v>0</v>
      </c>
      <c r="DU29" s="114">
        <v>0</v>
      </c>
      <c r="DV29" s="113">
        <v>0</v>
      </c>
      <c r="DW29" s="110">
        <v>0</v>
      </c>
      <c r="DX29" s="114">
        <v>0</v>
      </c>
      <c r="DY29" s="114">
        <v>63647</v>
      </c>
      <c r="DZ29" s="114">
        <v>0</v>
      </c>
      <c r="EA29" s="114">
        <v>220892</v>
      </c>
      <c r="EB29" s="114">
        <v>58925</v>
      </c>
      <c r="EC29" s="113">
        <v>343464</v>
      </c>
      <c r="ED29" s="116">
        <v>343464</v>
      </c>
      <c r="EE29" s="110">
        <v>0</v>
      </c>
      <c r="EF29" s="112">
        <v>0</v>
      </c>
      <c r="EG29" s="113">
        <v>0</v>
      </c>
      <c r="EH29" s="110">
        <v>0</v>
      </c>
      <c r="EI29" s="114">
        <v>0</v>
      </c>
      <c r="EJ29" s="114">
        <v>54862</v>
      </c>
      <c r="EK29" s="114">
        <v>0</v>
      </c>
      <c r="EL29" s="114">
        <v>0</v>
      </c>
      <c r="EM29" s="114">
        <v>0</v>
      </c>
      <c r="EN29" s="112">
        <v>54862</v>
      </c>
      <c r="EO29" s="116">
        <v>54862</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8"/>
      <c r="FE29" s="114">
        <v>0</v>
      </c>
      <c r="FF29" s="114">
        <v>0</v>
      </c>
      <c r="FG29" s="114">
        <v>0</v>
      </c>
      <c r="FH29" s="114">
        <v>0</v>
      </c>
      <c r="FI29" s="114">
        <v>0</v>
      </c>
      <c r="FJ29" s="113">
        <v>0</v>
      </c>
      <c r="FK29" s="116">
        <v>0</v>
      </c>
      <c r="FL29" s="110">
        <v>23380</v>
      </c>
      <c r="FM29" s="114">
        <v>11340</v>
      </c>
      <c r="FN29" s="113">
        <v>34720</v>
      </c>
      <c r="FO29" s="110">
        <v>0</v>
      </c>
      <c r="FP29" s="114">
        <v>117824</v>
      </c>
      <c r="FQ29" s="114">
        <v>140630</v>
      </c>
      <c r="FR29" s="114">
        <v>91322</v>
      </c>
      <c r="FS29" s="114">
        <v>87402</v>
      </c>
      <c r="FT29" s="114">
        <v>215054</v>
      </c>
      <c r="FU29" s="113">
        <v>652232</v>
      </c>
      <c r="FV29" s="116">
        <v>686952</v>
      </c>
      <c r="FW29" s="115">
        <v>23380</v>
      </c>
      <c r="FX29" s="114">
        <v>11340</v>
      </c>
      <c r="FY29" s="112">
        <v>34720</v>
      </c>
      <c r="FZ29" s="111">
        <v>0</v>
      </c>
      <c r="GA29" s="114">
        <v>95648</v>
      </c>
      <c r="GB29" s="114">
        <v>140630</v>
      </c>
      <c r="GC29" s="114">
        <v>80122</v>
      </c>
      <c r="GD29" s="114">
        <v>87402</v>
      </c>
      <c r="GE29" s="114">
        <v>215054</v>
      </c>
      <c r="GF29" s="113">
        <v>618856</v>
      </c>
      <c r="GG29" s="319">
        <v>653576</v>
      </c>
      <c r="GH29" s="115">
        <v>0</v>
      </c>
      <c r="GI29" s="114">
        <v>0</v>
      </c>
      <c r="GJ29" s="112">
        <v>0</v>
      </c>
      <c r="GK29" s="111">
        <v>0</v>
      </c>
      <c r="GL29" s="114">
        <v>22176</v>
      </c>
      <c r="GM29" s="114">
        <v>0</v>
      </c>
      <c r="GN29" s="114">
        <v>11200</v>
      </c>
      <c r="GO29" s="114">
        <v>0</v>
      </c>
      <c r="GP29" s="114">
        <v>0</v>
      </c>
      <c r="GQ29" s="113">
        <v>33376</v>
      </c>
      <c r="GR29" s="116">
        <v>33376</v>
      </c>
      <c r="GS29" s="110">
        <v>0</v>
      </c>
      <c r="GT29" s="114">
        <v>0</v>
      </c>
      <c r="GU29" s="113">
        <v>0</v>
      </c>
      <c r="GV29" s="110">
        <v>0</v>
      </c>
      <c r="GW29" s="114">
        <v>0</v>
      </c>
      <c r="GX29" s="114">
        <v>0</v>
      </c>
      <c r="GY29" s="114">
        <v>0</v>
      </c>
      <c r="GZ29" s="114">
        <v>0</v>
      </c>
      <c r="HA29" s="114">
        <v>0</v>
      </c>
      <c r="HB29" s="112">
        <v>0</v>
      </c>
      <c r="HC29" s="116">
        <v>0</v>
      </c>
      <c r="HD29" s="110">
        <v>135979</v>
      </c>
      <c r="HE29" s="114">
        <v>146330</v>
      </c>
      <c r="HF29" s="112">
        <v>282309</v>
      </c>
      <c r="HG29" s="111">
        <v>0</v>
      </c>
      <c r="HH29" s="114">
        <v>484022</v>
      </c>
      <c r="HI29" s="114">
        <v>1468339</v>
      </c>
      <c r="HJ29" s="114">
        <v>512418</v>
      </c>
      <c r="HK29" s="114">
        <v>1132288</v>
      </c>
      <c r="HL29" s="114">
        <v>404180</v>
      </c>
      <c r="HM29" s="113">
        <v>4001247</v>
      </c>
      <c r="HN29" s="109">
        <v>4283556</v>
      </c>
      <c r="HO29" s="329"/>
      <c r="HP29" s="330"/>
      <c r="HQ29" s="331"/>
      <c r="HR29" s="332"/>
      <c r="HS29" s="330"/>
      <c r="HT29" s="330"/>
      <c r="HU29" s="330"/>
      <c r="HV29" s="330"/>
      <c r="HW29" s="330"/>
      <c r="HX29" s="333"/>
      <c r="HY29" s="334"/>
      <c r="HZ29" s="131">
        <v>0</v>
      </c>
      <c r="IA29" s="132">
        <v>61296</v>
      </c>
      <c r="IB29" s="133">
        <v>61296</v>
      </c>
      <c r="IC29" s="146">
        <v>0</v>
      </c>
      <c r="ID29" s="132">
        <v>354408</v>
      </c>
      <c r="IE29" s="147">
        <v>87681</v>
      </c>
      <c r="IF29" s="133">
        <v>294970</v>
      </c>
      <c r="IG29" s="132">
        <v>389379</v>
      </c>
      <c r="IH29" s="133">
        <v>660760</v>
      </c>
      <c r="II29" s="148">
        <v>1787198</v>
      </c>
      <c r="IJ29" s="139">
        <v>1848494</v>
      </c>
      <c r="IK29" s="232">
        <v>0</v>
      </c>
      <c r="IL29" s="236">
        <v>0</v>
      </c>
      <c r="IM29" s="237">
        <v>0</v>
      </c>
      <c r="IN29" s="140"/>
      <c r="IO29" s="119">
        <v>0</v>
      </c>
      <c r="IP29" s="119">
        <v>0</v>
      </c>
      <c r="IQ29" s="119">
        <v>0</v>
      </c>
      <c r="IR29" s="119">
        <v>185413</v>
      </c>
      <c r="IS29" s="119">
        <v>0</v>
      </c>
      <c r="IT29" s="141">
        <v>185413</v>
      </c>
      <c r="IU29" s="321">
        <v>185413</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0</v>
      </c>
      <c r="JM29" s="119">
        <v>91975</v>
      </c>
      <c r="JN29" s="119">
        <v>0</v>
      </c>
      <c r="JO29" s="119">
        <v>0</v>
      </c>
      <c r="JP29" s="120">
        <v>91975</v>
      </c>
      <c r="JQ29" s="321">
        <v>91975</v>
      </c>
      <c r="JR29" s="142">
        <v>0</v>
      </c>
      <c r="JS29" s="119">
        <v>0</v>
      </c>
      <c r="JT29" s="141">
        <v>0</v>
      </c>
      <c r="JU29" s="118">
        <v>0</v>
      </c>
      <c r="JV29" s="119">
        <v>0</v>
      </c>
      <c r="JW29" s="119">
        <v>87681</v>
      </c>
      <c r="JX29" s="119">
        <v>0</v>
      </c>
      <c r="JY29" s="119">
        <v>0</v>
      </c>
      <c r="JZ29" s="119">
        <v>216148</v>
      </c>
      <c r="KA29" s="120">
        <v>303829</v>
      </c>
      <c r="KB29" s="321">
        <v>303829</v>
      </c>
      <c r="KC29" s="234">
        <v>0</v>
      </c>
      <c r="KD29" s="230">
        <v>61296</v>
      </c>
      <c r="KE29" s="120">
        <v>61296</v>
      </c>
      <c r="KF29" s="118">
        <v>0</v>
      </c>
      <c r="KG29" s="119">
        <v>354408</v>
      </c>
      <c r="KH29" s="119">
        <v>0</v>
      </c>
      <c r="KI29" s="119">
        <v>0</v>
      </c>
      <c r="KJ29" s="119">
        <v>0</v>
      </c>
      <c r="KK29" s="119">
        <v>235751</v>
      </c>
      <c r="KL29" s="120">
        <v>590159</v>
      </c>
      <c r="KM29" s="143">
        <v>651455</v>
      </c>
      <c r="KN29" s="232">
        <v>0</v>
      </c>
      <c r="KO29" s="236">
        <v>0</v>
      </c>
      <c r="KP29" s="237">
        <v>0</v>
      </c>
      <c r="KQ29" s="140">
        <v>0</v>
      </c>
      <c r="KR29" s="119">
        <v>0</v>
      </c>
      <c r="KS29" s="119">
        <v>0</v>
      </c>
      <c r="KT29" s="119">
        <v>202995</v>
      </c>
      <c r="KU29" s="119">
        <v>203966</v>
      </c>
      <c r="KV29" s="119">
        <v>208861</v>
      </c>
      <c r="KW29" s="120">
        <v>615822</v>
      </c>
      <c r="KX29" s="321">
        <v>615822</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1">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116253</v>
      </c>
      <c r="MK29" s="119">
        <v>104678</v>
      </c>
      <c r="ML29" s="119">
        <v>207308</v>
      </c>
      <c r="MM29" s="119">
        <v>728145</v>
      </c>
      <c r="MN29" s="119">
        <v>0</v>
      </c>
      <c r="MO29" s="120">
        <v>1156384</v>
      </c>
      <c r="MP29" s="143">
        <v>1156384</v>
      </c>
      <c r="MQ29" s="142">
        <v>0</v>
      </c>
      <c r="MR29" s="119">
        <v>0</v>
      </c>
      <c r="MS29" s="120">
        <v>0</v>
      </c>
      <c r="MT29" s="145"/>
      <c r="MU29" s="119">
        <v>0</v>
      </c>
      <c r="MV29" s="119">
        <v>0</v>
      </c>
      <c r="MW29" s="119">
        <v>207308</v>
      </c>
      <c r="MX29" s="119">
        <v>457023</v>
      </c>
      <c r="MY29" s="119">
        <v>0</v>
      </c>
      <c r="MZ29" s="120">
        <v>664331</v>
      </c>
      <c r="NA29" s="143">
        <v>664331</v>
      </c>
      <c r="NB29" s="142">
        <v>0</v>
      </c>
      <c r="NC29" s="119">
        <v>0</v>
      </c>
      <c r="ND29" s="120">
        <v>0</v>
      </c>
      <c r="NE29" s="145"/>
      <c r="NF29" s="119">
        <v>116253</v>
      </c>
      <c r="NG29" s="119">
        <v>104678</v>
      </c>
      <c r="NH29" s="119">
        <v>0</v>
      </c>
      <c r="NI29" s="119">
        <v>271122</v>
      </c>
      <c r="NJ29" s="119">
        <v>0</v>
      </c>
      <c r="NK29" s="120">
        <v>492053</v>
      </c>
      <c r="NL29" s="321">
        <v>492053</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17856</v>
      </c>
      <c r="OJ29" s="119">
        <v>323324</v>
      </c>
      <c r="OK29" s="141">
        <v>541180</v>
      </c>
      <c r="OL29" s="118">
        <v>0</v>
      </c>
      <c r="OM29" s="119">
        <v>2264520</v>
      </c>
      <c r="ON29" s="119">
        <v>2882995</v>
      </c>
      <c r="OO29" s="119">
        <v>1646794</v>
      </c>
      <c r="OP29" s="119">
        <v>3891049</v>
      </c>
      <c r="OQ29" s="119">
        <v>2644376</v>
      </c>
      <c r="OR29" s="120">
        <v>13329734</v>
      </c>
      <c r="OS29" s="143">
        <v>13870914</v>
      </c>
    </row>
    <row r="30" spans="2:409" ht="20.25" customHeight="1" x14ac:dyDescent="0.2">
      <c r="B30" s="126" t="s">
        <v>25</v>
      </c>
      <c r="C30" s="110">
        <v>33288</v>
      </c>
      <c r="D30" s="114">
        <v>93373</v>
      </c>
      <c r="E30" s="113">
        <v>126661</v>
      </c>
      <c r="F30" s="109">
        <v>0</v>
      </c>
      <c r="G30" s="114">
        <v>644717</v>
      </c>
      <c r="H30" s="114">
        <v>1087598</v>
      </c>
      <c r="I30" s="114">
        <v>674175</v>
      </c>
      <c r="J30" s="114">
        <v>1124069</v>
      </c>
      <c r="K30" s="114">
        <v>846799</v>
      </c>
      <c r="L30" s="173">
        <v>4377358</v>
      </c>
      <c r="M30" s="116">
        <v>4504019</v>
      </c>
      <c r="N30" s="110">
        <v>21024</v>
      </c>
      <c r="O30" s="114">
        <v>26034</v>
      </c>
      <c r="P30" s="113">
        <v>47058</v>
      </c>
      <c r="Q30" s="110">
        <v>0</v>
      </c>
      <c r="R30" s="114">
        <v>215774</v>
      </c>
      <c r="S30" s="114">
        <v>147474</v>
      </c>
      <c r="T30" s="114">
        <v>113299</v>
      </c>
      <c r="U30" s="114">
        <v>286533</v>
      </c>
      <c r="V30" s="114">
        <v>307839</v>
      </c>
      <c r="W30" s="113">
        <v>1070919</v>
      </c>
      <c r="X30" s="116">
        <v>1117977</v>
      </c>
      <c r="Y30" s="110">
        <v>0</v>
      </c>
      <c r="Z30" s="114">
        <v>0</v>
      </c>
      <c r="AA30" s="113">
        <v>0</v>
      </c>
      <c r="AB30" s="110">
        <v>0</v>
      </c>
      <c r="AC30" s="114">
        <v>85382</v>
      </c>
      <c r="AD30" s="114">
        <v>28296</v>
      </c>
      <c r="AE30" s="114">
        <v>65656</v>
      </c>
      <c r="AF30" s="114">
        <v>236813</v>
      </c>
      <c r="AG30" s="114">
        <v>8830</v>
      </c>
      <c r="AH30" s="113">
        <v>424977</v>
      </c>
      <c r="AI30" s="116">
        <v>424977</v>
      </c>
      <c r="AJ30" s="110">
        <v>0</v>
      </c>
      <c r="AK30" s="114">
        <v>0</v>
      </c>
      <c r="AL30" s="113">
        <v>0</v>
      </c>
      <c r="AM30" s="110">
        <v>0</v>
      </c>
      <c r="AN30" s="114">
        <v>0</v>
      </c>
      <c r="AO30" s="114">
        <v>41035</v>
      </c>
      <c r="AP30" s="114">
        <v>0</v>
      </c>
      <c r="AQ30" s="114">
        <v>0</v>
      </c>
      <c r="AR30" s="114">
        <v>191628</v>
      </c>
      <c r="AS30" s="113">
        <v>232663</v>
      </c>
      <c r="AT30" s="116">
        <v>232663</v>
      </c>
      <c r="AU30" s="110">
        <v>16852</v>
      </c>
      <c r="AV30" s="114">
        <v>26034</v>
      </c>
      <c r="AW30" s="113">
        <v>42886</v>
      </c>
      <c r="AX30" s="110">
        <v>0</v>
      </c>
      <c r="AY30" s="114">
        <v>79670</v>
      </c>
      <c r="AZ30" s="114">
        <v>46496</v>
      </c>
      <c r="BA30" s="114">
        <v>38347</v>
      </c>
      <c r="BB30" s="114">
        <v>14356</v>
      </c>
      <c r="BC30" s="114">
        <v>89475</v>
      </c>
      <c r="BD30" s="113">
        <v>268344</v>
      </c>
      <c r="BE30" s="116">
        <v>311230</v>
      </c>
      <c r="BF30" s="110">
        <v>0</v>
      </c>
      <c r="BG30" s="114">
        <v>0</v>
      </c>
      <c r="BH30" s="112">
        <v>0</v>
      </c>
      <c r="BI30" s="111">
        <v>0</v>
      </c>
      <c r="BJ30" s="114">
        <v>0</v>
      </c>
      <c r="BK30" s="114">
        <v>0</v>
      </c>
      <c r="BL30" s="114">
        <v>0</v>
      </c>
      <c r="BM30" s="114">
        <v>0</v>
      </c>
      <c r="BN30" s="114">
        <v>0</v>
      </c>
      <c r="BO30" s="113">
        <v>0</v>
      </c>
      <c r="BP30" s="116">
        <v>0</v>
      </c>
      <c r="BQ30" s="110">
        <v>4172</v>
      </c>
      <c r="BR30" s="114">
        <v>0</v>
      </c>
      <c r="BS30" s="113">
        <v>4172</v>
      </c>
      <c r="BT30" s="110">
        <v>0</v>
      </c>
      <c r="BU30" s="114">
        <v>50722</v>
      </c>
      <c r="BV30" s="114">
        <v>31647</v>
      </c>
      <c r="BW30" s="114">
        <v>9296</v>
      </c>
      <c r="BX30" s="114">
        <v>35364</v>
      </c>
      <c r="BY30" s="114">
        <v>17906</v>
      </c>
      <c r="BZ30" s="113">
        <v>144935</v>
      </c>
      <c r="CA30" s="116">
        <v>149107</v>
      </c>
      <c r="CB30" s="110">
        <v>0</v>
      </c>
      <c r="CC30" s="114">
        <v>31877</v>
      </c>
      <c r="CD30" s="113">
        <v>31877</v>
      </c>
      <c r="CE30" s="110">
        <v>0</v>
      </c>
      <c r="CF30" s="114">
        <v>331613</v>
      </c>
      <c r="CG30" s="114">
        <v>501108</v>
      </c>
      <c r="CH30" s="114">
        <v>326999</v>
      </c>
      <c r="CI30" s="114">
        <v>399253</v>
      </c>
      <c r="CJ30" s="114">
        <v>0</v>
      </c>
      <c r="CK30" s="113">
        <v>1558973</v>
      </c>
      <c r="CL30" s="116">
        <v>1590850</v>
      </c>
      <c r="CM30" s="110">
        <v>0</v>
      </c>
      <c r="CN30" s="114">
        <v>0</v>
      </c>
      <c r="CO30" s="113">
        <v>0</v>
      </c>
      <c r="CP30" s="111">
        <v>0</v>
      </c>
      <c r="CQ30" s="114">
        <v>314683</v>
      </c>
      <c r="CR30" s="114">
        <v>221642</v>
      </c>
      <c r="CS30" s="114">
        <v>175432</v>
      </c>
      <c r="CT30" s="114">
        <v>216121</v>
      </c>
      <c r="CU30" s="114">
        <v>0</v>
      </c>
      <c r="CV30" s="113">
        <v>927878</v>
      </c>
      <c r="CW30" s="116">
        <v>927878</v>
      </c>
      <c r="CX30" s="110">
        <v>0</v>
      </c>
      <c r="CY30" s="114">
        <v>31877</v>
      </c>
      <c r="CZ30" s="113">
        <v>31877</v>
      </c>
      <c r="DA30" s="110">
        <v>0</v>
      </c>
      <c r="DB30" s="114">
        <v>16930</v>
      </c>
      <c r="DC30" s="114">
        <v>279466</v>
      </c>
      <c r="DD30" s="114">
        <v>151567</v>
      </c>
      <c r="DE30" s="114">
        <v>183132</v>
      </c>
      <c r="DF30" s="114">
        <v>0</v>
      </c>
      <c r="DG30" s="113">
        <v>631095</v>
      </c>
      <c r="DH30" s="116">
        <v>662972</v>
      </c>
      <c r="DI30" s="110">
        <v>0</v>
      </c>
      <c r="DJ30" s="114">
        <v>0</v>
      </c>
      <c r="DK30" s="112">
        <v>0</v>
      </c>
      <c r="DL30" s="111">
        <v>0</v>
      </c>
      <c r="DM30" s="114">
        <v>84380</v>
      </c>
      <c r="DN30" s="114">
        <v>22346</v>
      </c>
      <c r="DO30" s="114">
        <v>160503</v>
      </c>
      <c r="DP30" s="114">
        <v>0</v>
      </c>
      <c r="DQ30" s="114">
        <v>219266</v>
      </c>
      <c r="DR30" s="113">
        <v>486495</v>
      </c>
      <c r="DS30" s="116">
        <v>486495</v>
      </c>
      <c r="DT30" s="110">
        <v>0</v>
      </c>
      <c r="DU30" s="114">
        <v>0</v>
      </c>
      <c r="DV30" s="113">
        <v>0</v>
      </c>
      <c r="DW30" s="110">
        <v>0</v>
      </c>
      <c r="DX30" s="114">
        <v>84380</v>
      </c>
      <c r="DY30" s="114">
        <v>22346</v>
      </c>
      <c r="DZ30" s="114">
        <v>55409</v>
      </c>
      <c r="EA30" s="114">
        <v>0</v>
      </c>
      <c r="EB30" s="114">
        <v>0</v>
      </c>
      <c r="EC30" s="113">
        <v>162135</v>
      </c>
      <c r="ED30" s="116">
        <v>162135</v>
      </c>
      <c r="EE30" s="110">
        <v>0</v>
      </c>
      <c r="EF30" s="112">
        <v>0</v>
      </c>
      <c r="EG30" s="113">
        <v>0</v>
      </c>
      <c r="EH30" s="110">
        <v>0</v>
      </c>
      <c r="EI30" s="114">
        <v>0</v>
      </c>
      <c r="EJ30" s="114">
        <v>0</v>
      </c>
      <c r="EK30" s="114">
        <v>105094</v>
      </c>
      <c r="EL30" s="114">
        <v>0</v>
      </c>
      <c r="EM30" s="114">
        <v>219266</v>
      </c>
      <c r="EN30" s="112">
        <v>324360</v>
      </c>
      <c r="EO30" s="116">
        <v>324360</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8"/>
      <c r="FE30" s="114">
        <v>0</v>
      </c>
      <c r="FF30" s="114">
        <v>0</v>
      </c>
      <c r="FG30" s="114">
        <v>0</v>
      </c>
      <c r="FH30" s="114">
        <v>0</v>
      </c>
      <c r="FI30" s="114">
        <v>0</v>
      </c>
      <c r="FJ30" s="113">
        <v>0</v>
      </c>
      <c r="FK30" s="116">
        <v>0</v>
      </c>
      <c r="FL30" s="110">
        <v>12264</v>
      </c>
      <c r="FM30" s="114">
        <v>35462</v>
      </c>
      <c r="FN30" s="113">
        <v>47726</v>
      </c>
      <c r="FO30" s="110">
        <v>0</v>
      </c>
      <c r="FP30" s="114">
        <v>12950</v>
      </c>
      <c r="FQ30" s="114">
        <v>118237</v>
      </c>
      <c r="FR30" s="114">
        <v>73374</v>
      </c>
      <c r="FS30" s="114">
        <v>80647</v>
      </c>
      <c r="FT30" s="114">
        <v>123865</v>
      </c>
      <c r="FU30" s="113">
        <v>409073</v>
      </c>
      <c r="FV30" s="116">
        <v>456799</v>
      </c>
      <c r="FW30" s="115">
        <v>12264</v>
      </c>
      <c r="FX30" s="114">
        <v>35462</v>
      </c>
      <c r="FY30" s="112">
        <v>47726</v>
      </c>
      <c r="FZ30" s="111">
        <v>0</v>
      </c>
      <c r="GA30" s="114">
        <v>12950</v>
      </c>
      <c r="GB30" s="114">
        <v>118237</v>
      </c>
      <c r="GC30" s="114">
        <v>73374</v>
      </c>
      <c r="GD30" s="114">
        <v>80647</v>
      </c>
      <c r="GE30" s="114">
        <v>123865</v>
      </c>
      <c r="GF30" s="113">
        <v>409073</v>
      </c>
      <c r="GG30" s="319">
        <v>456799</v>
      </c>
      <c r="GH30" s="115">
        <v>0</v>
      </c>
      <c r="GI30" s="114">
        <v>0</v>
      </c>
      <c r="GJ30" s="112">
        <v>0</v>
      </c>
      <c r="GK30" s="111">
        <v>0</v>
      </c>
      <c r="GL30" s="114">
        <v>0</v>
      </c>
      <c r="GM30" s="114">
        <v>0</v>
      </c>
      <c r="GN30" s="114">
        <v>0</v>
      </c>
      <c r="GO30" s="114">
        <v>0</v>
      </c>
      <c r="GP30" s="114">
        <v>0</v>
      </c>
      <c r="GQ30" s="113">
        <v>0</v>
      </c>
      <c r="GR30" s="116">
        <v>0</v>
      </c>
      <c r="GS30" s="110">
        <v>0</v>
      </c>
      <c r="GT30" s="114">
        <v>0</v>
      </c>
      <c r="GU30" s="113">
        <v>0</v>
      </c>
      <c r="GV30" s="110">
        <v>0</v>
      </c>
      <c r="GW30" s="114">
        <v>0</v>
      </c>
      <c r="GX30" s="114">
        <v>0</v>
      </c>
      <c r="GY30" s="114">
        <v>0</v>
      </c>
      <c r="GZ30" s="114">
        <v>0</v>
      </c>
      <c r="HA30" s="114">
        <v>0</v>
      </c>
      <c r="HB30" s="112">
        <v>0</v>
      </c>
      <c r="HC30" s="116">
        <v>0</v>
      </c>
      <c r="HD30" s="110">
        <v>0</v>
      </c>
      <c r="HE30" s="114">
        <v>0</v>
      </c>
      <c r="HF30" s="112">
        <v>0</v>
      </c>
      <c r="HG30" s="111">
        <v>0</v>
      </c>
      <c r="HH30" s="114">
        <v>0</v>
      </c>
      <c r="HI30" s="114">
        <v>298433</v>
      </c>
      <c r="HJ30" s="114">
        <v>0</v>
      </c>
      <c r="HK30" s="114">
        <v>357636</v>
      </c>
      <c r="HL30" s="114">
        <v>195829</v>
      </c>
      <c r="HM30" s="113">
        <v>851898</v>
      </c>
      <c r="HN30" s="109">
        <v>851898</v>
      </c>
      <c r="HO30" s="329"/>
      <c r="HP30" s="330"/>
      <c r="HQ30" s="331"/>
      <c r="HR30" s="332"/>
      <c r="HS30" s="330"/>
      <c r="HT30" s="330"/>
      <c r="HU30" s="330"/>
      <c r="HV30" s="330"/>
      <c r="HW30" s="330"/>
      <c r="HX30" s="333"/>
      <c r="HY30" s="334"/>
      <c r="HZ30" s="150">
        <v>0</v>
      </c>
      <c r="IA30" s="135">
        <v>0</v>
      </c>
      <c r="IB30" s="150">
        <v>0</v>
      </c>
      <c r="IC30" s="134">
        <v>0</v>
      </c>
      <c r="ID30" s="135">
        <v>483524</v>
      </c>
      <c r="IE30" s="136">
        <v>0</v>
      </c>
      <c r="IF30" s="137">
        <v>162502</v>
      </c>
      <c r="IG30" s="135">
        <v>0</v>
      </c>
      <c r="IH30" s="137">
        <v>0</v>
      </c>
      <c r="II30" s="138">
        <v>646026</v>
      </c>
      <c r="IJ30" s="150">
        <v>646026</v>
      </c>
      <c r="IK30" s="232">
        <v>0</v>
      </c>
      <c r="IL30" s="236">
        <v>0</v>
      </c>
      <c r="IM30" s="237">
        <v>0</v>
      </c>
      <c r="IN30" s="140"/>
      <c r="IO30" s="119">
        <v>0</v>
      </c>
      <c r="IP30" s="119">
        <v>0</v>
      </c>
      <c r="IQ30" s="119">
        <v>0</v>
      </c>
      <c r="IR30" s="119">
        <v>0</v>
      </c>
      <c r="IS30" s="119">
        <v>0</v>
      </c>
      <c r="IT30" s="141">
        <v>0</v>
      </c>
      <c r="IU30" s="321">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97820</v>
      </c>
      <c r="JL30" s="119">
        <v>0</v>
      </c>
      <c r="JM30" s="119">
        <v>0</v>
      </c>
      <c r="JN30" s="119">
        <v>0</v>
      </c>
      <c r="JO30" s="119">
        <v>0</v>
      </c>
      <c r="JP30" s="120">
        <v>97820</v>
      </c>
      <c r="JQ30" s="321">
        <v>97820</v>
      </c>
      <c r="JR30" s="142">
        <v>0</v>
      </c>
      <c r="JS30" s="119">
        <v>0</v>
      </c>
      <c r="JT30" s="141">
        <v>0</v>
      </c>
      <c r="JU30" s="118">
        <v>0</v>
      </c>
      <c r="JV30" s="119">
        <v>0</v>
      </c>
      <c r="JW30" s="119">
        <v>0</v>
      </c>
      <c r="JX30" s="119">
        <v>0</v>
      </c>
      <c r="JY30" s="119">
        <v>0</v>
      </c>
      <c r="JZ30" s="119">
        <v>0</v>
      </c>
      <c r="KA30" s="120">
        <v>0</v>
      </c>
      <c r="KB30" s="321">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v>0</v>
      </c>
      <c r="KR30" s="119">
        <v>385704</v>
      </c>
      <c r="KS30" s="119">
        <v>0</v>
      </c>
      <c r="KT30" s="119">
        <v>162502</v>
      </c>
      <c r="KU30" s="119">
        <v>0</v>
      </c>
      <c r="KV30" s="119">
        <v>0</v>
      </c>
      <c r="KW30" s="120">
        <v>548206</v>
      </c>
      <c r="KX30" s="321">
        <v>548206</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1">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193328</v>
      </c>
      <c r="MM30" s="119">
        <v>454472</v>
      </c>
      <c r="MN30" s="119">
        <v>226727</v>
      </c>
      <c r="MO30" s="120">
        <v>874527</v>
      </c>
      <c r="MP30" s="143">
        <v>874527</v>
      </c>
      <c r="MQ30" s="142">
        <v>0</v>
      </c>
      <c r="MR30" s="119">
        <v>0</v>
      </c>
      <c r="MS30" s="120">
        <v>0</v>
      </c>
      <c r="MT30" s="145"/>
      <c r="MU30" s="119">
        <v>0</v>
      </c>
      <c r="MV30" s="119">
        <v>0</v>
      </c>
      <c r="MW30" s="119">
        <v>193328</v>
      </c>
      <c r="MX30" s="119">
        <v>205338</v>
      </c>
      <c r="MY30" s="119">
        <v>226727</v>
      </c>
      <c r="MZ30" s="120">
        <v>625393</v>
      </c>
      <c r="NA30" s="143">
        <v>625393</v>
      </c>
      <c r="NB30" s="142">
        <v>0</v>
      </c>
      <c r="NC30" s="119">
        <v>0</v>
      </c>
      <c r="ND30" s="120">
        <v>0</v>
      </c>
      <c r="NE30" s="145"/>
      <c r="NF30" s="119">
        <v>0</v>
      </c>
      <c r="NG30" s="119">
        <v>0</v>
      </c>
      <c r="NH30" s="119">
        <v>0</v>
      </c>
      <c r="NI30" s="119">
        <v>249134</v>
      </c>
      <c r="NJ30" s="119">
        <v>0</v>
      </c>
      <c r="NK30" s="120">
        <v>249134</v>
      </c>
      <c r="NL30" s="321">
        <v>249134</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33288</v>
      </c>
      <c r="OJ30" s="119">
        <v>93373</v>
      </c>
      <c r="OK30" s="141">
        <v>126661</v>
      </c>
      <c r="OL30" s="118">
        <v>0</v>
      </c>
      <c r="OM30" s="119">
        <v>1128241</v>
      </c>
      <c r="ON30" s="119">
        <v>1087598</v>
      </c>
      <c r="OO30" s="119">
        <v>1030005</v>
      </c>
      <c r="OP30" s="119">
        <v>1578541</v>
      </c>
      <c r="OQ30" s="119">
        <v>1073526</v>
      </c>
      <c r="OR30" s="120">
        <v>5897911</v>
      </c>
      <c r="OS30" s="143">
        <v>6024572</v>
      </c>
    </row>
    <row r="31" spans="2:409" ht="20.25" customHeight="1" x14ac:dyDescent="0.2">
      <c r="B31" s="126" t="s">
        <v>26</v>
      </c>
      <c r="C31" s="110">
        <v>207413</v>
      </c>
      <c r="D31" s="114">
        <v>175579</v>
      </c>
      <c r="E31" s="113">
        <v>382992</v>
      </c>
      <c r="F31" s="109">
        <v>0</v>
      </c>
      <c r="G31" s="114">
        <v>1137449</v>
      </c>
      <c r="H31" s="114">
        <v>1736751</v>
      </c>
      <c r="I31" s="114">
        <v>992549</v>
      </c>
      <c r="J31" s="114">
        <v>797116</v>
      </c>
      <c r="K31" s="114">
        <v>631255</v>
      </c>
      <c r="L31" s="173">
        <v>5295120</v>
      </c>
      <c r="M31" s="116">
        <v>5678112</v>
      </c>
      <c r="N31" s="110">
        <v>38927</v>
      </c>
      <c r="O31" s="114">
        <v>34834</v>
      </c>
      <c r="P31" s="113">
        <v>73761</v>
      </c>
      <c r="Q31" s="110">
        <v>0</v>
      </c>
      <c r="R31" s="114">
        <v>305154</v>
      </c>
      <c r="S31" s="114">
        <v>487682</v>
      </c>
      <c r="T31" s="114">
        <v>499165</v>
      </c>
      <c r="U31" s="114">
        <v>379426</v>
      </c>
      <c r="V31" s="114">
        <v>558140</v>
      </c>
      <c r="W31" s="113">
        <v>2229567</v>
      </c>
      <c r="X31" s="116">
        <v>2303328</v>
      </c>
      <c r="Y31" s="110">
        <v>0</v>
      </c>
      <c r="Z31" s="114">
        <v>0</v>
      </c>
      <c r="AA31" s="113">
        <v>0</v>
      </c>
      <c r="AB31" s="110">
        <v>0</v>
      </c>
      <c r="AC31" s="114">
        <v>221045</v>
      </c>
      <c r="AD31" s="114">
        <v>228697</v>
      </c>
      <c r="AE31" s="114">
        <v>193874</v>
      </c>
      <c r="AF31" s="114">
        <v>210850</v>
      </c>
      <c r="AG31" s="114">
        <v>258762</v>
      </c>
      <c r="AH31" s="113">
        <v>1113228</v>
      </c>
      <c r="AI31" s="116">
        <v>1113228</v>
      </c>
      <c r="AJ31" s="110">
        <v>0</v>
      </c>
      <c r="AK31" s="114">
        <v>0</v>
      </c>
      <c r="AL31" s="113">
        <v>0</v>
      </c>
      <c r="AM31" s="110">
        <v>0</v>
      </c>
      <c r="AN31" s="114">
        <v>0</v>
      </c>
      <c r="AO31" s="114">
        <v>0</v>
      </c>
      <c r="AP31" s="114">
        <v>91998</v>
      </c>
      <c r="AQ31" s="114">
        <v>0</v>
      </c>
      <c r="AR31" s="114">
        <v>89939</v>
      </c>
      <c r="AS31" s="113">
        <v>181937</v>
      </c>
      <c r="AT31" s="116">
        <v>181937</v>
      </c>
      <c r="AU31" s="110">
        <v>0</v>
      </c>
      <c r="AV31" s="114">
        <v>34834</v>
      </c>
      <c r="AW31" s="113">
        <v>34834</v>
      </c>
      <c r="AX31" s="110">
        <v>0</v>
      </c>
      <c r="AY31" s="114">
        <v>73623</v>
      </c>
      <c r="AZ31" s="114">
        <v>110354</v>
      </c>
      <c r="BA31" s="114">
        <v>127277</v>
      </c>
      <c r="BB31" s="114">
        <v>84870</v>
      </c>
      <c r="BC31" s="114">
        <v>159389</v>
      </c>
      <c r="BD31" s="113">
        <v>555513</v>
      </c>
      <c r="BE31" s="116">
        <v>590347</v>
      </c>
      <c r="BF31" s="110">
        <v>0</v>
      </c>
      <c r="BG31" s="114">
        <v>0</v>
      </c>
      <c r="BH31" s="112">
        <v>0</v>
      </c>
      <c r="BI31" s="111">
        <v>0</v>
      </c>
      <c r="BJ31" s="114">
        <v>0</v>
      </c>
      <c r="BK31" s="114">
        <v>0</v>
      </c>
      <c r="BL31" s="114">
        <v>66871</v>
      </c>
      <c r="BM31" s="114">
        <v>0</v>
      </c>
      <c r="BN31" s="114">
        <v>0</v>
      </c>
      <c r="BO31" s="113">
        <v>66871</v>
      </c>
      <c r="BP31" s="116">
        <v>66871</v>
      </c>
      <c r="BQ31" s="110">
        <v>38927</v>
      </c>
      <c r="BR31" s="114">
        <v>0</v>
      </c>
      <c r="BS31" s="113">
        <v>38927</v>
      </c>
      <c r="BT31" s="110">
        <v>0</v>
      </c>
      <c r="BU31" s="114">
        <v>10486</v>
      </c>
      <c r="BV31" s="114">
        <v>148631</v>
      </c>
      <c r="BW31" s="114">
        <v>19145</v>
      </c>
      <c r="BX31" s="114">
        <v>83706</v>
      </c>
      <c r="BY31" s="114">
        <v>50050</v>
      </c>
      <c r="BZ31" s="113">
        <v>312018</v>
      </c>
      <c r="CA31" s="116">
        <v>350945</v>
      </c>
      <c r="CB31" s="110">
        <v>0</v>
      </c>
      <c r="CC31" s="114">
        <v>31656</v>
      </c>
      <c r="CD31" s="113">
        <v>31656</v>
      </c>
      <c r="CE31" s="110">
        <v>0</v>
      </c>
      <c r="CF31" s="114">
        <v>634597</v>
      </c>
      <c r="CG31" s="114">
        <v>337170</v>
      </c>
      <c r="CH31" s="114">
        <v>230626</v>
      </c>
      <c r="CI31" s="114">
        <v>0</v>
      </c>
      <c r="CJ31" s="114">
        <v>0</v>
      </c>
      <c r="CK31" s="113">
        <v>1202393</v>
      </c>
      <c r="CL31" s="116">
        <v>1234049</v>
      </c>
      <c r="CM31" s="110">
        <v>0</v>
      </c>
      <c r="CN31" s="114">
        <v>0</v>
      </c>
      <c r="CO31" s="113">
        <v>0</v>
      </c>
      <c r="CP31" s="111">
        <v>0</v>
      </c>
      <c r="CQ31" s="114">
        <v>506270</v>
      </c>
      <c r="CR31" s="114">
        <v>103265</v>
      </c>
      <c r="CS31" s="114">
        <v>92118</v>
      </c>
      <c r="CT31" s="114">
        <v>0</v>
      </c>
      <c r="CU31" s="114">
        <v>0</v>
      </c>
      <c r="CV31" s="113">
        <v>701653</v>
      </c>
      <c r="CW31" s="116">
        <v>701653</v>
      </c>
      <c r="CX31" s="110">
        <v>0</v>
      </c>
      <c r="CY31" s="114">
        <v>31656</v>
      </c>
      <c r="CZ31" s="113">
        <v>31656</v>
      </c>
      <c r="DA31" s="110">
        <v>0</v>
      </c>
      <c r="DB31" s="114">
        <v>128327</v>
      </c>
      <c r="DC31" s="114">
        <v>233905</v>
      </c>
      <c r="DD31" s="114">
        <v>138508</v>
      </c>
      <c r="DE31" s="114">
        <v>0</v>
      </c>
      <c r="DF31" s="114">
        <v>0</v>
      </c>
      <c r="DG31" s="113">
        <v>500740</v>
      </c>
      <c r="DH31" s="116">
        <v>532396</v>
      </c>
      <c r="DI31" s="110">
        <v>0</v>
      </c>
      <c r="DJ31" s="114">
        <v>0</v>
      </c>
      <c r="DK31" s="112">
        <v>0</v>
      </c>
      <c r="DL31" s="111">
        <v>0</v>
      </c>
      <c r="DM31" s="114">
        <v>17621</v>
      </c>
      <c r="DN31" s="114">
        <v>31825</v>
      </c>
      <c r="DO31" s="114">
        <v>100834</v>
      </c>
      <c r="DP31" s="114">
        <v>0</v>
      </c>
      <c r="DQ31" s="114">
        <v>0</v>
      </c>
      <c r="DR31" s="113">
        <v>150280</v>
      </c>
      <c r="DS31" s="116">
        <v>150280</v>
      </c>
      <c r="DT31" s="110">
        <v>0</v>
      </c>
      <c r="DU31" s="114">
        <v>0</v>
      </c>
      <c r="DV31" s="113">
        <v>0</v>
      </c>
      <c r="DW31" s="110">
        <v>0</v>
      </c>
      <c r="DX31" s="114">
        <v>17621</v>
      </c>
      <c r="DY31" s="114">
        <v>0</v>
      </c>
      <c r="DZ31" s="114">
        <v>100834</v>
      </c>
      <c r="EA31" s="114">
        <v>0</v>
      </c>
      <c r="EB31" s="114">
        <v>0</v>
      </c>
      <c r="EC31" s="113">
        <v>118455</v>
      </c>
      <c r="ED31" s="116">
        <v>118455</v>
      </c>
      <c r="EE31" s="110">
        <v>0</v>
      </c>
      <c r="EF31" s="112">
        <v>0</v>
      </c>
      <c r="EG31" s="113">
        <v>0</v>
      </c>
      <c r="EH31" s="110">
        <v>0</v>
      </c>
      <c r="EI31" s="114">
        <v>0</v>
      </c>
      <c r="EJ31" s="114">
        <v>31825</v>
      </c>
      <c r="EK31" s="114">
        <v>0</v>
      </c>
      <c r="EL31" s="114">
        <v>0</v>
      </c>
      <c r="EM31" s="114">
        <v>0</v>
      </c>
      <c r="EN31" s="112">
        <v>31825</v>
      </c>
      <c r="EO31" s="116">
        <v>31825</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8"/>
      <c r="FE31" s="114">
        <v>0</v>
      </c>
      <c r="FF31" s="114">
        <v>0</v>
      </c>
      <c r="FG31" s="114">
        <v>0</v>
      </c>
      <c r="FH31" s="114">
        <v>0</v>
      </c>
      <c r="FI31" s="114">
        <v>0</v>
      </c>
      <c r="FJ31" s="113">
        <v>0</v>
      </c>
      <c r="FK31" s="116">
        <v>0</v>
      </c>
      <c r="FL31" s="110">
        <v>31024</v>
      </c>
      <c r="FM31" s="114">
        <v>33670</v>
      </c>
      <c r="FN31" s="113">
        <v>64694</v>
      </c>
      <c r="FO31" s="110">
        <v>0</v>
      </c>
      <c r="FP31" s="114">
        <v>43316</v>
      </c>
      <c r="FQ31" s="114">
        <v>103880</v>
      </c>
      <c r="FR31" s="114">
        <v>161924</v>
      </c>
      <c r="FS31" s="114">
        <v>57330</v>
      </c>
      <c r="FT31" s="114">
        <v>73115</v>
      </c>
      <c r="FU31" s="113">
        <v>439565</v>
      </c>
      <c r="FV31" s="116">
        <v>504259</v>
      </c>
      <c r="FW31" s="115">
        <v>14700</v>
      </c>
      <c r="FX31" s="114">
        <v>33670</v>
      </c>
      <c r="FY31" s="112">
        <v>48370</v>
      </c>
      <c r="FZ31" s="111">
        <v>0</v>
      </c>
      <c r="GA31" s="114">
        <v>43316</v>
      </c>
      <c r="GB31" s="114">
        <v>103880</v>
      </c>
      <c r="GC31" s="114">
        <v>127428</v>
      </c>
      <c r="GD31" s="114">
        <v>57330</v>
      </c>
      <c r="GE31" s="114">
        <v>73115</v>
      </c>
      <c r="GF31" s="113">
        <v>405069</v>
      </c>
      <c r="GG31" s="319">
        <v>453439</v>
      </c>
      <c r="GH31" s="115">
        <v>16324</v>
      </c>
      <c r="GI31" s="114">
        <v>0</v>
      </c>
      <c r="GJ31" s="112">
        <v>16324</v>
      </c>
      <c r="GK31" s="111">
        <v>0</v>
      </c>
      <c r="GL31" s="114">
        <v>0</v>
      </c>
      <c r="GM31" s="114">
        <v>0</v>
      </c>
      <c r="GN31" s="114">
        <v>34496</v>
      </c>
      <c r="GO31" s="114">
        <v>0</v>
      </c>
      <c r="GP31" s="114">
        <v>0</v>
      </c>
      <c r="GQ31" s="113">
        <v>34496</v>
      </c>
      <c r="GR31" s="116">
        <v>50820</v>
      </c>
      <c r="GS31" s="110">
        <v>0</v>
      </c>
      <c r="GT31" s="114">
        <v>0</v>
      </c>
      <c r="GU31" s="113">
        <v>0</v>
      </c>
      <c r="GV31" s="110">
        <v>0</v>
      </c>
      <c r="GW31" s="114">
        <v>0</v>
      </c>
      <c r="GX31" s="114">
        <v>0</v>
      </c>
      <c r="GY31" s="114">
        <v>0</v>
      </c>
      <c r="GZ31" s="114">
        <v>0</v>
      </c>
      <c r="HA31" s="114">
        <v>0</v>
      </c>
      <c r="HB31" s="112">
        <v>0</v>
      </c>
      <c r="HC31" s="116">
        <v>0</v>
      </c>
      <c r="HD31" s="110">
        <v>137462</v>
      </c>
      <c r="HE31" s="114">
        <v>75419</v>
      </c>
      <c r="HF31" s="112">
        <v>212881</v>
      </c>
      <c r="HG31" s="111">
        <v>0</v>
      </c>
      <c r="HH31" s="114">
        <v>136761</v>
      </c>
      <c r="HI31" s="114">
        <v>776194</v>
      </c>
      <c r="HJ31" s="114">
        <v>0</v>
      </c>
      <c r="HK31" s="114">
        <v>360360</v>
      </c>
      <c r="HL31" s="114">
        <v>0</v>
      </c>
      <c r="HM31" s="113">
        <v>1273315</v>
      </c>
      <c r="HN31" s="109">
        <v>1486196</v>
      </c>
      <c r="HO31" s="329"/>
      <c r="HP31" s="330"/>
      <c r="HQ31" s="331"/>
      <c r="HR31" s="332"/>
      <c r="HS31" s="330"/>
      <c r="HT31" s="330"/>
      <c r="HU31" s="330"/>
      <c r="HV31" s="330"/>
      <c r="HW31" s="330"/>
      <c r="HX31" s="333"/>
      <c r="HY31" s="334"/>
      <c r="HZ31" s="131">
        <v>0</v>
      </c>
      <c r="IA31" s="132">
        <v>0</v>
      </c>
      <c r="IB31" s="133">
        <v>0</v>
      </c>
      <c r="IC31" s="146">
        <v>0</v>
      </c>
      <c r="ID31" s="132">
        <v>199829</v>
      </c>
      <c r="IE31" s="147">
        <v>58209</v>
      </c>
      <c r="IF31" s="133">
        <v>408089</v>
      </c>
      <c r="IG31" s="132">
        <v>209659</v>
      </c>
      <c r="IH31" s="133">
        <v>802924</v>
      </c>
      <c r="II31" s="148">
        <v>1678710</v>
      </c>
      <c r="IJ31" s="139">
        <v>1678710</v>
      </c>
      <c r="IK31" s="232">
        <v>0</v>
      </c>
      <c r="IL31" s="236">
        <v>0</v>
      </c>
      <c r="IM31" s="237">
        <v>0</v>
      </c>
      <c r="IN31" s="140"/>
      <c r="IO31" s="119">
        <v>0</v>
      </c>
      <c r="IP31" s="119">
        <v>0</v>
      </c>
      <c r="IQ31" s="119">
        <v>0</v>
      </c>
      <c r="IR31" s="119">
        <v>0</v>
      </c>
      <c r="IS31" s="119">
        <v>0</v>
      </c>
      <c r="IT31" s="141">
        <v>0</v>
      </c>
      <c r="IU31" s="321">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93426</v>
      </c>
      <c r="JL31" s="119">
        <v>58209</v>
      </c>
      <c r="JM31" s="119">
        <v>199882</v>
      </c>
      <c r="JN31" s="119">
        <v>0</v>
      </c>
      <c r="JO31" s="119">
        <v>117525</v>
      </c>
      <c r="JP31" s="120">
        <v>469042</v>
      </c>
      <c r="JQ31" s="321">
        <v>469042</v>
      </c>
      <c r="JR31" s="142">
        <v>0</v>
      </c>
      <c r="JS31" s="119">
        <v>0</v>
      </c>
      <c r="JT31" s="141">
        <v>0</v>
      </c>
      <c r="JU31" s="118">
        <v>0</v>
      </c>
      <c r="JV31" s="119">
        <v>0</v>
      </c>
      <c r="JW31" s="119">
        <v>0</v>
      </c>
      <c r="JX31" s="119">
        <v>0</v>
      </c>
      <c r="JY31" s="119">
        <v>0</v>
      </c>
      <c r="JZ31" s="119">
        <v>257943</v>
      </c>
      <c r="KA31" s="120">
        <v>257943</v>
      </c>
      <c r="KB31" s="321">
        <v>257943</v>
      </c>
      <c r="KC31" s="234">
        <v>0</v>
      </c>
      <c r="KD31" s="230">
        <v>0</v>
      </c>
      <c r="KE31" s="120">
        <v>0</v>
      </c>
      <c r="KF31" s="118">
        <v>0</v>
      </c>
      <c r="KG31" s="119">
        <v>106403</v>
      </c>
      <c r="KH31" s="119">
        <v>0</v>
      </c>
      <c r="KI31" s="119">
        <v>0</v>
      </c>
      <c r="KJ31" s="119">
        <v>0</v>
      </c>
      <c r="KK31" s="119">
        <v>0</v>
      </c>
      <c r="KL31" s="120">
        <v>106403</v>
      </c>
      <c r="KM31" s="143">
        <v>106403</v>
      </c>
      <c r="KN31" s="232">
        <v>0</v>
      </c>
      <c r="KO31" s="236">
        <v>0</v>
      </c>
      <c r="KP31" s="237">
        <v>0</v>
      </c>
      <c r="KQ31" s="140">
        <v>0</v>
      </c>
      <c r="KR31" s="119">
        <v>0</v>
      </c>
      <c r="KS31" s="119">
        <v>0</v>
      </c>
      <c r="KT31" s="119">
        <v>208207</v>
      </c>
      <c r="KU31" s="119">
        <v>209659</v>
      </c>
      <c r="KV31" s="119">
        <v>427456</v>
      </c>
      <c r="KW31" s="120">
        <v>845322</v>
      </c>
      <c r="KX31" s="321">
        <v>845322</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1">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191557</v>
      </c>
      <c r="MK31" s="119">
        <v>0</v>
      </c>
      <c r="ML31" s="119">
        <v>205058</v>
      </c>
      <c r="MM31" s="119">
        <v>0</v>
      </c>
      <c r="MN31" s="119">
        <v>-242</v>
      </c>
      <c r="MO31" s="120">
        <v>396373</v>
      </c>
      <c r="MP31" s="143">
        <v>396373</v>
      </c>
      <c r="MQ31" s="142">
        <v>0</v>
      </c>
      <c r="MR31" s="119">
        <v>0</v>
      </c>
      <c r="MS31" s="120">
        <v>0</v>
      </c>
      <c r="MT31" s="145"/>
      <c r="MU31" s="119">
        <v>0</v>
      </c>
      <c r="MV31" s="119">
        <v>0</v>
      </c>
      <c r="MW31" s="119">
        <v>0</v>
      </c>
      <c r="MX31" s="119">
        <v>0</v>
      </c>
      <c r="MY31" s="119">
        <v>-242</v>
      </c>
      <c r="MZ31" s="120">
        <v>-242</v>
      </c>
      <c r="NA31" s="143">
        <v>-242</v>
      </c>
      <c r="NB31" s="142">
        <v>0</v>
      </c>
      <c r="NC31" s="119">
        <v>0</v>
      </c>
      <c r="ND31" s="120">
        <v>0</v>
      </c>
      <c r="NE31" s="145"/>
      <c r="NF31" s="119">
        <v>191557</v>
      </c>
      <c r="NG31" s="119">
        <v>0</v>
      </c>
      <c r="NH31" s="119">
        <v>205058</v>
      </c>
      <c r="NI31" s="119">
        <v>0</v>
      </c>
      <c r="NJ31" s="119">
        <v>0</v>
      </c>
      <c r="NK31" s="120">
        <v>396615</v>
      </c>
      <c r="NL31" s="321">
        <v>396615</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207413</v>
      </c>
      <c r="OJ31" s="119">
        <v>175579</v>
      </c>
      <c r="OK31" s="141">
        <v>382992</v>
      </c>
      <c r="OL31" s="118">
        <v>0</v>
      </c>
      <c r="OM31" s="119">
        <v>1528835</v>
      </c>
      <c r="ON31" s="119">
        <v>1794960</v>
      </c>
      <c r="OO31" s="119">
        <v>1605696</v>
      </c>
      <c r="OP31" s="119">
        <v>1006775</v>
      </c>
      <c r="OQ31" s="119">
        <v>1433937</v>
      </c>
      <c r="OR31" s="120">
        <v>7370203</v>
      </c>
      <c r="OS31" s="143">
        <v>7753195</v>
      </c>
    </row>
    <row r="32" spans="2:409" ht="20.25" customHeight="1" x14ac:dyDescent="0.2">
      <c r="B32" s="126" t="s">
        <v>27</v>
      </c>
      <c r="C32" s="110">
        <v>164604</v>
      </c>
      <c r="D32" s="114">
        <v>302665</v>
      </c>
      <c r="E32" s="113">
        <v>467269</v>
      </c>
      <c r="F32" s="109">
        <v>0</v>
      </c>
      <c r="G32" s="114">
        <v>535880</v>
      </c>
      <c r="H32" s="114">
        <v>952631</v>
      </c>
      <c r="I32" s="114">
        <v>1789569</v>
      </c>
      <c r="J32" s="114">
        <v>773527</v>
      </c>
      <c r="K32" s="114">
        <v>1301127</v>
      </c>
      <c r="L32" s="173">
        <v>5352734</v>
      </c>
      <c r="M32" s="116">
        <v>5820003</v>
      </c>
      <c r="N32" s="110">
        <v>44689</v>
      </c>
      <c r="O32" s="114">
        <v>97395</v>
      </c>
      <c r="P32" s="113">
        <v>142084</v>
      </c>
      <c r="Q32" s="110">
        <v>0</v>
      </c>
      <c r="R32" s="114">
        <v>117172</v>
      </c>
      <c r="S32" s="114">
        <v>497752</v>
      </c>
      <c r="T32" s="114">
        <v>445779</v>
      </c>
      <c r="U32" s="114">
        <v>97566</v>
      </c>
      <c r="V32" s="114">
        <v>863982</v>
      </c>
      <c r="W32" s="113">
        <v>2022251</v>
      </c>
      <c r="X32" s="116">
        <v>2164335</v>
      </c>
      <c r="Y32" s="110">
        <v>0</v>
      </c>
      <c r="Z32" s="114">
        <v>0</v>
      </c>
      <c r="AA32" s="113">
        <v>0</v>
      </c>
      <c r="AB32" s="110">
        <v>0</v>
      </c>
      <c r="AC32" s="114">
        <v>0</v>
      </c>
      <c r="AD32" s="114">
        <v>368902</v>
      </c>
      <c r="AE32" s="114">
        <v>201963</v>
      </c>
      <c r="AF32" s="114">
        <v>0</v>
      </c>
      <c r="AG32" s="114">
        <v>693423</v>
      </c>
      <c r="AH32" s="113">
        <v>1264288</v>
      </c>
      <c r="AI32" s="116">
        <v>1264288</v>
      </c>
      <c r="AJ32" s="110">
        <v>0</v>
      </c>
      <c r="AK32" s="114">
        <v>0</v>
      </c>
      <c r="AL32" s="113">
        <v>0</v>
      </c>
      <c r="AM32" s="110">
        <v>0</v>
      </c>
      <c r="AN32" s="114">
        <v>0</v>
      </c>
      <c r="AO32" s="114">
        <v>0</v>
      </c>
      <c r="AP32" s="114">
        <v>60729</v>
      </c>
      <c r="AQ32" s="114">
        <v>0</v>
      </c>
      <c r="AR32" s="114">
        <v>0</v>
      </c>
      <c r="AS32" s="113">
        <v>60729</v>
      </c>
      <c r="AT32" s="116">
        <v>60729</v>
      </c>
      <c r="AU32" s="110">
        <v>41063</v>
      </c>
      <c r="AV32" s="114">
        <v>42883</v>
      </c>
      <c r="AW32" s="113">
        <v>83946</v>
      </c>
      <c r="AX32" s="110">
        <v>0</v>
      </c>
      <c r="AY32" s="114">
        <v>98860</v>
      </c>
      <c r="AZ32" s="114">
        <v>104434</v>
      </c>
      <c r="BA32" s="114">
        <v>89567</v>
      </c>
      <c r="BB32" s="114">
        <v>27174</v>
      </c>
      <c r="BC32" s="114">
        <v>94910</v>
      </c>
      <c r="BD32" s="113">
        <v>414945</v>
      </c>
      <c r="BE32" s="116">
        <v>498891</v>
      </c>
      <c r="BF32" s="110">
        <v>0</v>
      </c>
      <c r="BG32" s="114">
        <v>32119</v>
      </c>
      <c r="BH32" s="112">
        <v>32119</v>
      </c>
      <c r="BI32" s="111">
        <v>0</v>
      </c>
      <c r="BJ32" s="114">
        <v>0</v>
      </c>
      <c r="BK32" s="114">
        <v>0</v>
      </c>
      <c r="BL32" s="114">
        <v>0</v>
      </c>
      <c r="BM32" s="114">
        <v>0</v>
      </c>
      <c r="BN32" s="114">
        <v>0</v>
      </c>
      <c r="BO32" s="113">
        <v>0</v>
      </c>
      <c r="BP32" s="116">
        <v>32119</v>
      </c>
      <c r="BQ32" s="110">
        <v>3626</v>
      </c>
      <c r="BR32" s="114">
        <v>22393</v>
      </c>
      <c r="BS32" s="113">
        <v>26019</v>
      </c>
      <c r="BT32" s="110">
        <v>0</v>
      </c>
      <c r="BU32" s="114">
        <v>18312</v>
      </c>
      <c r="BV32" s="114">
        <v>24416</v>
      </c>
      <c r="BW32" s="114">
        <v>93520</v>
      </c>
      <c r="BX32" s="114">
        <v>70392</v>
      </c>
      <c r="BY32" s="114">
        <v>75649</v>
      </c>
      <c r="BZ32" s="113">
        <v>282289</v>
      </c>
      <c r="CA32" s="116">
        <v>308308</v>
      </c>
      <c r="CB32" s="110">
        <v>52805</v>
      </c>
      <c r="CC32" s="114">
        <v>33638</v>
      </c>
      <c r="CD32" s="113">
        <v>86443</v>
      </c>
      <c r="CE32" s="110">
        <v>0</v>
      </c>
      <c r="CF32" s="114">
        <v>17404</v>
      </c>
      <c r="CG32" s="114">
        <v>61708</v>
      </c>
      <c r="CH32" s="114">
        <v>449053</v>
      </c>
      <c r="CI32" s="114">
        <v>90293</v>
      </c>
      <c r="CJ32" s="114">
        <v>0</v>
      </c>
      <c r="CK32" s="113">
        <v>618458</v>
      </c>
      <c r="CL32" s="116">
        <v>704901</v>
      </c>
      <c r="CM32" s="110">
        <v>0</v>
      </c>
      <c r="CN32" s="114">
        <v>0</v>
      </c>
      <c r="CO32" s="113">
        <v>0</v>
      </c>
      <c r="CP32" s="111">
        <v>0</v>
      </c>
      <c r="CQ32" s="114">
        <v>0</v>
      </c>
      <c r="CR32" s="114">
        <v>34455</v>
      </c>
      <c r="CS32" s="114">
        <v>355182</v>
      </c>
      <c r="CT32" s="114">
        <v>90293</v>
      </c>
      <c r="CU32" s="114">
        <v>0</v>
      </c>
      <c r="CV32" s="113">
        <v>479930</v>
      </c>
      <c r="CW32" s="116">
        <v>479930</v>
      </c>
      <c r="CX32" s="110">
        <v>52805</v>
      </c>
      <c r="CY32" s="114">
        <v>33638</v>
      </c>
      <c r="CZ32" s="113">
        <v>86443</v>
      </c>
      <c r="DA32" s="110">
        <v>0</v>
      </c>
      <c r="DB32" s="114">
        <v>17404</v>
      </c>
      <c r="DC32" s="114">
        <v>27253</v>
      </c>
      <c r="DD32" s="114">
        <v>93871</v>
      </c>
      <c r="DE32" s="114">
        <v>0</v>
      </c>
      <c r="DF32" s="114">
        <v>0</v>
      </c>
      <c r="DG32" s="113">
        <v>138528</v>
      </c>
      <c r="DH32" s="116">
        <v>224971</v>
      </c>
      <c r="DI32" s="110">
        <v>0</v>
      </c>
      <c r="DJ32" s="114">
        <v>17073</v>
      </c>
      <c r="DK32" s="112">
        <v>17073</v>
      </c>
      <c r="DL32" s="111">
        <v>0</v>
      </c>
      <c r="DM32" s="114">
        <v>0</v>
      </c>
      <c r="DN32" s="114">
        <v>60812</v>
      </c>
      <c r="DO32" s="114">
        <v>27130</v>
      </c>
      <c r="DP32" s="114">
        <v>16475</v>
      </c>
      <c r="DQ32" s="114">
        <v>0</v>
      </c>
      <c r="DR32" s="113">
        <v>104417</v>
      </c>
      <c r="DS32" s="116">
        <v>121490</v>
      </c>
      <c r="DT32" s="110">
        <v>0</v>
      </c>
      <c r="DU32" s="114">
        <v>17073</v>
      </c>
      <c r="DV32" s="113">
        <v>17073</v>
      </c>
      <c r="DW32" s="110">
        <v>0</v>
      </c>
      <c r="DX32" s="114">
        <v>0</v>
      </c>
      <c r="DY32" s="114">
        <v>60812</v>
      </c>
      <c r="DZ32" s="114">
        <v>27130</v>
      </c>
      <c r="EA32" s="114">
        <v>16475</v>
      </c>
      <c r="EB32" s="114">
        <v>0</v>
      </c>
      <c r="EC32" s="113">
        <v>104417</v>
      </c>
      <c r="ED32" s="116">
        <v>121490</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8"/>
      <c r="FE32" s="114">
        <v>0</v>
      </c>
      <c r="FF32" s="114">
        <v>0</v>
      </c>
      <c r="FG32" s="114">
        <v>0</v>
      </c>
      <c r="FH32" s="114">
        <v>0</v>
      </c>
      <c r="FI32" s="114">
        <v>0</v>
      </c>
      <c r="FJ32" s="113">
        <v>0</v>
      </c>
      <c r="FK32" s="116">
        <v>0</v>
      </c>
      <c r="FL32" s="110">
        <v>22050</v>
      </c>
      <c r="FM32" s="114">
        <v>71190</v>
      </c>
      <c r="FN32" s="113">
        <v>93240</v>
      </c>
      <c r="FO32" s="110">
        <v>0</v>
      </c>
      <c r="FP32" s="114">
        <v>6650</v>
      </c>
      <c r="FQ32" s="114">
        <v>40257</v>
      </c>
      <c r="FR32" s="114">
        <v>78022</v>
      </c>
      <c r="FS32" s="114">
        <v>16450</v>
      </c>
      <c r="FT32" s="114">
        <v>32550</v>
      </c>
      <c r="FU32" s="113">
        <v>173929</v>
      </c>
      <c r="FV32" s="116">
        <v>267169</v>
      </c>
      <c r="FW32" s="115">
        <v>22050</v>
      </c>
      <c r="FX32" s="114">
        <v>71190</v>
      </c>
      <c r="FY32" s="112">
        <v>93240</v>
      </c>
      <c r="FZ32" s="111">
        <v>0</v>
      </c>
      <c r="GA32" s="114">
        <v>6650</v>
      </c>
      <c r="GB32" s="114">
        <v>40257</v>
      </c>
      <c r="GC32" s="114">
        <v>78022</v>
      </c>
      <c r="GD32" s="114">
        <v>16450</v>
      </c>
      <c r="GE32" s="114">
        <v>32550</v>
      </c>
      <c r="GF32" s="113">
        <v>173929</v>
      </c>
      <c r="GG32" s="319">
        <v>267169</v>
      </c>
      <c r="GH32" s="115">
        <v>0</v>
      </c>
      <c r="GI32" s="114">
        <v>0</v>
      </c>
      <c r="GJ32" s="112">
        <v>0</v>
      </c>
      <c r="GK32" s="111">
        <v>0</v>
      </c>
      <c r="GL32" s="114">
        <v>0</v>
      </c>
      <c r="GM32" s="114">
        <v>0</v>
      </c>
      <c r="GN32" s="114">
        <v>0</v>
      </c>
      <c r="GO32" s="114">
        <v>0</v>
      </c>
      <c r="GP32" s="114">
        <v>0</v>
      </c>
      <c r="GQ32" s="113">
        <v>0</v>
      </c>
      <c r="GR32" s="116">
        <v>0</v>
      </c>
      <c r="GS32" s="110">
        <v>0</v>
      </c>
      <c r="GT32" s="114">
        <v>0</v>
      </c>
      <c r="GU32" s="113">
        <v>0</v>
      </c>
      <c r="GV32" s="110">
        <v>0</v>
      </c>
      <c r="GW32" s="114">
        <v>0</v>
      </c>
      <c r="GX32" s="114">
        <v>0</v>
      </c>
      <c r="GY32" s="114">
        <v>0</v>
      </c>
      <c r="GZ32" s="114">
        <v>0</v>
      </c>
      <c r="HA32" s="114">
        <v>0</v>
      </c>
      <c r="HB32" s="112">
        <v>0</v>
      </c>
      <c r="HC32" s="116">
        <v>0</v>
      </c>
      <c r="HD32" s="110">
        <v>45060</v>
      </c>
      <c r="HE32" s="114">
        <v>83369</v>
      </c>
      <c r="HF32" s="112">
        <v>128429</v>
      </c>
      <c r="HG32" s="111">
        <v>0</v>
      </c>
      <c r="HH32" s="114">
        <v>394654</v>
      </c>
      <c r="HI32" s="114">
        <v>292102</v>
      </c>
      <c r="HJ32" s="114">
        <v>789585</v>
      </c>
      <c r="HK32" s="114">
        <v>552743</v>
      </c>
      <c r="HL32" s="114">
        <v>404595</v>
      </c>
      <c r="HM32" s="113">
        <v>2433679</v>
      </c>
      <c r="HN32" s="109">
        <v>2562108</v>
      </c>
      <c r="HO32" s="329"/>
      <c r="HP32" s="330"/>
      <c r="HQ32" s="331"/>
      <c r="HR32" s="332"/>
      <c r="HS32" s="330"/>
      <c r="HT32" s="330"/>
      <c r="HU32" s="330"/>
      <c r="HV32" s="330"/>
      <c r="HW32" s="330"/>
      <c r="HX32" s="333"/>
      <c r="HY32" s="334"/>
      <c r="HZ32" s="150">
        <v>0</v>
      </c>
      <c r="IA32" s="135">
        <v>0</v>
      </c>
      <c r="IB32" s="150">
        <v>0</v>
      </c>
      <c r="IC32" s="134">
        <v>0</v>
      </c>
      <c r="ID32" s="135">
        <v>34750</v>
      </c>
      <c r="IE32" s="136">
        <v>18650</v>
      </c>
      <c r="IF32" s="137">
        <v>50449</v>
      </c>
      <c r="IG32" s="135">
        <v>0</v>
      </c>
      <c r="IH32" s="137">
        <v>0</v>
      </c>
      <c r="II32" s="138">
        <v>103849</v>
      </c>
      <c r="IJ32" s="150">
        <v>103849</v>
      </c>
      <c r="IK32" s="232">
        <v>0</v>
      </c>
      <c r="IL32" s="236">
        <v>0</v>
      </c>
      <c r="IM32" s="237">
        <v>0</v>
      </c>
      <c r="IN32" s="140"/>
      <c r="IO32" s="119">
        <v>0</v>
      </c>
      <c r="IP32" s="119">
        <v>0</v>
      </c>
      <c r="IQ32" s="119">
        <v>0</v>
      </c>
      <c r="IR32" s="119">
        <v>0</v>
      </c>
      <c r="IS32" s="119">
        <v>0</v>
      </c>
      <c r="IT32" s="141">
        <v>0</v>
      </c>
      <c r="IU32" s="321">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34750</v>
      </c>
      <c r="JL32" s="119">
        <v>9417</v>
      </c>
      <c r="JM32" s="119">
        <v>0</v>
      </c>
      <c r="JN32" s="119">
        <v>0</v>
      </c>
      <c r="JO32" s="119">
        <v>0</v>
      </c>
      <c r="JP32" s="120">
        <v>44167</v>
      </c>
      <c r="JQ32" s="321">
        <v>44167</v>
      </c>
      <c r="JR32" s="142">
        <v>0</v>
      </c>
      <c r="JS32" s="119">
        <v>0</v>
      </c>
      <c r="JT32" s="141">
        <v>0</v>
      </c>
      <c r="JU32" s="118">
        <v>0</v>
      </c>
      <c r="JV32" s="119">
        <v>0</v>
      </c>
      <c r="JW32" s="119">
        <v>9233</v>
      </c>
      <c r="JX32" s="119">
        <v>50449</v>
      </c>
      <c r="JY32" s="119">
        <v>0</v>
      </c>
      <c r="JZ32" s="119">
        <v>0</v>
      </c>
      <c r="KA32" s="120">
        <v>59682</v>
      </c>
      <c r="KB32" s="321">
        <v>59682</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v>0</v>
      </c>
      <c r="KR32" s="119">
        <v>0</v>
      </c>
      <c r="KS32" s="119">
        <v>0</v>
      </c>
      <c r="KT32" s="119">
        <v>0</v>
      </c>
      <c r="KU32" s="119">
        <v>0</v>
      </c>
      <c r="KV32" s="119">
        <v>0</v>
      </c>
      <c r="KW32" s="120">
        <v>0</v>
      </c>
      <c r="KX32" s="321">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21">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0</v>
      </c>
      <c r="ML32" s="119">
        <v>571203</v>
      </c>
      <c r="MM32" s="119">
        <v>653008</v>
      </c>
      <c r="MN32" s="119">
        <v>137611</v>
      </c>
      <c r="MO32" s="120">
        <v>1361822</v>
      </c>
      <c r="MP32" s="143">
        <v>1361822</v>
      </c>
      <c r="MQ32" s="142">
        <v>0</v>
      </c>
      <c r="MR32" s="119">
        <v>0</v>
      </c>
      <c r="MS32" s="120">
        <v>0</v>
      </c>
      <c r="MT32" s="145"/>
      <c r="MU32" s="119">
        <v>0</v>
      </c>
      <c r="MV32" s="119">
        <v>0</v>
      </c>
      <c r="MW32" s="119">
        <v>189386</v>
      </c>
      <c r="MX32" s="119">
        <v>418995</v>
      </c>
      <c r="MY32" s="119">
        <v>137611</v>
      </c>
      <c r="MZ32" s="120">
        <v>745992</v>
      </c>
      <c r="NA32" s="143">
        <v>745992</v>
      </c>
      <c r="NB32" s="142">
        <v>0</v>
      </c>
      <c r="NC32" s="119">
        <v>0</v>
      </c>
      <c r="ND32" s="120">
        <v>0</v>
      </c>
      <c r="NE32" s="145"/>
      <c r="NF32" s="119">
        <v>0</v>
      </c>
      <c r="NG32" s="119">
        <v>0</v>
      </c>
      <c r="NH32" s="119">
        <v>381817</v>
      </c>
      <c r="NI32" s="119">
        <v>234013</v>
      </c>
      <c r="NJ32" s="119">
        <v>0</v>
      </c>
      <c r="NK32" s="120">
        <v>615830</v>
      </c>
      <c r="NL32" s="321">
        <v>615830</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164604</v>
      </c>
      <c r="OJ32" s="119">
        <v>302665</v>
      </c>
      <c r="OK32" s="141">
        <v>467269</v>
      </c>
      <c r="OL32" s="118">
        <v>0</v>
      </c>
      <c r="OM32" s="119">
        <v>570630</v>
      </c>
      <c r="ON32" s="119">
        <v>971281</v>
      </c>
      <c r="OO32" s="119">
        <v>2411221</v>
      </c>
      <c r="OP32" s="119">
        <v>1426535</v>
      </c>
      <c r="OQ32" s="119">
        <v>1438738</v>
      </c>
      <c r="OR32" s="120">
        <v>6818405</v>
      </c>
      <c r="OS32" s="143">
        <v>7285674</v>
      </c>
    </row>
    <row r="33" spans="2:409" ht="20.25" customHeight="1" x14ac:dyDescent="0.2">
      <c r="B33" s="126" t="s">
        <v>28</v>
      </c>
      <c r="C33" s="110">
        <v>1610</v>
      </c>
      <c r="D33" s="114">
        <v>46238</v>
      </c>
      <c r="E33" s="113">
        <v>47848</v>
      </c>
      <c r="F33" s="109">
        <v>0</v>
      </c>
      <c r="G33" s="114">
        <v>382027</v>
      </c>
      <c r="H33" s="114">
        <v>255688</v>
      </c>
      <c r="I33" s="114">
        <v>250534</v>
      </c>
      <c r="J33" s="114">
        <v>0</v>
      </c>
      <c r="K33" s="114">
        <v>209741</v>
      </c>
      <c r="L33" s="173">
        <v>1097990</v>
      </c>
      <c r="M33" s="116">
        <v>1145838</v>
      </c>
      <c r="N33" s="110">
        <v>0</v>
      </c>
      <c r="O33" s="114">
        <v>0</v>
      </c>
      <c r="P33" s="113">
        <v>0</v>
      </c>
      <c r="Q33" s="110">
        <v>0</v>
      </c>
      <c r="R33" s="114">
        <v>106579</v>
      </c>
      <c r="S33" s="114">
        <v>97266</v>
      </c>
      <c r="T33" s="114">
        <v>24220</v>
      </c>
      <c r="U33" s="114">
        <v>0</v>
      </c>
      <c r="V33" s="114">
        <v>69321</v>
      </c>
      <c r="W33" s="113">
        <v>297386</v>
      </c>
      <c r="X33" s="116">
        <v>297386</v>
      </c>
      <c r="Y33" s="110">
        <v>0</v>
      </c>
      <c r="Z33" s="114">
        <v>0</v>
      </c>
      <c r="AA33" s="113">
        <v>0</v>
      </c>
      <c r="AB33" s="110">
        <v>0</v>
      </c>
      <c r="AC33" s="114">
        <v>22895</v>
      </c>
      <c r="AD33" s="114">
        <v>40262</v>
      </c>
      <c r="AE33" s="114">
        <v>0</v>
      </c>
      <c r="AF33" s="114">
        <v>0</v>
      </c>
      <c r="AG33" s="114">
        <v>62083</v>
      </c>
      <c r="AH33" s="113">
        <v>125240</v>
      </c>
      <c r="AI33" s="116">
        <v>125240</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9450</v>
      </c>
      <c r="AZ33" s="114">
        <v>49234</v>
      </c>
      <c r="BA33" s="114">
        <v>10682</v>
      </c>
      <c r="BB33" s="114">
        <v>0</v>
      </c>
      <c r="BC33" s="114">
        <v>0</v>
      </c>
      <c r="BD33" s="113">
        <v>69366</v>
      </c>
      <c r="BE33" s="116">
        <v>69366</v>
      </c>
      <c r="BF33" s="110">
        <v>0</v>
      </c>
      <c r="BG33" s="114">
        <v>0</v>
      </c>
      <c r="BH33" s="112">
        <v>0</v>
      </c>
      <c r="BI33" s="111">
        <v>0</v>
      </c>
      <c r="BJ33" s="114">
        <v>62215</v>
      </c>
      <c r="BK33" s="114">
        <v>0</v>
      </c>
      <c r="BL33" s="114">
        <v>0</v>
      </c>
      <c r="BM33" s="114">
        <v>0</v>
      </c>
      <c r="BN33" s="114">
        <v>0</v>
      </c>
      <c r="BO33" s="113">
        <v>62215</v>
      </c>
      <c r="BP33" s="116">
        <v>62215</v>
      </c>
      <c r="BQ33" s="110">
        <v>0</v>
      </c>
      <c r="BR33" s="114">
        <v>0</v>
      </c>
      <c r="BS33" s="113">
        <v>0</v>
      </c>
      <c r="BT33" s="110">
        <v>0</v>
      </c>
      <c r="BU33" s="114">
        <v>12019</v>
      </c>
      <c r="BV33" s="114">
        <v>7770</v>
      </c>
      <c r="BW33" s="114">
        <v>13538</v>
      </c>
      <c r="BX33" s="114">
        <v>0</v>
      </c>
      <c r="BY33" s="114">
        <v>7238</v>
      </c>
      <c r="BZ33" s="113">
        <v>40565</v>
      </c>
      <c r="CA33" s="116">
        <v>40565</v>
      </c>
      <c r="CB33" s="110">
        <v>0</v>
      </c>
      <c r="CC33" s="114">
        <v>33638</v>
      </c>
      <c r="CD33" s="113">
        <v>33638</v>
      </c>
      <c r="CE33" s="110">
        <v>0</v>
      </c>
      <c r="CF33" s="114">
        <v>112512</v>
      </c>
      <c r="CG33" s="114">
        <v>123786</v>
      </c>
      <c r="CH33" s="114">
        <v>56637</v>
      </c>
      <c r="CI33" s="114">
        <v>0</v>
      </c>
      <c r="CJ33" s="114">
        <v>70420</v>
      </c>
      <c r="CK33" s="113">
        <v>363355</v>
      </c>
      <c r="CL33" s="116">
        <v>396993</v>
      </c>
      <c r="CM33" s="110">
        <v>0</v>
      </c>
      <c r="CN33" s="114">
        <v>0</v>
      </c>
      <c r="CO33" s="113">
        <v>0</v>
      </c>
      <c r="CP33" s="111">
        <v>0</v>
      </c>
      <c r="CQ33" s="114">
        <v>38843</v>
      </c>
      <c r="CR33" s="114">
        <v>104270</v>
      </c>
      <c r="CS33" s="114">
        <v>0</v>
      </c>
      <c r="CT33" s="114">
        <v>0</v>
      </c>
      <c r="CU33" s="114">
        <v>0</v>
      </c>
      <c r="CV33" s="113">
        <v>143113</v>
      </c>
      <c r="CW33" s="116">
        <v>143113</v>
      </c>
      <c r="CX33" s="110">
        <v>0</v>
      </c>
      <c r="CY33" s="114">
        <v>33638</v>
      </c>
      <c r="CZ33" s="113">
        <v>33638</v>
      </c>
      <c r="DA33" s="110">
        <v>0</v>
      </c>
      <c r="DB33" s="114">
        <v>73669</v>
      </c>
      <c r="DC33" s="114">
        <v>19516</v>
      </c>
      <c r="DD33" s="114">
        <v>56637</v>
      </c>
      <c r="DE33" s="114">
        <v>0</v>
      </c>
      <c r="DF33" s="114">
        <v>70420</v>
      </c>
      <c r="DG33" s="113">
        <v>220242</v>
      </c>
      <c r="DH33" s="116">
        <v>253880</v>
      </c>
      <c r="DI33" s="110">
        <v>0</v>
      </c>
      <c r="DJ33" s="114">
        <v>0</v>
      </c>
      <c r="DK33" s="112">
        <v>0</v>
      </c>
      <c r="DL33" s="111">
        <v>0</v>
      </c>
      <c r="DM33" s="114">
        <v>0</v>
      </c>
      <c r="DN33" s="114">
        <v>0</v>
      </c>
      <c r="DO33" s="114">
        <v>0</v>
      </c>
      <c r="DP33" s="114">
        <v>0</v>
      </c>
      <c r="DQ33" s="114">
        <v>0</v>
      </c>
      <c r="DR33" s="113">
        <v>0</v>
      </c>
      <c r="DS33" s="116">
        <v>0</v>
      </c>
      <c r="DT33" s="110">
        <v>0</v>
      </c>
      <c r="DU33" s="114">
        <v>0</v>
      </c>
      <c r="DV33" s="113">
        <v>0</v>
      </c>
      <c r="DW33" s="110">
        <v>0</v>
      </c>
      <c r="DX33" s="114">
        <v>0</v>
      </c>
      <c r="DY33" s="114">
        <v>0</v>
      </c>
      <c r="DZ33" s="114">
        <v>0</v>
      </c>
      <c r="EA33" s="114">
        <v>0</v>
      </c>
      <c r="EB33" s="114">
        <v>0</v>
      </c>
      <c r="EC33" s="113">
        <v>0</v>
      </c>
      <c r="ED33" s="116">
        <v>0</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8"/>
      <c r="FE33" s="114">
        <v>0</v>
      </c>
      <c r="FF33" s="114">
        <v>0</v>
      </c>
      <c r="FG33" s="114">
        <v>0</v>
      </c>
      <c r="FH33" s="114">
        <v>0</v>
      </c>
      <c r="FI33" s="114">
        <v>0</v>
      </c>
      <c r="FJ33" s="113">
        <v>0</v>
      </c>
      <c r="FK33" s="116">
        <v>0</v>
      </c>
      <c r="FL33" s="110">
        <v>1610</v>
      </c>
      <c r="FM33" s="114">
        <v>12600</v>
      </c>
      <c r="FN33" s="113">
        <v>14210</v>
      </c>
      <c r="FO33" s="110">
        <v>0</v>
      </c>
      <c r="FP33" s="114">
        <v>29050</v>
      </c>
      <c r="FQ33" s="114">
        <v>34636</v>
      </c>
      <c r="FR33" s="114">
        <v>7350</v>
      </c>
      <c r="FS33" s="114">
        <v>0</v>
      </c>
      <c r="FT33" s="114">
        <v>70000</v>
      </c>
      <c r="FU33" s="113">
        <v>141036</v>
      </c>
      <c r="FV33" s="116">
        <v>155246</v>
      </c>
      <c r="FW33" s="115">
        <v>1610</v>
      </c>
      <c r="FX33" s="114">
        <v>12600</v>
      </c>
      <c r="FY33" s="112">
        <v>14210</v>
      </c>
      <c r="FZ33" s="111">
        <v>0</v>
      </c>
      <c r="GA33" s="114">
        <v>29050</v>
      </c>
      <c r="GB33" s="114">
        <v>34636</v>
      </c>
      <c r="GC33" s="114">
        <v>7350</v>
      </c>
      <c r="GD33" s="114">
        <v>0</v>
      </c>
      <c r="GE33" s="114">
        <v>70000</v>
      </c>
      <c r="GF33" s="113">
        <v>141036</v>
      </c>
      <c r="GG33" s="319">
        <v>15524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33886</v>
      </c>
      <c r="HI33" s="114">
        <v>0</v>
      </c>
      <c r="HJ33" s="114">
        <v>162327</v>
      </c>
      <c r="HK33" s="114">
        <v>0</v>
      </c>
      <c r="HL33" s="114">
        <v>0</v>
      </c>
      <c r="HM33" s="113">
        <v>296213</v>
      </c>
      <c r="HN33" s="109">
        <v>296213</v>
      </c>
      <c r="HO33" s="329"/>
      <c r="HP33" s="330"/>
      <c r="HQ33" s="331"/>
      <c r="HR33" s="332"/>
      <c r="HS33" s="330"/>
      <c r="HT33" s="330"/>
      <c r="HU33" s="330"/>
      <c r="HV33" s="330"/>
      <c r="HW33" s="330"/>
      <c r="HX33" s="333"/>
      <c r="HY33" s="334"/>
      <c r="HZ33" s="131">
        <v>0</v>
      </c>
      <c r="IA33" s="132">
        <v>0</v>
      </c>
      <c r="IB33" s="133">
        <v>0</v>
      </c>
      <c r="IC33" s="146">
        <v>0</v>
      </c>
      <c r="ID33" s="132">
        <v>119392</v>
      </c>
      <c r="IE33" s="147">
        <v>32004</v>
      </c>
      <c r="IF33" s="133">
        <v>0</v>
      </c>
      <c r="IG33" s="132">
        <v>0</v>
      </c>
      <c r="IH33" s="133">
        <v>0</v>
      </c>
      <c r="II33" s="148">
        <v>151396</v>
      </c>
      <c r="IJ33" s="139">
        <v>151396</v>
      </c>
      <c r="IK33" s="232">
        <v>0</v>
      </c>
      <c r="IL33" s="236">
        <v>0</v>
      </c>
      <c r="IM33" s="237">
        <v>0</v>
      </c>
      <c r="IN33" s="140"/>
      <c r="IO33" s="119">
        <v>0</v>
      </c>
      <c r="IP33" s="119">
        <v>0</v>
      </c>
      <c r="IQ33" s="119">
        <v>0</v>
      </c>
      <c r="IR33" s="119">
        <v>0</v>
      </c>
      <c r="IS33" s="119">
        <v>0</v>
      </c>
      <c r="IT33" s="141">
        <v>0</v>
      </c>
      <c r="IU33" s="321">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19392</v>
      </c>
      <c r="JL33" s="119">
        <v>32004</v>
      </c>
      <c r="JM33" s="119">
        <v>0</v>
      </c>
      <c r="JN33" s="119">
        <v>0</v>
      </c>
      <c r="JO33" s="119">
        <v>0</v>
      </c>
      <c r="JP33" s="120">
        <v>151396</v>
      </c>
      <c r="JQ33" s="321">
        <v>151396</v>
      </c>
      <c r="JR33" s="142">
        <v>0</v>
      </c>
      <c r="JS33" s="119">
        <v>0</v>
      </c>
      <c r="JT33" s="141">
        <v>0</v>
      </c>
      <c r="JU33" s="118">
        <v>0</v>
      </c>
      <c r="JV33" s="119">
        <v>0</v>
      </c>
      <c r="JW33" s="119">
        <v>0</v>
      </c>
      <c r="JX33" s="119">
        <v>0</v>
      </c>
      <c r="JY33" s="119">
        <v>0</v>
      </c>
      <c r="JZ33" s="119">
        <v>0</v>
      </c>
      <c r="KA33" s="120">
        <v>0</v>
      </c>
      <c r="KB33" s="321">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v>0</v>
      </c>
      <c r="KR33" s="119">
        <v>0</v>
      </c>
      <c r="KS33" s="119">
        <v>0</v>
      </c>
      <c r="KT33" s="119">
        <v>0</v>
      </c>
      <c r="KU33" s="119">
        <v>0</v>
      </c>
      <c r="KV33" s="119">
        <v>0</v>
      </c>
      <c r="KW33" s="120">
        <v>0</v>
      </c>
      <c r="KX33" s="321">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1">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215705</v>
      </c>
      <c r="MM33" s="119">
        <v>419966</v>
      </c>
      <c r="MN33" s="119">
        <v>182722</v>
      </c>
      <c r="MO33" s="120">
        <v>818393</v>
      </c>
      <c r="MP33" s="143">
        <v>818393</v>
      </c>
      <c r="MQ33" s="142">
        <v>0</v>
      </c>
      <c r="MR33" s="119">
        <v>0</v>
      </c>
      <c r="MS33" s="120">
        <v>0</v>
      </c>
      <c r="MT33" s="145"/>
      <c r="MU33" s="119">
        <v>0</v>
      </c>
      <c r="MV33" s="119">
        <v>0</v>
      </c>
      <c r="MW33" s="119">
        <v>0</v>
      </c>
      <c r="MX33" s="119">
        <v>209889</v>
      </c>
      <c r="MY33" s="119">
        <v>0</v>
      </c>
      <c r="MZ33" s="120">
        <v>209889</v>
      </c>
      <c r="NA33" s="143">
        <v>209889</v>
      </c>
      <c r="NB33" s="142">
        <v>0</v>
      </c>
      <c r="NC33" s="119">
        <v>0</v>
      </c>
      <c r="ND33" s="120">
        <v>0</v>
      </c>
      <c r="NE33" s="145"/>
      <c r="NF33" s="119">
        <v>0</v>
      </c>
      <c r="NG33" s="119">
        <v>0</v>
      </c>
      <c r="NH33" s="119">
        <v>215705</v>
      </c>
      <c r="NI33" s="119">
        <v>210077</v>
      </c>
      <c r="NJ33" s="119">
        <v>182722</v>
      </c>
      <c r="NK33" s="120">
        <v>608504</v>
      </c>
      <c r="NL33" s="321">
        <v>608504</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10</v>
      </c>
      <c r="OJ33" s="119">
        <v>46238</v>
      </c>
      <c r="OK33" s="141">
        <v>47848</v>
      </c>
      <c r="OL33" s="118">
        <v>0</v>
      </c>
      <c r="OM33" s="119">
        <v>501419</v>
      </c>
      <c r="ON33" s="119">
        <v>287692</v>
      </c>
      <c r="OO33" s="119">
        <v>466239</v>
      </c>
      <c r="OP33" s="119">
        <v>419966</v>
      </c>
      <c r="OQ33" s="119">
        <v>392463</v>
      </c>
      <c r="OR33" s="120">
        <v>2067779</v>
      </c>
      <c r="OS33" s="143">
        <v>2115627</v>
      </c>
    </row>
    <row r="34" spans="2:409" ht="20.25" customHeight="1" x14ac:dyDescent="0.2">
      <c r="B34" s="126" t="s">
        <v>29</v>
      </c>
      <c r="C34" s="110">
        <v>1400</v>
      </c>
      <c r="D34" s="114">
        <v>5250</v>
      </c>
      <c r="E34" s="113">
        <v>6650</v>
      </c>
      <c r="F34" s="109">
        <v>0</v>
      </c>
      <c r="G34" s="114">
        <v>221372</v>
      </c>
      <c r="H34" s="114">
        <v>368486</v>
      </c>
      <c r="I34" s="114">
        <v>409598</v>
      </c>
      <c r="J34" s="114">
        <v>572818</v>
      </c>
      <c r="K34" s="114">
        <v>63154</v>
      </c>
      <c r="L34" s="173">
        <v>1635428</v>
      </c>
      <c r="M34" s="116">
        <v>1642078</v>
      </c>
      <c r="N34" s="110">
        <v>0</v>
      </c>
      <c r="O34" s="114">
        <v>0</v>
      </c>
      <c r="P34" s="113">
        <v>0</v>
      </c>
      <c r="Q34" s="110">
        <v>0</v>
      </c>
      <c r="R34" s="114">
        <v>66318</v>
      </c>
      <c r="S34" s="114">
        <v>147595</v>
      </c>
      <c r="T34" s="114">
        <v>181629</v>
      </c>
      <c r="U34" s="114">
        <v>186994</v>
      </c>
      <c r="V34" s="114">
        <v>28588</v>
      </c>
      <c r="W34" s="113">
        <v>611124</v>
      </c>
      <c r="X34" s="116">
        <v>611124</v>
      </c>
      <c r="Y34" s="110">
        <v>0</v>
      </c>
      <c r="Z34" s="114">
        <v>0</v>
      </c>
      <c r="AA34" s="113">
        <v>0</v>
      </c>
      <c r="AB34" s="110">
        <v>0</v>
      </c>
      <c r="AC34" s="114">
        <v>12222</v>
      </c>
      <c r="AD34" s="114">
        <v>69090</v>
      </c>
      <c r="AE34" s="114">
        <v>0</v>
      </c>
      <c r="AF34" s="114">
        <v>76562</v>
      </c>
      <c r="AG34" s="114">
        <v>0</v>
      </c>
      <c r="AH34" s="113">
        <v>157874</v>
      </c>
      <c r="AI34" s="116">
        <v>157874</v>
      </c>
      <c r="AJ34" s="110">
        <v>0</v>
      </c>
      <c r="AK34" s="114">
        <v>0</v>
      </c>
      <c r="AL34" s="113">
        <v>0</v>
      </c>
      <c r="AM34" s="110">
        <v>0</v>
      </c>
      <c r="AN34" s="114">
        <v>0</v>
      </c>
      <c r="AO34" s="114">
        <v>0</v>
      </c>
      <c r="AP34" s="114">
        <v>47320</v>
      </c>
      <c r="AQ34" s="114">
        <v>0</v>
      </c>
      <c r="AR34" s="114">
        <v>0</v>
      </c>
      <c r="AS34" s="113">
        <v>47320</v>
      </c>
      <c r="AT34" s="116">
        <v>47320</v>
      </c>
      <c r="AU34" s="110">
        <v>0</v>
      </c>
      <c r="AV34" s="114">
        <v>0</v>
      </c>
      <c r="AW34" s="113">
        <v>0</v>
      </c>
      <c r="AX34" s="110">
        <v>0</v>
      </c>
      <c r="AY34" s="114">
        <v>45696</v>
      </c>
      <c r="AZ34" s="114">
        <v>32816</v>
      </c>
      <c r="BA34" s="114">
        <v>126518</v>
      </c>
      <c r="BB34" s="114">
        <v>0</v>
      </c>
      <c r="BC34" s="114">
        <v>28588</v>
      </c>
      <c r="BD34" s="113">
        <v>233618</v>
      </c>
      <c r="BE34" s="116">
        <v>233618</v>
      </c>
      <c r="BF34" s="110">
        <v>0</v>
      </c>
      <c r="BG34" s="114">
        <v>0</v>
      </c>
      <c r="BH34" s="112">
        <v>0</v>
      </c>
      <c r="BI34" s="111">
        <v>0</v>
      </c>
      <c r="BJ34" s="114">
        <v>0</v>
      </c>
      <c r="BK34" s="114">
        <v>26768</v>
      </c>
      <c r="BL34" s="114">
        <v>0</v>
      </c>
      <c r="BM34" s="114">
        <v>80920</v>
      </c>
      <c r="BN34" s="114">
        <v>0</v>
      </c>
      <c r="BO34" s="113">
        <v>107688</v>
      </c>
      <c r="BP34" s="116">
        <v>107688</v>
      </c>
      <c r="BQ34" s="110">
        <v>0</v>
      </c>
      <c r="BR34" s="114">
        <v>0</v>
      </c>
      <c r="BS34" s="113">
        <v>0</v>
      </c>
      <c r="BT34" s="110">
        <v>0</v>
      </c>
      <c r="BU34" s="114">
        <v>8400</v>
      </c>
      <c r="BV34" s="114">
        <v>18921</v>
      </c>
      <c r="BW34" s="114">
        <v>7791</v>
      </c>
      <c r="BX34" s="114">
        <v>29512</v>
      </c>
      <c r="BY34" s="114">
        <v>0</v>
      </c>
      <c r="BZ34" s="113">
        <v>64624</v>
      </c>
      <c r="CA34" s="116">
        <v>64624</v>
      </c>
      <c r="CB34" s="110">
        <v>0</v>
      </c>
      <c r="CC34" s="114">
        <v>0</v>
      </c>
      <c r="CD34" s="113">
        <v>0</v>
      </c>
      <c r="CE34" s="110">
        <v>0</v>
      </c>
      <c r="CF34" s="114">
        <v>23233</v>
      </c>
      <c r="CG34" s="114">
        <v>57771</v>
      </c>
      <c r="CH34" s="114">
        <v>87899</v>
      </c>
      <c r="CI34" s="114">
        <v>0</v>
      </c>
      <c r="CJ34" s="114">
        <v>0</v>
      </c>
      <c r="CK34" s="113">
        <v>168903</v>
      </c>
      <c r="CL34" s="116">
        <v>168903</v>
      </c>
      <c r="CM34" s="110">
        <v>0</v>
      </c>
      <c r="CN34" s="114">
        <v>0</v>
      </c>
      <c r="CO34" s="113">
        <v>0</v>
      </c>
      <c r="CP34" s="111">
        <v>0</v>
      </c>
      <c r="CQ34" s="114">
        <v>23233</v>
      </c>
      <c r="CR34" s="114">
        <v>0</v>
      </c>
      <c r="CS34" s="114">
        <v>18676</v>
      </c>
      <c r="CT34" s="114">
        <v>0</v>
      </c>
      <c r="CU34" s="114">
        <v>0</v>
      </c>
      <c r="CV34" s="113">
        <v>41909</v>
      </c>
      <c r="CW34" s="116">
        <v>41909</v>
      </c>
      <c r="CX34" s="110">
        <v>0</v>
      </c>
      <c r="CY34" s="114">
        <v>0</v>
      </c>
      <c r="CZ34" s="113">
        <v>0</v>
      </c>
      <c r="DA34" s="110">
        <v>0</v>
      </c>
      <c r="DB34" s="114">
        <v>0</v>
      </c>
      <c r="DC34" s="114">
        <v>57771</v>
      </c>
      <c r="DD34" s="114">
        <v>69223</v>
      </c>
      <c r="DE34" s="114">
        <v>0</v>
      </c>
      <c r="DF34" s="114">
        <v>0</v>
      </c>
      <c r="DG34" s="113">
        <v>126994</v>
      </c>
      <c r="DH34" s="116">
        <v>126994</v>
      </c>
      <c r="DI34" s="110">
        <v>0</v>
      </c>
      <c r="DJ34" s="114">
        <v>0</v>
      </c>
      <c r="DK34" s="112">
        <v>0</v>
      </c>
      <c r="DL34" s="111">
        <v>0</v>
      </c>
      <c r="DM34" s="114">
        <v>0</v>
      </c>
      <c r="DN34" s="114">
        <v>0</v>
      </c>
      <c r="DO34" s="114">
        <v>0</v>
      </c>
      <c r="DP34" s="114">
        <v>0</v>
      </c>
      <c r="DQ34" s="114">
        <v>0</v>
      </c>
      <c r="DR34" s="113">
        <v>0</v>
      </c>
      <c r="DS34" s="116">
        <v>0</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8"/>
      <c r="FE34" s="114">
        <v>0</v>
      </c>
      <c r="FF34" s="114">
        <v>0</v>
      </c>
      <c r="FG34" s="114">
        <v>0</v>
      </c>
      <c r="FH34" s="114">
        <v>0</v>
      </c>
      <c r="FI34" s="114">
        <v>0</v>
      </c>
      <c r="FJ34" s="113">
        <v>0</v>
      </c>
      <c r="FK34" s="116">
        <v>0</v>
      </c>
      <c r="FL34" s="110">
        <v>1400</v>
      </c>
      <c r="FM34" s="114">
        <v>5250</v>
      </c>
      <c r="FN34" s="113">
        <v>6650</v>
      </c>
      <c r="FO34" s="110">
        <v>0</v>
      </c>
      <c r="FP34" s="114">
        <v>37100</v>
      </c>
      <c r="FQ34" s="114">
        <v>17150</v>
      </c>
      <c r="FR34" s="114">
        <v>140070</v>
      </c>
      <c r="FS34" s="114">
        <v>26110</v>
      </c>
      <c r="FT34" s="114">
        <v>34566</v>
      </c>
      <c r="FU34" s="113">
        <v>254996</v>
      </c>
      <c r="FV34" s="116">
        <v>261646</v>
      </c>
      <c r="FW34" s="115">
        <v>1400</v>
      </c>
      <c r="FX34" s="114">
        <v>5250</v>
      </c>
      <c r="FY34" s="112">
        <v>6650</v>
      </c>
      <c r="FZ34" s="111">
        <v>0</v>
      </c>
      <c r="GA34" s="114">
        <v>37100</v>
      </c>
      <c r="GB34" s="114">
        <v>17150</v>
      </c>
      <c r="GC34" s="114">
        <v>61530</v>
      </c>
      <c r="GD34" s="114">
        <v>26110</v>
      </c>
      <c r="GE34" s="114">
        <v>34566</v>
      </c>
      <c r="GF34" s="113">
        <v>176456</v>
      </c>
      <c r="GG34" s="319">
        <v>183106</v>
      </c>
      <c r="GH34" s="115">
        <v>0</v>
      </c>
      <c r="GI34" s="114">
        <v>0</v>
      </c>
      <c r="GJ34" s="112">
        <v>0</v>
      </c>
      <c r="GK34" s="111">
        <v>0</v>
      </c>
      <c r="GL34" s="114">
        <v>0</v>
      </c>
      <c r="GM34" s="114">
        <v>0</v>
      </c>
      <c r="GN34" s="114">
        <v>15400</v>
      </c>
      <c r="GO34" s="114">
        <v>0</v>
      </c>
      <c r="GP34" s="114">
        <v>0</v>
      </c>
      <c r="GQ34" s="113">
        <v>15400</v>
      </c>
      <c r="GR34" s="116">
        <v>15400</v>
      </c>
      <c r="GS34" s="110">
        <v>0</v>
      </c>
      <c r="GT34" s="114">
        <v>0</v>
      </c>
      <c r="GU34" s="113">
        <v>0</v>
      </c>
      <c r="GV34" s="110">
        <v>0</v>
      </c>
      <c r="GW34" s="114">
        <v>0</v>
      </c>
      <c r="GX34" s="114">
        <v>0</v>
      </c>
      <c r="GY34" s="114">
        <v>63140</v>
      </c>
      <c r="GZ34" s="114">
        <v>0</v>
      </c>
      <c r="HA34" s="114">
        <v>0</v>
      </c>
      <c r="HB34" s="112">
        <v>63140</v>
      </c>
      <c r="HC34" s="116">
        <v>63140</v>
      </c>
      <c r="HD34" s="110">
        <v>0</v>
      </c>
      <c r="HE34" s="114">
        <v>0</v>
      </c>
      <c r="HF34" s="112">
        <v>0</v>
      </c>
      <c r="HG34" s="111">
        <v>0</v>
      </c>
      <c r="HH34" s="114">
        <v>94721</v>
      </c>
      <c r="HI34" s="114">
        <v>145970</v>
      </c>
      <c r="HJ34" s="114">
        <v>0</v>
      </c>
      <c r="HK34" s="114">
        <v>359714</v>
      </c>
      <c r="HL34" s="114">
        <v>0</v>
      </c>
      <c r="HM34" s="113">
        <v>600405</v>
      </c>
      <c r="HN34" s="109">
        <v>600405</v>
      </c>
      <c r="HO34" s="329"/>
      <c r="HP34" s="330"/>
      <c r="HQ34" s="331"/>
      <c r="HR34" s="332"/>
      <c r="HS34" s="330"/>
      <c r="HT34" s="330"/>
      <c r="HU34" s="330"/>
      <c r="HV34" s="330"/>
      <c r="HW34" s="330"/>
      <c r="HX34" s="333"/>
      <c r="HY34" s="334"/>
      <c r="HZ34" s="150">
        <v>0</v>
      </c>
      <c r="IA34" s="135">
        <v>0</v>
      </c>
      <c r="IB34" s="150">
        <v>0</v>
      </c>
      <c r="IC34" s="134">
        <v>0</v>
      </c>
      <c r="ID34" s="135">
        <v>149359</v>
      </c>
      <c r="IE34" s="136">
        <v>16487</v>
      </c>
      <c r="IF34" s="137">
        <v>90811</v>
      </c>
      <c r="IG34" s="135">
        <v>216468</v>
      </c>
      <c r="IH34" s="137">
        <v>0</v>
      </c>
      <c r="II34" s="138">
        <v>473125</v>
      </c>
      <c r="IJ34" s="150">
        <v>473125</v>
      </c>
      <c r="IK34" s="232">
        <v>0</v>
      </c>
      <c r="IL34" s="236">
        <v>0</v>
      </c>
      <c r="IM34" s="237">
        <v>0</v>
      </c>
      <c r="IN34" s="140"/>
      <c r="IO34" s="119">
        <v>0</v>
      </c>
      <c r="IP34" s="119">
        <v>0</v>
      </c>
      <c r="IQ34" s="119">
        <v>0</v>
      </c>
      <c r="IR34" s="119">
        <v>0</v>
      </c>
      <c r="IS34" s="119">
        <v>0</v>
      </c>
      <c r="IT34" s="141">
        <v>0</v>
      </c>
      <c r="IU34" s="321">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0</v>
      </c>
      <c r="JL34" s="119">
        <v>16487</v>
      </c>
      <c r="JM34" s="119">
        <v>0</v>
      </c>
      <c r="JN34" s="119">
        <v>0</v>
      </c>
      <c r="JO34" s="119">
        <v>0</v>
      </c>
      <c r="JP34" s="120">
        <v>16487</v>
      </c>
      <c r="JQ34" s="321">
        <v>16487</v>
      </c>
      <c r="JR34" s="142">
        <v>0</v>
      </c>
      <c r="JS34" s="119">
        <v>0</v>
      </c>
      <c r="JT34" s="141">
        <v>0</v>
      </c>
      <c r="JU34" s="118">
        <v>0</v>
      </c>
      <c r="JV34" s="119">
        <v>0</v>
      </c>
      <c r="JW34" s="119">
        <v>0</v>
      </c>
      <c r="JX34" s="119">
        <v>90811</v>
      </c>
      <c r="JY34" s="119">
        <v>0</v>
      </c>
      <c r="JZ34" s="119">
        <v>0</v>
      </c>
      <c r="KA34" s="120">
        <v>90811</v>
      </c>
      <c r="KB34" s="321">
        <v>90811</v>
      </c>
      <c r="KC34" s="234">
        <v>0</v>
      </c>
      <c r="KD34" s="230">
        <v>0</v>
      </c>
      <c r="KE34" s="120">
        <v>0</v>
      </c>
      <c r="KF34" s="118">
        <v>0</v>
      </c>
      <c r="KG34" s="119">
        <v>149359</v>
      </c>
      <c r="KH34" s="119">
        <v>0</v>
      </c>
      <c r="KI34" s="119">
        <v>0</v>
      </c>
      <c r="KJ34" s="119">
        <v>0</v>
      </c>
      <c r="KK34" s="119">
        <v>0</v>
      </c>
      <c r="KL34" s="120">
        <v>149359</v>
      </c>
      <c r="KM34" s="143">
        <v>149359</v>
      </c>
      <c r="KN34" s="232">
        <v>0</v>
      </c>
      <c r="KO34" s="236">
        <v>0</v>
      </c>
      <c r="KP34" s="237">
        <v>0</v>
      </c>
      <c r="KQ34" s="140">
        <v>0</v>
      </c>
      <c r="KR34" s="119">
        <v>0</v>
      </c>
      <c r="KS34" s="119">
        <v>0</v>
      </c>
      <c r="KT34" s="119">
        <v>0</v>
      </c>
      <c r="KU34" s="119">
        <v>0</v>
      </c>
      <c r="KV34" s="119">
        <v>0</v>
      </c>
      <c r="KW34" s="120">
        <v>0</v>
      </c>
      <c r="KX34" s="321">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16468</v>
      </c>
      <c r="LR34" s="119">
        <v>0</v>
      </c>
      <c r="LS34" s="120">
        <v>216468</v>
      </c>
      <c r="LT34" s="321">
        <v>216468</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610455</v>
      </c>
      <c r="MM34" s="119">
        <v>239479</v>
      </c>
      <c r="MN34" s="119">
        <v>11473</v>
      </c>
      <c r="MO34" s="120">
        <v>861407</v>
      </c>
      <c r="MP34" s="143">
        <v>861407</v>
      </c>
      <c r="MQ34" s="142">
        <v>0</v>
      </c>
      <c r="MR34" s="119">
        <v>0</v>
      </c>
      <c r="MS34" s="120">
        <v>0</v>
      </c>
      <c r="MT34" s="145"/>
      <c r="MU34" s="119">
        <v>0</v>
      </c>
      <c r="MV34" s="119">
        <v>0</v>
      </c>
      <c r="MW34" s="119">
        <v>203728</v>
      </c>
      <c r="MX34" s="119">
        <v>0</v>
      </c>
      <c r="MY34" s="119">
        <v>11473</v>
      </c>
      <c r="MZ34" s="120">
        <v>215201</v>
      </c>
      <c r="NA34" s="143">
        <v>215201</v>
      </c>
      <c r="NB34" s="142">
        <v>0</v>
      </c>
      <c r="NC34" s="119">
        <v>0</v>
      </c>
      <c r="ND34" s="120">
        <v>0</v>
      </c>
      <c r="NE34" s="145"/>
      <c r="NF34" s="119">
        <v>0</v>
      </c>
      <c r="NG34" s="119">
        <v>0</v>
      </c>
      <c r="NH34" s="119">
        <v>406727</v>
      </c>
      <c r="NI34" s="119">
        <v>239479</v>
      </c>
      <c r="NJ34" s="119">
        <v>0</v>
      </c>
      <c r="NK34" s="120">
        <v>646206</v>
      </c>
      <c r="NL34" s="321">
        <v>646206</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1400</v>
      </c>
      <c r="OJ34" s="119">
        <v>5250</v>
      </c>
      <c r="OK34" s="141">
        <v>6650</v>
      </c>
      <c r="OL34" s="118">
        <v>0</v>
      </c>
      <c r="OM34" s="119">
        <v>370731</v>
      </c>
      <c r="ON34" s="119">
        <v>384973</v>
      </c>
      <c r="OO34" s="119">
        <v>1110864</v>
      </c>
      <c r="OP34" s="119">
        <v>1028765</v>
      </c>
      <c r="OQ34" s="119">
        <v>74627</v>
      </c>
      <c r="OR34" s="120">
        <v>2969960</v>
      </c>
      <c r="OS34" s="143">
        <v>2976610</v>
      </c>
    </row>
    <row r="35" spans="2:409" ht="20.25" customHeight="1" x14ac:dyDescent="0.2">
      <c r="B35" s="126" t="s">
        <v>30</v>
      </c>
      <c r="C35" s="110">
        <v>9660</v>
      </c>
      <c r="D35" s="114">
        <v>54054</v>
      </c>
      <c r="E35" s="174">
        <v>63714</v>
      </c>
      <c r="F35" s="175">
        <v>0</v>
      </c>
      <c r="G35" s="176">
        <v>495271</v>
      </c>
      <c r="H35" s="176">
        <v>244122</v>
      </c>
      <c r="I35" s="176">
        <v>366374</v>
      </c>
      <c r="J35" s="176">
        <v>531523</v>
      </c>
      <c r="K35" s="176">
        <v>0</v>
      </c>
      <c r="L35" s="177">
        <v>1637290</v>
      </c>
      <c r="M35" s="116">
        <v>1701004</v>
      </c>
      <c r="N35" s="110">
        <v>0</v>
      </c>
      <c r="O35" s="114">
        <v>51954</v>
      </c>
      <c r="P35" s="113">
        <v>51954</v>
      </c>
      <c r="Q35" s="110">
        <v>0</v>
      </c>
      <c r="R35" s="114">
        <v>17696</v>
      </c>
      <c r="S35" s="114">
        <v>2086</v>
      </c>
      <c r="T35" s="114">
        <v>198577</v>
      </c>
      <c r="U35" s="114">
        <v>274423</v>
      </c>
      <c r="V35" s="114">
        <v>0</v>
      </c>
      <c r="W35" s="113">
        <v>492782</v>
      </c>
      <c r="X35" s="116">
        <v>544736</v>
      </c>
      <c r="Y35" s="110">
        <v>0</v>
      </c>
      <c r="Z35" s="114">
        <v>0</v>
      </c>
      <c r="AA35" s="113">
        <v>0</v>
      </c>
      <c r="AB35" s="110">
        <v>0</v>
      </c>
      <c r="AC35" s="114">
        <v>0</v>
      </c>
      <c r="AD35" s="114">
        <v>0</v>
      </c>
      <c r="AE35" s="114">
        <v>178823</v>
      </c>
      <c r="AF35" s="114">
        <v>155444</v>
      </c>
      <c r="AG35" s="114">
        <v>0</v>
      </c>
      <c r="AH35" s="113">
        <v>334267</v>
      </c>
      <c r="AI35" s="116">
        <v>334267</v>
      </c>
      <c r="AJ35" s="110">
        <v>0</v>
      </c>
      <c r="AK35" s="114">
        <v>0</v>
      </c>
      <c r="AL35" s="113">
        <v>0</v>
      </c>
      <c r="AM35" s="110">
        <v>0</v>
      </c>
      <c r="AN35" s="114">
        <v>0</v>
      </c>
      <c r="AO35" s="114">
        <v>0</v>
      </c>
      <c r="AP35" s="114">
        <v>0</v>
      </c>
      <c r="AQ35" s="114">
        <v>37856</v>
      </c>
      <c r="AR35" s="114">
        <v>0</v>
      </c>
      <c r="AS35" s="113">
        <v>37856</v>
      </c>
      <c r="AT35" s="116">
        <v>37856</v>
      </c>
      <c r="AU35" s="110">
        <v>0</v>
      </c>
      <c r="AV35" s="114">
        <v>51954</v>
      </c>
      <c r="AW35" s="113">
        <v>51954</v>
      </c>
      <c r="AX35" s="110">
        <v>0</v>
      </c>
      <c r="AY35" s="114">
        <v>0</v>
      </c>
      <c r="AZ35" s="114">
        <v>0</v>
      </c>
      <c r="BA35" s="114">
        <v>0</v>
      </c>
      <c r="BB35" s="114">
        <v>34713</v>
      </c>
      <c r="BC35" s="114">
        <v>0</v>
      </c>
      <c r="BD35" s="113">
        <v>34713</v>
      </c>
      <c r="BE35" s="116">
        <v>86667</v>
      </c>
      <c r="BF35" s="110">
        <v>0</v>
      </c>
      <c r="BG35" s="114">
        <v>0</v>
      </c>
      <c r="BH35" s="112">
        <v>0</v>
      </c>
      <c r="BI35" s="111">
        <v>0</v>
      </c>
      <c r="BJ35" s="114">
        <v>0</v>
      </c>
      <c r="BK35" s="114">
        <v>0</v>
      </c>
      <c r="BL35" s="114">
        <v>0</v>
      </c>
      <c r="BM35" s="114">
        <v>33460</v>
      </c>
      <c r="BN35" s="114">
        <v>0</v>
      </c>
      <c r="BO35" s="113">
        <v>33460</v>
      </c>
      <c r="BP35" s="116">
        <v>33460</v>
      </c>
      <c r="BQ35" s="110">
        <v>0</v>
      </c>
      <c r="BR35" s="114">
        <v>0</v>
      </c>
      <c r="BS35" s="113">
        <v>0</v>
      </c>
      <c r="BT35" s="110">
        <v>0</v>
      </c>
      <c r="BU35" s="114">
        <v>17696</v>
      </c>
      <c r="BV35" s="114">
        <v>2086</v>
      </c>
      <c r="BW35" s="114">
        <v>19754</v>
      </c>
      <c r="BX35" s="114">
        <v>12950</v>
      </c>
      <c r="BY35" s="114">
        <v>0</v>
      </c>
      <c r="BZ35" s="113">
        <v>52486</v>
      </c>
      <c r="CA35" s="116">
        <v>52486</v>
      </c>
      <c r="CB35" s="110">
        <v>0</v>
      </c>
      <c r="CC35" s="114">
        <v>0</v>
      </c>
      <c r="CD35" s="113">
        <v>0</v>
      </c>
      <c r="CE35" s="110">
        <v>0</v>
      </c>
      <c r="CF35" s="114">
        <v>73549</v>
      </c>
      <c r="CG35" s="114">
        <v>170761</v>
      </c>
      <c r="CH35" s="114">
        <v>83265</v>
      </c>
      <c r="CI35" s="114">
        <v>33011</v>
      </c>
      <c r="CJ35" s="114">
        <v>0</v>
      </c>
      <c r="CK35" s="113">
        <v>360586</v>
      </c>
      <c r="CL35" s="116">
        <v>360586</v>
      </c>
      <c r="CM35" s="110">
        <v>0</v>
      </c>
      <c r="CN35" s="114">
        <v>0</v>
      </c>
      <c r="CO35" s="113">
        <v>0</v>
      </c>
      <c r="CP35" s="111">
        <v>0</v>
      </c>
      <c r="CQ35" s="114">
        <v>73549</v>
      </c>
      <c r="CR35" s="114">
        <v>74449</v>
      </c>
      <c r="CS35" s="114">
        <v>83265</v>
      </c>
      <c r="CT35" s="114">
        <v>33011</v>
      </c>
      <c r="CU35" s="114">
        <v>0</v>
      </c>
      <c r="CV35" s="113">
        <v>264274</v>
      </c>
      <c r="CW35" s="116">
        <v>264274</v>
      </c>
      <c r="CX35" s="110">
        <v>0</v>
      </c>
      <c r="CY35" s="114">
        <v>0</v>
      </c>
      <c r="CZ35" s="113">
        <v>0</v>
      </c>
      <c r="DA35" s="110">
        <v>0</v>
      </c>
      <c r="DB35" s="114">
        <v>0</v>
      </c>
      <c r="DC35" s="114">
        <v>96312</v>
      </c>
      <c r="DD35" s="114">
        <v>0</v>
      </c>
      <c r="DE35" s="114">
        <v>0</v>
      </c>
      <c r="DF35" s="114">
        <v>0</v>
      </c>
      <c r="DG35" s="113">
        <v>96312</v>
      </c>
      <c r="DH35" s="116">
        <v>96312</v>
      </c>
      <c r="DI35" s="110">
        <v>0</v>
      </c>
      <c r="DJ35" s="114">
        <v>0</v>
      </c>
      <c r="DK35" s="112">
        <v>0</v>
      </c>
      <c r="DL35" s="111">
        <v>0</v>
      </c>
      <c r="DM35" s="114">
        <v>13034</v>
      </c>
      <c r="DN35" s="114">
        <v>33531</v>
      </c>
      <c r="DO35" s="114">
        <v>62552</v>
      </c>
      <c r="DP35" s="114">
        <v>0</v>
      </c>
      <c r="DQ35" s="114">
        <v>0</v>
      </c>
      <c r="DR35" s="113">
        <v>109117</v>
      </c>
      <c r="DS35" s="116">
        <v>109117</v>
      </c>
      <c r="DT35" s="110">
        <v>0</v>
      </c>
      <c r="DU35" s="114">
        <v>0</v>
      </c>
      <c r="DV35" s="113">
        <v>0</v>
      </c>
      <c r="DW35" s="110">
        <v>0</v>
      </c>
      <c r="DX35" s="114">
        <v>13034</v>
      </c>
      <c r="DY35" s="114">
        <v>0</v>
      </c>
      <c r="DZ35" s="114">
        <v>62552</v>
      </c>
      <c r="EA35" s="114">
        <v>0</v>
      </c>
      <c r="EB35" s="114">
        <v>0</v>
      </c>
      <c r="EC35" s="113">
        <v>75586</v>
      </c>
      <c r="ED35" s="116">
        <v>75586</v>
      </c>
      <c r="EE35" s="110">
        <v>0</v>
      </c>
      <c r="EF35" s="112">
        <v>0</v>
      </c>
      <c r="EG35" s="113">
        <v>0</v>
      </c>
      <c r="EH35" s="110">
        <v>0</v>
      </c>
      <c r="EI35" s="114">
        <v>0</v>
      </c>
      <c r="EJ35" s="114">
        <v>33531</v>
      </c>
      <c r="EK35" s="114">
        <v>0</v>
      </c>
      <c r="EL35" s="114">
        <v>0</v>
      </c>
      <c r="EM35" s="114">
        <v>0</v>
      </c>
      <c r="EN35" s="112">
        <v>33531</v>
      </c>
      <c r="EO35" s="116">
        <v>33531</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8"/>
      <c r="FE35" s="114">
        <v>0</v>
      </c>
      <c r="FF35" s="114">
        <v>0</v>
      </c>
      <c r="FG35" s="114">
        <v>0</v>
      </c>
      <c r="FH35" s="114">
        <v>0</v>
      </c>
      <c r="FI35" s="114">
        <v>0</v>
      </c>
      <c r="FJ35" s="113">
        <v>0</v>
      </c>
      <c r="FK35" s="116">
        <v>0</v>
      </c>
      <c r="FL35" s="110">
        <v>9660</v>
      </c>
      <c r="FM35" s="114">
        <v>2100</v>
      </c>
      <c r="FN35" s="113">
        <v>11760</v>
      </c>
      <c r="FO35" s="110">
        <v>0</v>
      </c>
      <c r="FP35" s="114">
        <v>0</v>
      </c>
      <c r="FQ35" s="114">
        <v>37744</v>
      </c>
      <c r="FR35" s="114">
        <v>21980</v>
      </c>
      <c r="FS35" s="114">
        <v>37226</v>
      </c>
      <c r="FT35" s="114">
        <v>0</v>
      </c>
      <c r="FU35" s="113">
        <v>96950</v>
      </c>
      <c r="FV35" s="116">
        <v>108710</v>
      </c>
      <c r="FW35" s="115">
        <v>9660</v>
      </c>
      <c r="FX35" s="114">
        <v>2100</v>
      </c>
      <c r="FY35" s="112">
        <v>11760</v>
      </c>
      <c r="FZ35" s="111">
        <v>0</v>
      </c>
      <c r="GA35" s="114">
        <v>0</v>
      </c>
      <c r="GB35" s="114">
        <v>37744</v>
      </c>
      <c r="GC35" s="114">
        <v>21980</v>
      </c>
      <c r="GD35" s="114">
        <v>37226</v>
      </c>
      <c r="GE35" s="114">
        <v>0</v>
      </c>
      <c r="GF35" s="113">
        <v>96950</v>
      </c>
      <c r="GG35" s="319">
        <v>108710</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390992</v>
      </c>
      <c r="HI35" s="114">
        <v>0</v>
      </c>
      <c r="HJ35" s="114">
        <v>0</v>
      </c>
      <c r="HK35" s="114">
        <v>186863</v>
      </c>
      <c r="HL35" s="114">
        <v>0</v>
      </c>
      <c r="HM35" s="113">
        <v>577855</v>
      </c>
      <c r="HN35" s="109">
        <v>577855</v>
      </c>
      <c r="HO35" s="329"/>
      <c r="HP35" s="330"/>
      <c r="HQ35" s="331"/>
      <c r="HR35" s="332"/>
      <c r="HS35" s="330"/>
      <c r="HT35" s="330"/>
      <c r="HU35" s="330"/>
      <c r="HV35" s="330"/>
      <c r="HW35" s="330"/>
      <c r="HX35" s="333"/>
      <c r="HY35" s="334"/>
      <c r="HZ35" s="131">
        <v>0</v>
      </c>
      <c r="IA35" s="132">
        <v>0</v>
      </c>
      <c r="IB35" s="133">
        <v>0</v>
      </c>
      <c r="IC35" s="146">
        <v>0</v>
      </c>
      <c r="ID35" s="132">
        <v>212569</v>
      </c>
      <c r="IE35" s="147">
        <v>27699</v>
      </c>
      <c r="IF35" s="133">
        <v>0</v>
      </c>
      <c r="IG35" s="132">
        <v>0</v>
      </c>
      <c r="IH35" s="133">
        <v>0</v>
      </c>
      <c r="II35" s="148">
        <v>240268</v>
      </c>
      <c r="IJ35" s="139">
        <v>240268</v>
      </c>
      <c r="IK35" s="232">
        <v>0</v>
      </c>
      <c r="IL35" s="236">
        <v>0</v>
      </c>
      <c r="IM35" s="237">
        <v>0</v>
      </c>
      <c r="IN35" s="140"/>
      <c r="IO35" s="119">
        <v>0</v>
      </c>
      <c r="IP35" s="119">
        <v>0</v>
      </c>
      <c r="IQ35" s="119">
        <v>0</v>
      </c>
      <c r="IR35" s="119">
        <v>0</v>
      </c>
      <c r="IS35" s="119">
        <v>0</v>
      </c>
      <c r="IT35" s="141">
        <v>0</v>
      </c>
      <c r="IU35" s="321">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52129</v>
      </c>
      <c r="JL35" s="119">
        <v>0</v>
      </c>
      <c r="JM35" s="119">
        <v>0</v>
      </c>
      <c r="JN35" s="119">
        <v>0</v>
      </c>
      <c r="JO35" s="119">
        <v>0</v>
      </c>
      <c r="JP35" s="120">
        <v>52129</v>
      </c>
      <c r="JQ35" s="321">
        <v>52129</v>
      </c>
      <c r="JR35" s="142">
        <v>0</v>
      </c>
      <c r="JS35" s="119">
        <v>0</v>
      </c>
      <c r="JT35" s="141">
        <v>0</v>
      </c>
      <c r="JU35" s="118">
        <v>0</v>
      </c>
      <c r="JV35" s="119">
        <v>0</v>
      </c>
      <c r="JW35" s="119">
        <v>27699</v>
      </c>
      <c r="JX35" s="119">
        <v>0</v>
      </c>
      <c r="JY35" s="119">
        <v>0</v>
      </c>
      <c r="JZ35" s="119">
        <v>0</v>
      </c>
      <c r="KA35" s="120">
        <v>27699</v>
      </c>
      <c r="KB35" s="321">
        <v>27699</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v>0</v>
      </c>
      <c r="KR35" s="119">
        <v>160440</v>
      </c>
      <c r="KS35" s="119">
        <v>0</v>
      </c>
      <c r="KT35" s="119">
        <v>0</v>
      </c>
      <c r="KU35" s="119">
        <v>0</v>
      </c>
      <c r="KV35" s="119">
        <v>0</v>
      </c>
      <c r="KW35" s="120">
        <v>160440</v>
      </c>
      <c r="KX35" s="321">
        <v>16044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1">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0</v>
      </c>
      <c r="MK35" s="119">
        <v>0</v>
      </c>
      <c r="ML35" s="119">
        <v>395439</v>
      </c>
      <c r="MM35" s="119">
        <v>230673</v>
      </c>
      <c r="MN35" s="119">
        <v>247275</v>
      </c>
      <c r="MO35" s="120">
        <v>873387</v>
      </c>
      <c r="MP35" s="143">
        <v>873387</v>
      </c>
      <c r="MQ35" s="142">
        <v>0</v>
      </c>
      <c r="MR35" s="119">
        <v>0</v>
      </c>
      <c r="MS35" s="120">
        <v>0</v>
      </c>
      <c r="MT35" s="145"/>
      <c r="MU35" s="119">
        <v>0</v>
      </c>
      <c r="MV35" s="119">
        <v>0</v>
      </c>
      <c r="MW35" s="119">
        <v>203728</v>
      </c>
      <c r="MX35" s="119">
        <v>0</v>
      </c>
      <c r="MY35" s="119">
        <v>0</v>
      </c>
      <c r="MZ35" s="120">
        <v>203728</v>
      </c>
      <c r="NA35" s="143">
        <v>203728</v>
      </c>
      <c r="NB35" s="142">
        <v>0</v>
      </c>
      <c r="NC35" s="119">
        <v>0</v>
      </c>
      <c r="ND35" s="120">
        <v>0</v>
      </c>
      <c r="NE35" s="145"/>
      <c r="NF35" s="119">
        <v>0</v>
      </c>
      <c r="NG35" s="119">
        <v>0</v>
      </c>
      <c r="NH35" s="119">
        <v>191711</v>
      </c>
      <c r="NI35" s="119">
        <v>230673</v>
      </c>
      <c r="NJ35" s="119">
        <v>247275</v>
      </c>
      <c r="NK35" s="120">
        <v>669659</v>
      </c>
      <c r="NL35" s="321">
        <v>669659</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9660</v>
      </c>
      <c r="OJ35" s="119">
        <v>54054</v>
      </c>
      <c r="OK35" s="141">
        <v>63714</v>
      </c>
      <c r="OL35" s="118">
        <v>0</v>
      </c>
      <c r="OM35" s="119">
        <v>707840</v>
      </c>
      <c r="ON35" s="119">
        <v>271821</v>
      </c>
      <c r="OO35" s="119">
        <v>761813</v>
      </c>
      <c r="OP35" s="119">
        <v>762196</v>
      </c>
      <c r="OQ35" s="119">
        <v>247275</v>
      </c>
      <c r="OR35" s="120">
        <v>2750945</v>
      </c>
      <c r="OS35" s="143">
        <v>2814659</v>
      </c>
    </row>
    <row r="36" spans="2:409" ht="20.25" customHeight="1" x14ac:dyDescent="0.2">
      <c r="B36" s="126" t="s">
        <v>31</v>
      </c>
      <c r="C36" s="110">
        <v>7084</v>
      </c>
      <c r="D36" s="114">
        <v>0</v>
      </c>
      <c r="E36" s="113">
        <v>7084</v>
      </c>
      <c r="F36" s="109">
        <v>0</v>
      </c>
      <c r="G36" s="114">
        <v>172352</v>
      </c>
      <c r="H36" s="114">
        <v>67599</v>
      </c>
      <c r="I36" s="114">
        <v>320864</v>
      </c>
      <c r="J36" s="114">
        <v>202770</v>
      </c>
      <c r="K36" s="114">
        <v>278565</v>
      </c>
      <c r="L36" s="173">
        <v>1042150</v>
      </c>
      <c r="M36" s="116">
        <v>1049234</v>
      </c>
      <c r="N36" s="110">
        <v>7084</v>
      </c>
      <c r="O36" s="114">
        <v>0</v>
      </c>
      <c r="P36" s="113">
        <v>7084</v>
      </c>
      <c r="Q36" s="110">
        <v>0</v>
      </c>
      <c r="R36" s="114">
        <v>19901</v>
      </c>
      <c r="S36" s="114">
        <v>31283</v>
      </c>
      <c r="T36" s="114">
        <v>66206</v>
      </c>
      <c r="U36" s="114">
        <v>25235</v>
      </c>
      <c r="V36" s="114">
        <v>61054</v>
      </c>
      <c r="W36" s="113">
        <v>203679</v>
      </c>
      <c r="X36" s="116">
        <v>210763</v>
      </c>
      <c r="Y36" s="110">
        <v>0</v>
      </c>
      <c r="Z36" s="114">
        <v>0</v>
      </c>
      <c r="AA36" s="113">
        <v>0</v>
      </c>
      <c r="AB36" s="110">
        <v>0</v>
      </c>
      <c r="AC36" s="114">
        <v>13888</v>
      </c>
      <c r="AD36" s="114">
        <v>0</v>
      </c>
      <c r="AE36" s="114">
        <v>0</v>
      </c>
      <c r="AF36" s="114">
        <v>0</v>
      </c>
      <c r="AG36" s="114">
        <v>0</v>
      </c>
      <c r="AH36" s="113">
        <v>13888</v>
      </c>
      <c r="AI36" s="116">
        <v>13888</v>
      </c>
      <c r="AJ36" s="110">
        <v>0</v>
      </c>
      <c r="AK36" s="114">
        <v>0</v>
      </c>
      <c r="AL36" s="113">
        <v>0</v>
      </c>
      <c r="AM36" s="110">
        <v>0</v>
      </c>
      <c r="AN36" s="114">
        <v>0</v>
      </c>
      <c r="AO36" s="114">
        <v>0</v>
      </c>
      <c r="AP36" s="114">
        <v>18928</v>
      </c>
      <c r="AQ36" s="114">
        <v>0</v>
      </c>
      <c r="AR36" s="114">
        <v>20433</v>
      </c>
      <c r="AS36" s="113">
        <v>39361</v>
      </c>
      <c r="AT36" s="116">
        <v>39361</v>
      </c>
      <c r="AU36" s="110">
        <v>7084</v>
      </c>
      <c r="AV36" s="114">
        <v>0</v>
      </c>
      <c r="AW36" s="113">
        <v>7084</v>
      </c>
      <c r="AX36" s="110">
        <v>0</v>
      </c>
      <c r="AY36" s="114">
        <v>0</v>
      </c>
      <c r="AZ36" s="114">
        <v>22883</v>
      </c>
      <c r="BA36" s="114">
        <v>0</v>
      </c>
      <c r="BB36" s="114">
        <v>25235</v>
      </c>
      <c r="BC36" s="114">
        <v>26817</v>
      </c>
      <c r="BD36" s="113">
        <v>74935</v>
      </c>
      <c r="BE36" s="116">
        <v>82019</v>
      </c>
      <c r="BF36" s="110">
        <v>0</v>
      </c>
      <c r="BG36" s="114">
        <v>0</v>
      </c>
      <c r="BH36" s="112">
        <v>0</v>
      </c>
      <c r="BI36" s="111">
        <v>0</v>
      </c>
      <c r="BJ36" s="114">
        <v>0</v>
      </c>
      <c r="BK36" s="114">
        <v>0</v>
      </c>
      <c r="BL36" s="114">
        <v>47278</v>
      </c>
      <c r="BM36" s="114">
        <v>0</v>
      </c>
      <c r="BN36" s="114">
        <v>0</v>
      </c>
      <c r="BO36" s="113">
        <v>47278</v>
      </c>
      <c r="BP36" s="116">
        <v>47278</v>
      </c>
      <c r="BQ36" s="110">
        <v>0</v>
      </c>
      <c r="BR36" s="114">
        <v>0</v>
      </c>
      <c r="BS36" s="113">
        <v>0</v>
      </c>
      <c r="BT36" s="110">
        <v>0</v>
      </c>
      <c r="BU36" s="114">
        <v>6013</v>
      </c>
      <c r="BV36" s="114">
        <v>8400</v>
      </c>
      <c r="BW36" s="114">
        <v>0</v>
      </c>
      <c r="BX36" s="114">
        <v>0</v>
      </c>
      <c r="BY36" s="114">
        <v>13804</v>
      </c>
      <c r="BZ36" s="113">
        <v>28217</v>
      </c>
      <c r="CA36" s="116">
        <v>28217</v>
      </c>
      <c r="CB36" s="110">
        <v>0</v>
      </c>
      <c r="CC36" s="114">
        <v>0</v>
      </c>
      <c r="CD36" s="113">
        <v>0</v>
      </c>
      <c r="CE36" s="110">
        <v>0</v>
      </c>
      <c r="CF36" s="114">
        <v>0</v>
      </c>
      <c r="CG36" s="114">
        <v>21966</v>
      </c>
      <c r="CH36" s="114">
        <v>214597</v>
      </c>
      <c r="CI36" s="114">
        <v>96880</v>
      </c>
      <c r="CJ36" s="114">
        <v>0</v>
      </c>
      <c r="CK36" s="113">
        <v>333443</v>
      </c>
      <c r="CL36" s="116">
        <v>333443</v>
      </c>
      <c r="CM36" s="110">
        <v>0</v>
      </c>
      <c r="CN36" s="114">
        <v>0</v>
      </c>
      <c r="CO36" s="113">
        <v>0</v>
      </c>
      <c r="CP36" s="111">
        <v>0</v>
      </c>
      <c r="CQ36" s="114">
        <v>0</v>
      </c>
      <c r="CR36" s="114">
        <v>21966</v>
      </c>
      <c r="CS36" s="114">
        <v>214597</v>
      </c>
      <c r="CT36" s="114">
        <v>96880</v>
      </c>
      <c r="CU36" s="114">
        <v>0</v>
      </c>
      <c r="CV36" s="113">
        <v>333443</v>
      </c>
      <c r="CW36" s="116">
        <v>333443</v>
      </c>
      <c r="CX36" s="110">
        <v>0</v>
      </c>
      <c r="CY36" s="114">
        <v>0</v>
      </c>
      <c r="CZ36" s="113">
        <v>0</v>
      </c>
      <c r="DA36" s="110">
        <v>0</v>
      </c>
      <c r="DB36" s="114">
        <v>0</v>
      </c>
      <c r="DC36" s="114">
        <v>0</v>
      </c>
      <c r="DD36" s="114">
        <v>0</v>
      </c>
      <c r="DE36" s="114">
        <v>0</v>
      </c>
      <c r="DF36" s="114">
        <v>0</v>
      </c>
      <c r="DG36" s="113">
        <v>0</v>
      </c>
      <c r="DH36" s="116">
        <v>0</v>
      </c>
      <c r="DI36" s="110">
        <v>0</v>
      </c>
      <c r="DJ36" s="114">
        <v>0</v>
      </c>
      <c r="DK36" s="112">
        <v>0</v>
      </c>
      <c r="DL36" s="111">
        <v>0</v>
      </c>
      <c r="DM36" s="114">
        <v>0</v>
      </c>
      <c r="DN36" s="114">
        <v>0</v>
      </c>
      <c r="DO36" s="114">
        <v>0</v>
      </c>
      <c r="DP36" s="114">
        <v>72955</v>
      </c>
      <c r="DQ36" s="114">
        <v>0</v>
      </c>
      <c r="DR36" s="113">
        <v>72955</v>
      </c>
      <c r="DS36" s="116">
        <v>72955</v>
      </c>
      <c r="DT36" s="110">
        <v>0</v>
      </c>
      <c r="DU36" s="114">
        <v>0</v>
      </c>
      <c r="DV36" s="113">
        <v>0</v>
      </c>
      <c r="DW36" s="110">
        <v>0</v>
      </c>
      <c r="DX36" s="114">
        <v>0</v>
      </c>
      <c r="DY36" s="114">
        <v>0</v>
      </c>
      <c r="DZ36" s="114">
        <v>0</v>
      </c>
      <c r="EA36" s="114">
        <v>72955</v>
      </c>
      <c r="EB36" s="114">
        <v>0</v>
      </c>
      <c r="EC36" s="113">
        <v>72955</v>
      </c>
      <c r="ED36" s="116">
        <v>72955</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8"/>
      <c r="FE36" s="114">
        <v>0</v>
      </c>
      <c r="FF36" s="114">
        <v>0</v>
      </c>
      <c r="FG36" s="114">
        <v>0</v>
      </c>
      <c r="FH36" s="114">
        <v>0</v>
      </c>
      <c r="FI36" s="114">
        <v>0</v>
      </c>
      <c r="FJ36" s="113">
        <v>0</v>
      </c>
      <c r="FK36" s="116">
        <v>0</v>
      </c>
      <c r="FL36" s="110">
        <v>0</v>
      </c>
      <c r="FM36" s="114">
        <v>0</v>
      </c>
      <c r="FN36" s="113">
        <v>0</v>
      </c>
      <c r="FO36" s="110">
        <v>0</v>
      </c>
      <c r="FP36" s="114">
        <v>15925</v>
      </c>
      <c r="FQ36" s="114">
        <v>14350</v>
      </c>
      <c r="FR36" s="114">
        <v>40061</v>
      </c>
      <c r="FS36" s="114">
        <v>7700</v>
      </c>
      <c r="FT36" s="114">
        <v>15925</v>
      </c>
      <c r="FU36" s="113">
        <v>93961</v>
      </c>
      <c r="FV36" s="116">
        <v>93961</v>
      </c>
      <c r="FW36" s="115">
        <v>0</v>
      </c>
      <c r="FX36" s="114">
        <v>0</v>
      </c>
      <c r="FY36" s="112">
        <v>0</v>
      </c>
      <c r="FZ36" s="111">
        <v>0</v>
      </c>
      <c r="GA36" s="114">
        <v>15925</v>
      </c>
      <c r="GB36" s="114">
        <v>14350</v>
      </c>
      <c r="GC36" s="114">
        <v>40061</v>
      </c>
      <c r="GD36" s="114">
        <v>7700</v>
      </c>
      <c r="GE36" s="114">
        <v>15925</v>
      </c>
      <c r="GF36" s="113">
        <v>93961</v>
      </c>
      <c r="GG36" s="319">
        <v>93961</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136526</v>
      </c>
      <c r="HI36" s="114">
        <v>0</v>
      </c>
      <c r="HJ36" s="114">
        <v>0</v>
      </c>
      <c r="HK36" s="114">
        <v>0</v>
      </c>
      <c r="HL36" s="114">
        <v>201586</v>
      </c>
      <c r="HM36" s="113">
        <v>338112</v>
      </c>
      <c r="HN36" s="109">
        <v>338112</v>
      </c>
      <c r="HO36" s="329"/>
      <c r="HP36" s="330"/>
      <c r="HQ36" s="331"/>
      <c r="HR36" s="332"/>
      <c r="HS36" s="330"/>
      <c r="HT36" s="330"/>
      <c r="HU36" s="330"/>
      <c r="HV36" s="330"/>
      <c r="HW36" s="330"/>
      <c r="HX36" s="333"/>
      <c r="HY36" s="334"/>
      <c r="HZ36" s="150">
        <v>0</v>
      </c>
      <c r="IA36" s="135">
        <v>0</v>
      </c>
      <c r="IB36" s="150">
        <v>0</v>
      </c>
      <c r="IC36" s="134">
        <v>0</v>
      </c>
      <c r="ID36" s="135">
        <v>20455</v>
      </c>
      <c r="IE36" s="136">
        <v>282322</v>
      </c>
      <c r="IF36" s="137">
        <v>78576</v>
      </c>
      <c r="IG36" s="135">
        <v>0</v>
      </c>
      <c r="IH36" s="137">
        <v>213542</v>
      </c>
      <c r="II36" s="138">
        <v>594895</v>
      </c>
      <c r="IJ36" s="150">
        <v>594895</v>
      </c>
      <c r="IK36" s="232">
        <v>0</v>
      </c>
      <c r="IL36" s="236">
        <v>0</v>
      </c>
      <c r="IM36" s="237">
        <v>0</v>
      </c>
      <c r="IN36" s="140"/>
      <c r="IO36" s="119">
        <v>0</v>
      </c>
      <c r="IP36" s="119">
        <v>86688</v>
      </c>
      <c r="IQ36" s="119">
        <v>0</v>
      </c>
      <c r="IR36" s="119">
        <v>0</v>
      </c>
      <c r="IS36" s="119">
        <v>0</v>
      </c>
      <c r="IT36" s="141">
        <v>86688</v>
      </c>
      <c r="IU36" s="321">
        <v>86688</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20455</v>
      </c>
      <c r="JL36" s="119">
        <v>45360</v>
      </c>
      <c r="JM36" s="119">
        <v>78576</v>
      </c>
      <c r="JN36" s="119">
        <v>0</v>
      </c>
      <c r="JO36" s="119">
        <v>0</v>
      </c>
      <c r="JP36" s="120">
        <v>144391</v>
      </c>
      <c r="JQ36" s="321">
        <v>144391</v>
      </c>
      <c r="JR36" s="142">
        <v>0</v>
      </c>
      <c r="JS36" s="119">
        <v>0</v>
      </c>
      <c r="JT36" s="141">
        <v>0</v>
      </c>
      <c r="JU36" s="118">
        <v>0</v>
      </c>
      <c r="JV36" s="119">
        <v>0</v>
      </c>
      <c r="JW36" s="119">
        <v>0</v>
      </c>
      <c r="JX36" s="119">
        <v>0</v>
      </c>
      <c r="JY36" s="119">
        <v>0</v>
      </c>
      <c r="JZ36" s="119">
        <v>0</v>
      </c>
      <c r="KA36" s="120">
        <v>0</v>
      </c>
      <c r="KB36" s="321">
        <v>0</v>
      </c>
      <c r="KC36" s="234">
        <v>0</v>
      </c>
      <c r="KD36" s="230">
        <v>0</v>
      </c>
      <c r="KE36" s="120">
        <v>0</v>
      </c>
      <c r="KF36" s="118">
        <v>0</v>
      </c>
      <c r="KG36" s="119">
        <v>0</v>
      </c>
      <c r="KH36" s="119">
        <v>150274</v>
      </c>
      <c r="KI36" s="119">
        <v>0</v>
      </c>
      <c r="KJ36" s="119">
        <v>0</v>
      </c>
      <c r="KK36" s="119">
        <v>0</v>
      </c>
      <c r="KL36" s="120">
        <v>150274</v>
      </c>
      <c r="KM36" s="143">
        <v>150274</v>
      </c>
      <c r="KN36" s="232">
        <v>0</v>
      </c>
      <c r="KO36" s="236">
        <v>0</v>
      </c>
      <c r="KP36" s="237">
        <v>0</v>
      </c>
      <c r="KQ36" s="140">
        <v>0</v>
      </c>
      <c r="KR36" s="119">
        <v>0</v>
      </c>
      <c r="KS36" s="119">
        <v>0</v>
      </c>
      <c r="KT36" s="119">
        <v>0</v>
      </c>
      <c r="KU36" s="119">
        <v>0</v>
      </c>
      <c r="KV36" s="119">
        <v>213542</v>
      </c>
      <c r="KW36" s="120">
        <v>213542</v>
      </c>
      <c r="KX36" s="321">
        <v>213542</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1">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08894</v>
      </c>
      <c r="ML36" s="119">
        <v>384782</v>
      </c>
      <c r="MM36" s="119">
        <v>194173</v>
      </c>
      <c r="MN36" s="119">
        <v>270214</v>
      </c>
      <c r="MO36" s="120">
        <v>1058063</v>
      </c>
      <c r="MP36" s="143">
        <v>1058063</v>
      </c>
      <c r="MQ36" s="142">
        <v>0</v>
      </c>
      <c r="MR36" s="119">
        <v>0</v>
      </c>
      <c r="MS36" s="120">
        <v>0</v>
      </c>
      <c r="MT36" s="145"/>
      <c r="MU36" s="119">
        <v>0</v>
      </c>
      <c r="MV36" s="119">
        <v>0</v>
      </c>
      <c r="MW36" s="119">
        <v>384782</v>
      </c>
      <c r="MX36" s="119">
        <v>194173</v>
      </c>
      <c r="MY36" s="119">
        <v>0</v>
      </c>
      <c r="MZ36" s="120">
        <v>578955</v>
      </c>
      <c r="NA36" s="143">
        <v>578955</v>
      </c>
      <c r="NB36" s="142">
        <v>0</v>
      </c>
      <c r="NC36" s="119">
        <v>0</v>
      </c>
      <c r="ND36" s="120">
        <v>0</v>
      </c>
      <c r="NE36" s="145"/>
      <c r="NF36" s="119">
        <v>0</v>
      </c>
      <c r="NG36" s="119">
        <v>208894</v>
      </c>
      <c r="NH36" s="119">
        <v>0</v>
      </c>
      <c r="NI36" s="119">
        <v>0</v>
      </c>
      <c r="NJ36" s="119">
        <v>270214</v>
      </c>
      <c r="NK36" s="120">
        <v>479108</v>
      </c>
      <c r="NL36" s="321">
        <v>479108</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7084</v>
      </c>
      <c r="OJ36" s="119">
        <v>0</v>
      </c>
      <c r="OK36" s="141">
        <v>7084</v>
      </c>
      <c r="OL36" s="118">
        <v>0</v>
      </c>
      <c r="OM36" s="119">
        <v>192807</v>
      </c>
      <c r="ON36" s="119">
        <v>558815</v>
      </c>
      <c r="OO36" s="119">
        <v>784222</v>
      </c>
      <c r="OP36" s="119">
        <v>396943</v>
      </c>
      <c r="OQ36" s="119">
        <v>762321</v>
      </c>
      <c r="OR36" s="120">
        <v>2695108</v>
      </c>
      <c r="OS36" s="143">
        <v>2702192</v>
      </c>
    </row>
    <row r="37" spans="2:409" ht="20.25" customHeight="1" x14ac:dyDescent="0.2">
      <c r="B37" s="126" t="s">
        <v>32</v>
      </c>
      <c r="C37" s="110">
        <v>35329</v>
      </c>
      <c r="D37" s="114">
        <v>4060</v>
      </c>
      <c r="E37" s="174">
        <v>39389</v>
      </c>
      <c r="F37" s="175">
        <v>0</v>
      </c>
      <c r="G37" s="176">
        <v>260007</v>
      </c>
      <c r="H37" s="176">
        <v>472334</v>
      </c>
      <c r="I37" s="176">
        <v>184043</v>
      </c>
      <c r="J37" s="176">
        <v>549411</v>
      </c>
      <c r="K37" s="176">
        <v>203378</v>
      </c>
      <c r="L37" s="177">
        <v>1669173</v>
      </c>
      <c r="M37" s="116">
        <v>1708562</v>
      </c>
      <c r="N37" s="110">
        <v>20559</v>
      </c>
      <c r="O37" s="114">
        <v>0</v>
      </c>
      <c r="P37" s="113">
        <v>20559</v>
      </c>
      <c r="Q37" s="110">
        <v>0</v>
      </c>
      <c r="R37" s="114">
        <v>46186</v>
      </c>
      <c r="S37" s="114">
        <v>106610</v>
      </c>
      <c r="T37" s="114">
        <v>50918</v>
      </c>
      <c r="U37" s="114">
        <v>210458</v>
      </c>
      <c r="V37" s="114">
        <v>13692</v>
      </c>
      <c r="W37" s="113">
        <v>427864</v>
      </c>
      <c r="X37" s="116">
        <v>448423</v>
      </c>
      <c r="Y37" s="110">
        <v>0</v>
      </c>
      <c r="Z37" s="114">
        <v>0</v>
      </c>
      <c r="AA37" s="113">
        <v>0</v>
      </c>
      <c r="AB37" s="110">
        <v>0</v>
      </c>
      <c r="AC37" s="114">
        <v>0</v>
      </c>
      <c r="AD37" s="114">
        <v>31003</v>
      </c>
      <c r="AE37" s="114">
        <v>28070</v>
      </c>
      <c r="AF37" s="114">
        <v>164577</v>
      </c>
      <c r="AG37" s="114">
        <v>0</v>
      </c>
      <c r="AH37" s="113">
        <v>223650</v>
      </c>
      <c r="AI37" s="116">
        <v>223650</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57141</v>
      </c>
      <c r="BA37" s="114">
        <v>0</v>
      </c>
      <c r="BB37" s="114">
        <v>17713</v>
      </c>
      <c r="BC37" s="114">
        <v>0</v>
      </c>
      <c r="BD37" s="113">
        <v>74854</v>
      </c>
      <c r="BE37" s="116">
        <v>74854</v>
      </c>
      <c r="BF37" s="110">
        <v>20559</v>
      </c>
      <c r="BG37" s="114">
        <v>0</v>
      </c>
      <c r="BH37" s="112">
        <v>20559</v>
      </c>
      <c r="BI37" s="111">
        <v>0</v>
      </c>
      <c r="BJ37" s="114">
        <v>26768</v>
      </c>
      <c r="BK37" s="114">
        <v>0</v>
      </c>
      <c r="BL37" s="114">
        <v>13384</v>
      </c>
      <c r="BM37" s="114">
        <v>0</v>
      </c>
      <c r="BN37" s="114">
        <v>0</v>
      </c>
      <c r="BO37" s="113">
        <v>40152</v>
      </c>
      <c r="BP37" s="116">
        <v>60711</v>
      </c>
      <c r="BQ37" s="110">
        <v>0</v>
      </c>
      <c r="BR37" s="114">
        <v>0</v>
      </c>
      <c r="BS37" s="113">
        <v>0</v>
      </c>
      <c r="BT37" s="110">
        <v>0</v>
      </c>
      <c r="BU37" s="114">
        <v>19418</v>
      </c>
      <c r="BV37" s="114">
        <v>18466</v>
      </c>
      <c r="BW37" s="114">
        <v>9464</v>
      </c>
      <c r="BX37" s="114">
        <v>28168</v>
      </c>
      <c r="BY37" s="114">
        <v>13692</v>
      </c>
      <c r="BZ37" s="113">
        <v>89208</v>
      </c>
      <c r="CA37" s="116">
        <v>89208</v>
      </c>
      <c r="CB37" s="110">
        <v>0</v>
      </c>
      <c r="CC37" s="114">
        <v>0</v>
      </c>
      <c r="CD37" s="113">
        <v>0</v>
      </c>
      <c r="CE37" s="110">
        <v>0</v>
      </c>
      <c r="CF37" s="114">
        <v>66124</v>
      </c>
      <c r="CG37" s="114">
        <v>199733</v>
      </c>
      <c r="CH37" s="114">
        <v>72827</v>
      </c>
      <c r="CI37" s="114">
        <v>64426</v>
      </c>
      <c r="CJ37" s="114">
        <v>0</v>
      </c>
      <c r="CK37" s="113">
        <v>403110</v>
      </c>
      <c r="CL37" s="116">
        <v>403110</v>
      </c>
      <c r="CM37" s="110">
        <v>0</v>
      </c>
      <c r="CN37" s="114">
        <v>0</v>
      </c>
      <c r="CO37" s="113">
        <v>0</v>
      </c>
      <c r="CP37" s="111">
        <v>0</v>
      </c>
      <c r="CQ37" s="114">
        <v>66124</v>
      </c>
      <c r="CR37" s="114">
        <v>136607</v>
      </c>
      <c r="CS37" s="114">
        <v>0</v>
      </c>
      <c r="CT37" s="114">
        <v>0</v>
      </c>
      <c r="CU37" s="114">
        <v>0</v>
      </c>
      <c r="CV37" s="113">
        <v>202731</v>
      </c>
      <c r="CW37" s="116">
        <v>202731</v>
      </c>
      <c r="CX37" s="110">
        <v>0</v>
      </c>
      <c r="CY37" s="114">
        <v>0</v>
      </c>
      <c r="CZ37" s="113">
        <v>0</v>
      </c>
      <c r="DA37" s="110">
        <v>0</v>
      </c>
      <c r="DB37" s="114">
        <v>0</v>
      </c>
      <c r="DC37" s="114">
        <v>63126</v>
      </c>
      <c r="DD37" s="114">
        <v>72827</v>
      </c>
      <c r="DE37" s="114">
        <v>64426</v>
      </c>
      <c r="DF37" s="114">
        <v>0</v>
      </c>
      <c r="DG37" s="113">
        <v>200379</v>
      </c>
      <c r="DH37" s="116">
        <v>200379</v>
      </c>
      <c r="DI37" s="110">
        <v>0</v>
      </c>
      <c r="DJ37" s="114">
        <v>0</v>
      </c>
      <c r="DK37" s="112">
        <v>0</v>
      </c>
      <c r="DL37" s="111">
        <v>0</v>
      </c>
      <c r="DM37" s="114">
        <v>0</v>
      </c>
      <c r="DN37" s="114">
        <v>0</v>
      </c>
      <c r="DO37" s="114">
        <v>0</v>
      </c>
      <c r="DP37" s="114">
        <v>54251</v>
      </c>
      <c r="DQ37" s="114">
        <v>0</v>
      </c>
      <c r="DR37" s="113">
        <v>54251</v>
      </c>
      <c r="DS37" s="116">
        <v>54251</v>
      </c>
      <c r="DT37" s="110">
        <v>0</v>
      </c>
      <c r="DU37" s="114">
        <v>0</v>
      </c>
      <c r="DV37" s="113">
        <v>0</v>
      </c>
      <c r="DW37" s="110">
        <v>0</v>
      </c>
      <c r="DX37" s="114">
        <v>0</v>
      </c>
      <c r="DY37" s="114">
        <v>0</v>
      </c>
      <c r="DZ37" s="114">
        <v>0</v>
      </c>
      <c r="EA37" s="114">
        <v>23580</v>
      </c>
      <c r="EB37" s="114">
        <v>0</v>
      </c>
      <c r="EC37" s="113">
        <v>23580</v>
      </c>
      <c r="ED37" s="116">
        <v>23580</v>
      </c>
      <c r="EE37" s="110">
        <v>0</v>
      </c>
      <c r="EF37" s="112">
        <v>0</v>
      </c>
      <c r="EG37" s="113">
        <v>0</v>
      </c>
      <c r="EH37" s="110">
        <v>0</v>
      </c>
      <c r="EI37" s="114">
        <v>0</v>
      </c>
      <c r="EJ37" s="114">
        <v>0</v>
      </c>
      <c r="EK37" s="114">
        <v>0</v>
      </c>
      <c r="EL37" s="114">
        <v>30671</v>
      </c>
      <c r="EM37" s="114">
        <v>0</v>
      </c>
      <c r="EN37" s="112">
        <v>30671</v>
      </c>
      <c r="EO37" s="116">
        <v>30671</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8"/>
      <c r="FE37" s="114">
        <v>0</v>
      </c>
      <c r="FF37" s="114">
        <v>0</v>
      </c>
      <c r="FG37" s="114">
        <v>0</v>
      </c>
      <c r="FH37" s="114">
        <v>0</v>
      </c>
      <c r="FI37" s="114">
        <v>0</v>
      </c>
      <c r="FJ37" s="113">
        <v>0</v>
      </c>
      <c r="FK37" s="116">
        <v>0</v>
      </c>
      <c r="FL37" s="110">
        <v>14770</v>
      </c>
      <c r="FM37" s="114">
        <v>4060</v>
      </c>
      <c r="FN37" s="113">
        <v>18830</v>
      </c>
      <c r="FO37" s="110">
        <v>0</v>
      </c>
      <c r="FP37" s="114">
        <v>11830</v>
      </c>
      <c r="FQ37" s="114">
        <v>22400</v>
      </c>
      <c r="FR37" s="114">
        <v>60298</v>
      </c>
      <c r="FS37" s="114">
        <v>46445</v>
      </c>
      <c r="FT37" s="114">
        <v>0</v>
      </c>
      <c r="FU37" s="113">
        <v>140973</v>
      </c>
      <c r="FV37" s="116">
        <v>159803</v>
      </c>
      <c r="FW37" s="115">
        <v>14770</v>
      </c>
      <c r="FX37" s="114">
        <v>4060</v>
      </c>
      <c r="FY37" s="112">
        <v>18830</v>
      </c>
      <c r="FZ37" s="111">
        <v>0</v>
      </c>
      <c r="GA37" s="114">
        <v>11830</v>
      </c>
      <c r="GB37" s="114">
        <v>22400</v>
      </c>
      <c r="GC37" s="114">
        <v>60298</v>
      </c>
      <c r="GD37" s="114">
        <v>46445</v>
      </c>
      <c r="GE37" s="114">
        <v>0</v>
      </c>
      <c r="GF37" s="113">
        <v>140973</v>
      </c>
      <c r="GG37" s="319">
        <v>159803</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135867</v>
      </c>
      <c r="HI37" s="114">
        <v>143591</v>
      </c>
      <c r="HJ37" s="114">
        <v>0</v>
      </c>
      <c r="HK37" s="114">
        <v>173831</v>
      </c>
      <c r="HL37" s="114">
        <v>189686</v>
      </c>
      <c r="HM37" s="113">
        <v>642975</v>
      </c>
      <c r="HN37" s="109">
        <v>642975</v>
      </c>
      <c r="HO37" s="329"/>
      <c r="HP37" s="330"/>
      <c r="HQ37" s="331"/>
      <c r="HR37" s="332"/>
      <c r="HS37" s="330"/>
      <c r="HT37" s="330"/>
      <c r="HU37" s="330"/>
      <c r="HV37" s="330"/>
      <c r="HW37" s="330"/>
      <c r="HX37" s="333"/>
      <c r="HY37" s="334"/>
      <c r="HZ37" s="131">
        <v>0</v>
      </c>
      <c r="IA37" s="132">
        <v>0</v>
      </c>
      <c r="IB37" s="133">
        <v>0</v>
      </c>
      <c r="IC37" s="146">
        <v>0</v>
      </c>
      <c r="ID37" s="132">
        <v>229355</v>
      </c>
      <c r="IE37" s="147">
        <v>424340</v>
      </c>
      <c r="IF37" s="133">
        <v>243029</v>
      </c>
      <c r="IG37" s="132">
        <v>43470</v>
      </c>
      <c r="IH37" s="133">
        <v>217042</v>
      </c>
      <c r="II37" s="148">
        <v>1157236</v>
      </c>
      <c r="IJ37" s="139">
        <v>1157236</v>
      </c>
      <c r="IK37" s="232">
        <v>0</v>
      </c>
      <c r="IL37" s="236">
        <v>0</v>
      </c>
      <c r="IM37" s="237">
        <v>0</v>
      </c>
      <c r="IN37" s="140"/>
      <c r="IO37" s="119">
        <v>0</v>
      </c>
      <c r="IP37" s="119">
        <v>82026</v>
      </c>
      <c r="IQ37" s="119">
        <v>0</v>
      </c>
      <c r="IR37" s="119">
        <v>0</v>
      </c>
      <c r="IS37" s="119">
        <v>0</v>
      </c>
      <c r="IT37" s="141">
        <v>82026</v>
      </c>
      <c r="IU37" s="321">
        <v>82026</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27188</v>
      </c>
      <c r="JL37" s="119">
        <v>23758</v>
      </c>
      <c r="JM37" s="119">
        <v>33904</v>
      </c>
      <c r="JN37" s="119">
        <v>43470</v>
      </c>
      <c r="JO37" s="119">
        <v>0</v>
      </c>
      <c r="JP37" s="120">
        <v>128320</v>
      </c>
      <c r="JQ37" s="321">
        <v>128320</v>
      </c>
      <c r="JR37" s="142">
        <v>0</v>
      </c>
      <c r="JS37" s="119">
        <v>0</v>
      </c>
      <c r="JT37" s="141">
        <v>0</v>
      </c>
      <c r="JU37" s="118">
        <v>0</v>
      </c>
      <c r="JV37" s="119">
        <v>0</v>
      </c>
      <c r="JW37" s="119">
        <v>0</v>
      </c>
      <c r="JX37" s="119">
        <v>0</v>
      </c>
      <c r="JY37" s="119">
        <v>0</v>
      </c>
      <c r="JZ37" s="119">
        <v>0</v>
      </c>
      <c r="KA37" s="120">
        <v>0</v>
      </c>
      <c r="KB37" s="321">
        <v>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v>0</v>
      </c>
      <c r="KR37" s="119">
        <v>202167</v>
      </c>
      <c r="KS37" s="119">
        <v>165963</v>
      </c>
      <c r="KT37" s="119">
        <v>209125</v>
      </c>
      <c r="KU37" s="119">
        <v>0</v>
      </c>
      <c r="KV37" s="119">
        <v>217042</v>
      </c>
      <c r="KW37" s="120">
        <v>794297</v>
      </c>
      <c r="KX37" s="321">
        <v>794297</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152593</v>
      </c>
      <c r="LP37" s="119">
        <v>0</v>
      </c>
      <c r="LQ37" s="119">
        <v>0</v>
      </c>
      <c r="LR37" s="119">
        <v>0</v>
      </c>
      <c r="LS37" s="120">
        <v>152593</v>
      </c>
      <c r="LT37" s="321">
        <v>152593</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0</v>
      </c>
      <c r="MN37" s="119">
        <v>246997</v>
      </c>
      <c r="MO37" s="120">
        <v>246997</v>
      </c>
      <c r="MP37" s="143">
        <v>246997</v>
      </c>
      <c r="MQ37" s="142">
        <v>0</v>
      </c>
      <c r="MR37" s="119">
        <v>0</v>
      </c>
      <c r="MS37" s="120">
        <v>0</v>
      </c>
      <c r="MT37" s="145"/>
      <c r="MU37" s="119">
        <v>0</v>
      </c>
      <c r="MV37" s="119">
        <v>0</v>
      </c>
      <c r="MW37" s="119">
        <v>0</v>
      </c>
      <c r="MX37" s="119">
        <v>0</v>
      </c>
      <c r="MY37" s="119">
        <v>246997</v>
      </c>
      <c r="MZ37" s="120">
        <v>246997</v>
      </c>
      <c r="NA37" s="143">
        <v>246997</v>
      </c>
      <c r="NB37" s="142">
        <v>0</v>
      </c>
      <c r="NC37" s="119">
        <v>0</v>
      </c>
      <c r="ND37" s="120">
        <v>0</v>
      </c>
      <c r="NE37" s="145"/>
      <c r="NF37" s="119">
        <v>0</v>
      </c>
      <c r="NG37" s="119">
        <v>0</v>
      </c>
      <c r="NH37" s="119">
        <v>0</v>
      </c>
      <c r="NI37" s="119">
        <v>0</v>
      </c>
      <c r="NJ37" s="119">
        <v>0</v>
      </c>
      <c r="NK37" s="120">
        <v>0</v>
      </c>
      <c r="NL37" s="321">
        <v>0</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35329</v>
      </c>
      <c r="OJ37" s="119">
        <v>4060</v>
      </c>
      <c r="OK37" s="141">
        <v>39389</v>
      </c>
      <c r="OL37" s="118">
        <v>0</v>
      </c>
      <c r="OM37" s="119">
        <v>489362</v>
      </c>
      <c r="ON37" s="119">
        <v>896674</v>
      </c>
      <c r="OO37" s="119">
        <v>427072</v>
      </c>
      <c r="OP37" s="119">
        <v>592881</v>
      </c>
      <c r="OQ37" s="119">
        <v>667417</v>
      </c>
      <c r="OR37" s="120">
        <v>3073406</v>
      </c>
      <c r="OS37" s="143">
        <v>3112795</v>
      </c>
    </row>
    <row r="38" spans="2:409" ht="20.25" customHeight="1" x14ac:dyDescent="0.2">
      <c r="B38" s="126" t="s">
        <v>33</v>
      </c>
      <c r="C38" s="110">
        <v>131500</v>
      </c>
      <c r="D38" s="114">
        <v>4900</v>
      </c>
      <c r="E38" s="113">
        <v>136400</v>
      </c>
      <c r="F38" s="109">
        <v>0</v>
      </c>
      <c r="G38" s="114">
        <v>367574</v>
      </c>
      <c r="H38" s="114">
        <v>311522</v>
      </c>
      <c r="I38" s="114">
        <v>654180</v>
      </c>
      <c r="J38" s="114">
        <v>895530</v>
      </c>
      <c r="K38" s="114">
        <v>86887</v>
      </c>
      <c r="L38" s="173">
        <v>2315693</v>
      </c>
      <c r="M38" s="116">
        <v>2452093</v>
      </c>
      <c r="N38" s="110">
        <v>37378</v>
      </c>
      <c r="O38" s="114">
        <v>0</v>
      </c>
      <c r="P38" s="113">
        <v>37378</v>
      </c>
      <c r="Q38" s="110">
        <v>0</v>
      </c>
      <c r="R38" s="114">
        <v>99568</v>
      </c>
      <c r="S38" s="114">
        <v>131510</v>
      </c>
      <c r="T38" s="114">
        <v>263443</v>
      </c>
      <c r="U38" s="114">
        <v>308447</v>
      </c>
      <c r="V38" s="114">
        <v>41751</v>
      </c>
      <c r="W38" s="113">
        <v>844719</v>
      </c>
      <c r="X38" s="116">
        <v>882097</v>
      </c>
      <c r="Y38" s="110">
        <v>0</v>
      </c>
      <c r="Z38" s="114">
        <v>0</v>
      </c>
      <c r="AA38" s="113">
        <v>0</v>
      </c>
      <c r="AB38" s="110">
        <v>0</v>
      </c>
      <c r="AC38" s="114">
        <v>42310</v>
      </c>
      <c r="AD38" s="114">
        <v>0</v>
      </c>
      <c r="AE38" s="114">
        <v>92306</v>
      </c>
      <c r="AF38" s="114">
        <v>23362</v>
      </c>
      <c r="AG38" s="114">
        <v>0</v>
      </c>
      <c r="AH38" s="113">
        <v>157978</v>
      </c>
      <c r="AI38" s="116">
        <v>157978</v>
      </c>
      <c r="AJ38" s="110">
        <v>0</v>
      </c>
      <c r="AK38" s="114">
        <v>0</v>
      </c>
      <c r="AL38" s="113">
        <v>0</v>
      </c>
      <c r="AM38" s="110">
        <v>0</v>
      </c>
      <c r="AN38" s="114">
        <v>0</v>
      </c>
      <c r="AO38" s="114">
        <v>0</v>
      </c>
      <c r="AP38" s="114">
        <v>0</v>
      </c>
      <c r="AQ38" s="114">
        <v>50757</v>
      </c>
      <c r="AR38" s="114">
        <v>0</v>
      </c>
      <c r="AS38" s="113">
        <v>50757</v>
      </c>
      <c r="AT38" s="116">
        <v>50757</v>
      </c>
      <c r="AU38" s="110">
        <v>0</v>
      </c>
      <c r="AV38" s="114">
        <v>0</v>
      </c>
      <c r="AW38" s="113">
        <v>0</v>
      </c>
      <c r="AX38" s="110">
        <v>0</v>
      </c>
      <c r="AY38" s="114">
        <v>16597</v>
      </c>
      <c r="AZ38" s="114">
        <v>47366</v>
      </c>
      <c r="BA38" s="114">
        <v>136972</v>
      </c>
      <c r="BB38" s="114">
        <v>47740</v>
      </c>
      <c r="BC38" s="114">
        <v>34513</v>
      </c>
      <c r="BD38" s="113">
        <v>283188</v>
      </c>
      <c r="BE38" s="116">
        <v>283188</v>
      </c>
      <c r="BF38" s="110">
        <v>27592</v>
      </c>
      <c r="BG38" s="114">
        <v>0</v>
      </c>
      <c r="BH38" s="112">
        <v>27592</v>
      </c>
      <c r="BI38" s="111">
        <v>0</v>
      </c>
      <c r="BJ38" s="114">
        <v>33423</v>
      </c>
      <c r="BK38" s="114">
        <v>60162</v>
      </c>
      <c r="BL38" s="114">
        <v>20053</v>
      </c>
      <c r="BM38" s="114">
        <v>184201</v>
      </c>
      <c r="BN38" s="114">
        <v>0</v>
      </c>
      <c r="BO38" s="113">
        <v>297839</v>
      </c>
      <c r="BP38" s="116">
        <v>325431</v>
      </c>
      <c r="BQ38" s="110">
        <v>9786</v>
      </c>
      <c r="BR38" s="114">
        <v>0</v>
      </c>
      <c r="BS38" s="113">
        <v>9786</v>
      </c>
      <c r="BT38" s="110">
        <v>0</v>
      </c>
      <c r="BU38" s="114">
        <v>7238</v>
      </c>
      <c r="BV38" s="114">
        <v>23982</v>
      </c>
      <c r="BW38" s="114">
        <v>14112</v>
      </c>
      <c r="BX38" s="114">
        <v>2387</v>
      </c>
      <c r="BY38" s="114">
        <v>7238</v>
      </c>
      <c r="BZ38" s="113">
        <v>54957</v>
      </c>
      <c r="CA38" s="116">
        <v>64743</v>
      </c>
      <c r="CB38" s="110">
        <v>0</v>
      </c>
      <c r="CC38" s="114">
        <v>0</v>
      </c>
      <c r="CD38" s="113">
        <v>0</v>
      </c>
      <c r="CE38" s="110">
        <v>0</v>
      </c>
      <c r="CF38" s="114">
        <v>131022</v>
      </c>
      <c r="CG38" s="114">
        <v>0</v>
      </c>
      <c r="CH38" s="114">
        <v>0</v>
      </c>
      <c r="CI38" s="114">
        <v>374248</v>
      </c>
      <c r="CJ38" s="114">
        <v>0</v>
      </c>
      <c r="CK38" s="113">
        <v>505270</v>
      </c>
      <c r="CL38" s="116">
        <v>505270</v>
      </c>
      <c r="CM38" s="110">
        <v>0</v>
      </c>
      <c r="CN38" s="114">
        <v>0</v>
      </c>
      <c r="CO38" s="113">
        <v>0</v>
      </c>
      <c r="CP38" s="111">
        <v>0</v>
      </c>
      <c r="CQ38" s="114">
        <v>62842</v>
      </c>
      <c r="CR38" s="114">
        <v>0</v>
      </c>
      <c r="CS38" s="114">
        <v>0</v>
      </c>
      <c r="CT38" s="114">
        <v>317688</v>
      </c>
      <c r="CU38" s="114">
        <v>0</v>
      </c>
      <c r="CV38" s="113">
        <v>380530</v>
      </c>
      <c r="CW38" s="116">
        <v>380530</v>
      </c>
      <c r="CX38" s="110">
        <v>0</v>
      </c>
      <c r="CY38" s="114">
        <v>0</v>
      </c>
      <c r="CZ38" s="113">
        <v>0</v>
      </c>
      <c r="DA38" s="110">
        <v>0</v>
      </c>
      <c r="DB38" s="114">
        <v>68180</v>
      </c>
      <c r="DC38" s="114">
        <v>0</v>
      </c>
      <c r="DD38" s="114">
        <v>0</v>
      </c>
      <c r="DE38" s="114">
        <v>56560</v>
      </c>
      <c r="DF38" s="114">
        <v>0</v>
      </c>
      <c r="DG38" s="113">
        <v>124740</v>
      </c>
      <c r="DH38" s="116">
        <v>124740</v>
      </c>
      <c r="DI38" s="110">
        <v>0</v>
      </c>
      <c r="DJ38" s="114">
        <v>0</v>
      </c>
      <c r="DK38" s="112">
        <v>0</v>
      </c>
      <c r="DL38" s="111">
        <v>0</v>
      </c>
      <c r="DM38" s="114">
        <v>0</v>
      </c>
      <c r="DN38" s="114">
        <v>0</v>
      </c>
      <c r="DO38" s="114">
        <v>21114</v>
      </c>
      <c r="DP38" s="114">
        <v>0</v>
      </c>
      <c r="DQ38" s="114">
        <v>0</v>
      </c>
      <c r="DR38" s="113">
        <v>21114</v>
      </c>
      <c r="DS38" s="116">
        <v>21114</v>
      </c>
      <c r="DT38" s="110">
        <v>0</v>
      </c>
      <c r="DU38" s="114">
        <v>0</v>
      </c>
      <c r="DV38" s="113">
        <v>0</v>
      </c>
      <c r="DW38" s="110">
        <v>0</v>
      </c>
      <c r="DX38" s="114">
        <v>0</v>
      </c>
      <c r="DY38" s="114">
        <v>0</v>
      </c>
      <c r="DZ38" s="114">
        <v>21114</v>
      </c>
      <c r="EA38" s="114">
        <v>0</v>
      </c>
      <c r="EB38" s="114">
        <v>0</v>
      </c>
      <c r="EC38" s="113">
        <v>21114</v>
      </c>
      <c r="ED38" s="116">
        <v>21114</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8"/>
      <c r="FE38" s="114">
        <v>0</v>
      </c>
      <c r="FF38" s="114">
        <v>0</v>
      </c>
      <c r="FG38" s="114">
        <v>0</v>
      </c>
      <c r="FH38" s="114">
        <v>0</v>
      </c>
      <c r="FI38" s="114">
        <v>0</v>
      </c>
      <c r="FJ38" s="113">
        <v>0</v>
      </c>
      <c r="FK38" s="116">
        <v>0</v>
      </c>
      <c r="FL38" s="110">
        <v>0</v>
      </c>
      <c r="FM38" s="114">
        <v>4900</v>
      </c>
      <c r="FN38" s="113">
        <v>4900</v>
      </c>
      <c r="FO38" s="110">
        <v>0</v>
      </c>
      <c r="FP38" s="114">
        <v>3500</v>
      </c>
      <c r="FQ38" s="114">
        <v>29960</v>
      </c>
      <c r="FR38" s="114">
        <v>28000</v>
      </c>
      <c r="FS38" s="114">
        <v>22617</v>
      </c>
      <c r="FT38" s="114">
        <v>45136</v>
      </c>
      <c r="FU38" s="113">
        <v>129213</v>
      </c>
      <c r="FV38" s="116">
        <v>134113</v>
      </c>
      <c r="FW38" s="115">
        <v>0</v>
      </c>
      <c r="FX38" s="114">
        <v>4900</v>
      </c>
      <c r="FY38" s="112">
        <v>4900</v>
      </c>
      <c r="FZ38" s="111">
        <v>0</v>
      </c>
      <c r="GA38" s="114">
        <v>3500</v>
      </c>
      <c r="GB38" s="114">
        <v>29960</v>
      </c>
      <c r="GC38" s="114">
        <v>28000</v>
      </c>
      <c r="GD38" s="114">
        <v>22617</v>
      </c>
      <c r="GE38" s="114">
        <v>45136</v>
      </c>
      <c r="GF38" s="113">
        <v>129213</v>
      </c>
      <c r="GG38" s="319">
        <v>134113</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94122</v>
      </c>
      <c r="HE38" s="114">
        <v>0</v>
      </c>
      <c r="HF38" s="112">
        <v>94122</v>
      </c>
      <c r="HG38" s="111">
        <v>0</v>
      </c>
      <c r="HH38" s="114">
        <v>133484</v>
      </c>
      <c r="HI38" s="114">
        <v>150052</v>
      </c>
      <c r="HJ38" s="114">
        <v>341623</v>
      </c>
      <c r="HK38" s="114">
        <v>190218</v>
      </c>
      <c r="HL38" s="114">
        <v>0</v>
      </c>
      <c r="HM38" s="113">
        <v>815377</v>
      </c>
      <c r="HN38" s="109">
        <v>909499</v>
      </c>
      <c r="HO38" s="329"/>
      <c r="HP38" s="330"/>
      <c r="HQ38" s="331"/>
      <c r="HR38" s="332"/>
      <c r="HS38" s="330"/>
      <c r="HT38" s="330"/>
      <c r="HU38" s="330"/>
      <c r="HV38" s="330"/>
      <c r="HW38" s="330"/>
      <c r="HX38" s="333"/>
      <c r="HY38" s="334"/>
      <c r="HZ38" s="150">
        <v>0</v>
      </c>
      <c r="IA38" s="135">
        <v>0</v>
      </c>
      <c r="IB38" s="150">
        <v>0</v>
      </c>
      <c r="IC38" s="146">
        <v>0</v>
      </c>
      <c r="ID38" s="132">
        <v>0</v>
      </c>
      <c r="IE38" s="147">
        <v>0</v>
      </c>
      <c r="IF38" s="133">
        <v>90235</v>
      </c>
      <c r="IG38" s="132">
        <v>0</v>
      </c>
      <c r="IH38" s="133">
        <v>239532</v>
      </c>
      <c r="II38" s="148">
        <v>329767</v>
      </c>
      <c r="IJ38" s="150">
        <v>329767</v>
      </c>
      <c r="IK38" s="232">
        <v>0</v>
      </c>
      <c r="IL38" s="236">
        <v>0</v>
      </c>
      <c r="IM38" s="237">
        <v>0</v>
      </c>
      <c r="IN38" s="140"/>
      <c r="IO38" s="119">
        <v>0</v>
      </c>
      <c r="IP38" s="119">
        <v>0</v>
      </c>
      <c r="IQ38" s="119">
        <v>0</v>
      </c>
      <c r="IR38" s="119">
        <v>0</v>
      </c>
      <c r="IS38" s="119">
        <v>0</v>
      </c>
      <c r="IT38" s="141">
        <v>0</v>
      </c>
      <c r="IU38" s="321">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0</v>
      </c>
      <c r="JL38" s="119">
        <v>0</v>
      </c>
      <c r="JM38" s="119">
        <v>90235</v>
      </c>
      <c r="JN38" s="119">
        <v>0</v>
      </c>
      <c r="JO38" s="119">
        <v>0</v>
      </c>
      <c r="JP38" s="120">
        <v>90235</v>
      </c>
      <c r="JQ38" s="321">
        <v>90235</v>
      </c>
      <c r="JR38" s="142">
        <v>0</v>
      </c>
      <c r="JS38" s="119">
        <v>0</v>
      </c>
      <c r="JT38" s="141">
        <v>0</v>
      </c>
      <c r="JU38" s="118">
        <v>0</v>
      </c>
      <c r="JV38" s="119">
        <v>0</v>
      </c>
      <c r="JW38" s="119">
        <v>0</v>
      </c>
      <c r="JX38" s="119">
        <v>0</v>
      </c>
      <c r="JY38" s="119">
        <v>0</v>
      </c>
      <c r="JZ38" s="119">
        <v>0</v>
      </c>
      <c r="KA38" s="120">
        <v>0</v>
      </c>
      <c r="KB38" s="321">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v>0</v>
      </c>
      <c r="KR38" s="119">
        <v>0</v>
      </c>
      <c r="KS38" s="119">
        <v>0</v>
      </c>
      <c r="KT38" s="119">
        <v>0</v>
      </c>
      <c r="KU38" s="119">
        <v>0</v>
      </c>
      <c r="KV38" s="119">
        <v>0</v>
      </c>
      <c r="KW38" s="120">
        <v>0</v>
      </c>
      <c r="KX38" s="321">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1">
        <v>0</v>
      </c>
      <c r="LU38" s="142">
        <v>0</v>
      </c>
      <c r="LV38" s="119">
        <v>0</v>
      </c>
      <c r="LW38" s="120">
        <v>0</v>
      </c>
      <c r="LX38" s="145"/>
      <c r="LY38" s="119">
        <v>0</v>
      </c>
      <c r="LZ38" s="119">
        <v>0</v>
      </c>
      <c r="MA38" s="119">
        <v>0</v>
      </c>
      <c r="MB38" s="119">
        <v>0</v>
      </c>
      <c r="MC38" s="119">
        <v>239532</v>
      </c>
      <c r="MD38" s="120">
        <v>239532</v>
      </c>
      <c r="ME38" s="121">
        <v>239532</v>
      </c>
      <c r="MF38" s="142">
        <v>0</v>
      </c>
      <c r="MG38" s="119">
        <v>0</v>
      </c>
      <c r="MH38" s="120">
        <v>0</v>
      </c>
      <c r="MI38" s="145"/>
      <c r="MJ38" s="119">
        <v>0</v>
      </c>
      <c r="MK38" s="119">
        <v>183091</v>
      </c>
      <c r="ML38" s="119">
        <v>0</v>
      </c>
      <c r="MM38" s="119">
        <v>230678</v>
      </c>
      <c r="MN38" s="119">
        <v>474276</v>
      </c>
      <c r="MO38" s="120">
        <v>888045</v>
      </c>
      <c r="MP38" s="143">
        <v>888045</v>
      </c>
      <c r="MQ38" s="142">
        <v>0</v>
      </c>
      <c r="MR38" s="119">
        <v>0</v>
      </c>
      <c r="MS38" s="120">
        <v>0</v>
      </c>
      <c r="MT38" s="145"/>
      <c r="MU38" s="119">
        <v>0</v>
      </c>
      <c r="MV38" s="119">
        <v>0</v>
      </c>
      <c r="MW38" s="119">
        <v>0</v>
      </c>
      <c r="MX38" s="119">
        <v>230678</v>
      </c>
      <c r="MY38" s="119">
        <v>0</v>
      </c>
      <c r="MZ38" s="120">
        <v>230678</v>
      </c>
      <c r="NA38" s="143">
        <v>230678</v>
      </c>
      <c r="NB38" s="142">
        <v>0</v>
      </c>
      <c r="NC38" s="119">
        <v>0</v>
      </c>
      <c r="ND38" s="120">
        <v>0</v>
      </c>
      <c r="NE38" s="145"/>
      <c r="NF38" s="119">
        <v>0</v>
      </c>
      <c r="NG38" s="119">
        <v>0</v>
      </c>
      <c r="NH38" s="119">
        <v>0</v>
      </c>
      <c r="NI38" s="119">
        <v>0</v>
      </c>
      <c r="NJ38" s="119">
        <v>0</v>
      </c>
      <c r="NK38" s="120">
        <v>0</v>
      </c>
      <c r="NL38" s="321">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183091</v>
      </c>
      <c r="OD38" s="119">
        <v>0</v>
      </c>
      <c r="OE38" s="119">
        <v>0</v>
      </c>
      <c r="OF38" s="119">
        <v>474276</v>
      </c>
      <c r="OG38" s="120">
        <v>657367</v>
      </c>
      <c r="OH38" s="121">
        <v>657367</v>
      </c>
      <c r="OI38" s="142">
        <v>131500</v>
      </c>
      <c r="OJ38" s="119">
        <v>4900</v>
      </c>
      <c r="OK38" s="141">
        <v>136400</v>
      </c>
      <c r="OL38" s="118">
        <v>0</v>
      </c>
      <c r="OM38" s="119">
        <v>367574</v>
      </c>
      <c r="ON38" s="119">
        <v>494613</v>
      </c>
      <c r="OO38" s="119">
        <v>744415</v>
      </c>
      <c r="OP38" s="119">
        <v>1126208</v>
      </c>
      <c r="OQ38" s="119">
        <v>800695</v>
      </c>
      <c r="OR38" s="120">
        <v>3533505</v>
      </c>
      <c r="OS38" s="143">
        <v>3669905</v>
      </c>
    </row>
    <row r="39" spans="2:409" ht="20.25" customHeight="1" x14ac:dyDescent="0.2">
      <c r="B39" s="126" t="s">
        <v>34</v>
      </c>
      <c r="C39" s="110">
        <v>0</v>
      </c>
      <c r="D39" s="114">
        <v>144200</v>
      </c>
      <c r="E39" s="174">
        <v>144200</v>
      </c>
      <c r="F39" s="175">
        <v>0</v>
      </c>
      <c r="G39" s="176">
        <v>46515</v>
      </c>
      <c r="H39" s="176">
        <v>207718</v>
      </c>
      <c r="I39" s="176">
        <v>257978</v>
      </c>
      <c r="J39" s="176">
        <v>367293</v>
      </c>
      <c r="K39" s="176">
        <v>0</v>
      </c>
      <c r="L39" s="177">
        <v>879504</v>
      </c>
      <c r="M39" s="116">
        <v>1023704</v>
      </c>
      <c r="N39" s="110">
        <v>0</v>
      </c>
      <c r="O39" s="114">
        <v>0</v>
      </c>
      <c r="P39" s="113">
        <v>0</v>
      </c>
      <c r="Q39" s="110">
        <v>0</v>
      </c>
      <c r="R39" s="114">
        <v>37065</v>
      </c>
      <c r="S39" s="114">
        <v>12572</v>
      </c>
      <c r="T39" s="114">
        <v>61173</v>
      </c>
      <c r="U39" s="114">
        <v>243001</v>
      </c>
      <c r="V39" s="114">
        <v>0</v>
      </c>
      <c r="W39" s="113">
        <v>353811</v>
      </c>
      <c r="X39" s="116">
        <v>353811</v>
      </c>
      <c r="Y39" s="110">
        <v>0</v>
      </c>
      <c r="Z39" s="114">
        <v>0</v>
      </c>
      <c r="AA39" s="113">
        <v>0</v>
      </c>
      <c r="AB39" s="110">
        <v>0</v>
      </c>
      <c r="AC39" s="114">
        <v>19446</v>
      </c>
      <c r="AD39" s="114">
        <v>0</v>
      </c>
      <c r="AE39" s="114">
        <v>32963</v>
      </c>
      <c r="AF39" s="114">
        <v>234601</v>
      </c>
      <c r="AG39" s="114">
        <v>0</v>
      </c>
      <c r="AH39" s="113">
        <v>287010</v>
      </c>
      <c r="AI39" s="116">
        <v>28701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28210</v>
      </c>
      <c r="BM39" s="114">
        <v>0</v>
      </c>
      <c r="BN39" s="114">
        <v>0</v>
      </c>
      <c r="BO39" s="113">
        <v>28210</v>
      </c>
      <c r="BP39" s="116">
        <v>28210</v>
      </c>
      <c r="BQ39" s="110">
        <v>0</v>
      </c>
      <c r="BR39" s="114">
        <v>0</v>
      </c>
      <c r="BS39" s="113">
        <v>0</v>
      </c>
      <c r="BT39" s="110">
        <v>0</v>
      </c>
      <c r="BU39" s="114">
        <v>17619</v>
      </c>
      <c r="BV39" s="114">
        <v>12572</v>
      </c>
      <c r="BW39" s="114">
        <v>0</v>
      </c>
      <c r="BX39" s="114">
        <v>8400</v>
      </c>
      <c r="BY39" s="114">
        <v>0</v>
      </c>
      <c r="BZ39" s="113">
        <v>38591</v>
      </c>
      <c r="CA39" s="116">
        <v>38591</v>
      </c>
      <c r="CB39" s="110">
        <v>0</v>
      </c>
      <c r="CC39" s="114">
        <v>0</v>
      </c>
      <c r="CD39" s="113">
        <v>0</v>
      </c>
      <c r="CE39" s="110">
        <v>0</v>
      </c>
      <c r="CF39" s="114">
        <v>0</v>
      </c>
      <c r="CG39" s="114">
        <v>52934</v>
      </c>
      <c r="CH39" s="114">
        <v>168889</v>
      </c>
      <c r="CI39" s="114">
        <v>103285</v>
      </c>
      <c r="CJ39" s="114">
        <v>0</v>
      </c>
      <c r="CK39" s="113">
        <v>325108</v>
      </c>
      <c r="CL39" s="116">
        <v>325108</v>
      </c>
      <c r="CM39" s="110">
        <v>0</v>
      </c>
      <c r="CN39" s="114">
        <v>0</v>
      </c>
      <c r="CO39" s="113">
        <v>0</v>
      </c>
      <c r="CP39" s="111">
        <v>0</v>
      </c>
      <c r="CQ39" s="114">
        <v>0</v>
      </c>
      <c r="CR39" s="114">
        <v>52934</v>
      </c>
      <c r="CS39" s="114">
        <v>168889</v>
      </c>
      <c r="CT39" s="114">
        <v>103285</v>
      </c>
      <c r="CU39" s="114">
        <v>0</v>
      </c>
      <c r="CV39" s="113">
        <v>325108</v>
      </c>
      <c r="CW39" s="116">
        <v>325108</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8"/>
      <c r="FE39" s="114">
        <v>0</v>
      </c>
      <c r="FF39" s="114">
        <v>0</v>
      </c>
      <c r="FG39" s="114">
        <v>0</v>
      </c>
      <c r="FH39" s="114">
        <v>0</v>
      </c>
      <c r="FI39" s="114">
        <v>0</v>
      </c>
      <c r="FJ39" s="113">
        <v>0</v>
      </c>
      <c r="FK39" s="116">
        <v>0</v>
      </c>
      <c r="FL39" s="110">
        <v>0</v>
      </c>
      <c r="FM39" s="114">
        <v>144200</v>
      </c>
      <c r="FN39" s="113">
        <v>144200</v>
      </c>
      <c r="FO39" s="110">
        <v>0</v>
      </c>
      <c r="FP39" s="114">
        <v>9450</v>
      </c>
      <c r="FQ39" s="114">
        <v>0</v>
      </c>
      <c r="FR39" s="114">
        <v>27916</v>
      </c>
      <c r="FS39" s="114">
        <v>21007</v>
      </c>
      <c r="FT39" s="114">
        <v>0</v>
      </c>
      <c r="FU39" s="113">
        <v>58373</v>
      </c>
      <c r="FV39" s="116">
        <v>202573</v>
      </c>
      <c r="FW39" s="115">
        <v>0</v>
      </c>
      <c r="FX39" s="114">
        <v>4200</v>
      </c>
      <c r="FY39" s="112">
        <v>4200</v>
      </c>
      <c r="FZ39" s="111">
        <v>0</v>
      </c>
      <c r="GA39" s="114">
        <v>9450</v>
      </c>
      <c r="GB39" s="114">
        <v>0</v>
      </c>
      <c r="GC39" s="114">
        <v>27916</v>
      </c>
      <c r="GD39" s="114">
        <v>21007</v>
      </c>
      <c r="GE39" s="114">
        <v>0</v>
      </c>
      <c r="GF39" s="113">
        <v>58373</v>
      </c>
      <c r="GG39" s="319">
        <v>62573</v>
      </c>
      <c r="GH39" s="115">
        <v>0</v>
      </c>
      <c r="GI39" s="114">
        <v>0</v>
      </c>
      <c r="GJ39" s="112">
        <v>0</v>
      </c>
      <c r="GK39" s="111">
        <v>0</v>
      </c>
      <c r="GL39" s="114">
        <v>0</v>
      </c>
      <c r="GM39" s="114">
        <v>0</v>
      </c>
      <c r="GN39" s="114">
        <v>0</v>
      </c>
      <c r="GO39" s="114">
        <v>0</v>
      </c>
      <c r="GP39" s="114">
        <v>0</v>
      </c>
      <c r="GQ39" s="113">
        <v>0</v>
      </c>
      <c r="GR39" s="116">
        <v>0</v>
      </c>
      <c r="GS39" s="110">
        <v>0</v>
      </c>
      <c r="GT39" s="114">
        <v>140000</v>
      </c>
      <c r="GU39" s="113">
        <v>140000</v>
      </c>
      <c r="GV39" s="110">
        <v>0</v>
      </c>
      <c r="GW39" s="114">
        <v>0</v>
      </c>
      <c r="GX39" s="114">
        <v>0</v>
      </c>
      <c r="GY39" s="114">
        <v>0</v>
      </c>
      <c r="GZ39" s="114">
        <v>0</v>
      </c>
      <c r="HA39" s="114">
        <v>0</v>
      </c>
      <c r="HB39" s="112">
        <v>0</v>
      </c>
      <c r="HC39" s="116">
        <v>140000</v>
      </c>
      <c r="HD39" s="110">
        <v>0</v>
      </c>
      <c r="HE39" s="114">
        <v>0</v>
      </c>
      <c r="HF39" s="112">
        <v>0</v>
      </c>
      <c r="HG39" s="111">
        <v>0</v>
      </c>
      <c r="HH39" s="114">
        <v>0</v>
      </c>
      <c r="HI39" s="114">
        <v>142212</v>
      </c>
      <c r="HJ39" s="114">
        <v>0</v>
      </c>
      <c r="HK39" s="114">
        <v>0</v>
      </c>
      <c r="HL39" s="114">
        <v>0</v>
      </c>
      <c r="HM39" s="113">
        <v>142212</v>
      </c>
      <c r="HN39" s="109">
        <v>142212</v>
      </c>
      <c r="HO39" s="329"/>
      <c r="HP39" s="330"/>
      <c r="HQ39" s="331"/>
      <c r="HR39" s="332"/>
      <c r="HS39" s="330"/>
      <c r="HT39" s="330"/>
      <c r="HU39" s="330"/>
      <c r="HV39" s="330"/>
      <c r="HW39" s="330"/>
      <c r="HX39" s="333"/>
      <c r="HY39" s="334"/>
      <c r="HZ39" s="131">
        <v>0</v>
      </c>
      <c r="IA39" s="132">
        <v>0</v>
      </c>
      <c r="IB39" s="133">
        <v>0</v>
      </c>
      <c r="IC39" s="146">
        <v>0</v>
      </c>
      <c r="ID39" s="132">
        <v>102564</v>
      </c>
      <c r="IE39" s="147">
        <v>156296</v>
      </c>
      <c r="IF39" s="133">
        <v>0</v>
      </c>
      <c r="IG39" s="132">
        <v>0</v>
      </c>
      <c r="IH39" s="133">
        <v>0</v>
      </c>
      <c r="II39" s="148">
        <v>258860</v>
      </c>
      <c r="IJ39" s="139">
        <v>258860</v>
      </c>
      <c r="IK39" s="232">
        <v>0</v>
      </c>
      <c r="IL39" s="236">
        <v>0</v>
      </c>
      <c r="IM39" s="237">
        <v>0</v>
      </c>
      <c r="IN39" s="140"/>
      <c r="IO39" s="119">
        <v>0</v>
      </c>
      <c r="IP39" s="119">
        <v>0</v>
      </c>
      <c r="IQ39" s="119">
        <v>0</v>
      </c>
      <c r="IR39" s="119">
        <v>0</v>
      </c>
      <c r="IS39" s="119">
        <v>0</v>
      </c>
      <c r="IT39" s="141">
        <v>0</v>
      </c>
      <c r="IU39" s="321">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5691</v>
      </c>
      <c r="JL39" s="119">
        <v>0</v>
      </c>
      <c r="JM39" s="119">
        <v>0</v>
      </c>
      <c r="JN39" s="119">
        <v>0</v>
      </c>
      <c r="JO39" s="119">
        <v>0</v>
      </c>
      <c r="JP39" s="120">
        <v>5691</v>
      </c>
      <c r="JQ39" s="321">
        <v>5691</v>
      </c>
      <c r="JR39" s="142">
        <v>0</v>
      </c>
      <c r="JS39" s="119">
        <v>0</v>
      </c>
      <c r="JT39" s="141">
        <v>0</v>
      </c>
      <c r="JU39" s="118">
        <v>0</v>
      </c>
      <c r="JV39" s="119">
        <v>0</v>
      </c>
      <c r="JW39" s="119">
        <v>0</v>
      </c>
      <c r="JX39" s="119">
        <v>0</v>
      </c>
      <c r="JY39" s="119">
        <v>0</v>
      </c>
      <c r="JZ39" s="119">
        <v>0</v>
      </c>
      <c r="KA39" s="120">
        <v>0</v>
      </c>
      <c r="KB39" s="321">
        <v>0</v>
      </c>
      <c r="KC39" s="234">
        <v>0</v>
      </c>
      <c r="KD39" s="230">
        <v>0</v>
      </c>
      <c r="KE39" s="120">
        <v>0</v>
      </c>
      <c r="KF39" s="118">
        <v>0</v>
      </c>
      <c r="KG39" s="119">
        <v>96873</v>
      </c>
      <c r="KH39" s="119">
        <v>0</v>
      </c>
      <c r="KI39" s="119">
        <v>0</v>
      </c>
      <c r="KJ39" s="119">
        <v>0</v>
      </c>
      <c r="KK39" s="119">
        <v>0</v>
      </c>
      <c r="KL39" s="120">
        <v>96873</v>
      </c>
      <c r="KM39" s="143">
        <v>96873</v>
      </c>
      <c r="KN39" s="232">
        <v>0</v>
      </c>
      <c r="KO39" s="236">
        <v>0</v>
      </c>
      <c r="KP39" s="237">
        <v>0</v>
      </c>
      <c r="KQ39" s="140">
        <v>0</v>
      </c>
      <c r="KR39" s="119">
        <v>0</v>
      </c>
      <c r="KS39" s="119">
        <v>0</v>
      </c>
      <c r="KT39" s="119">
        <v>0</v>
      </c>
      <c r="KU39" s="119">
        <v>0</v>
      </c>
      <c r="KV39" s="119">
        <v>0</v>
      </c>
      <c r="KW39" s="120">
        <v>0</v>
      </c>
      <c r="KX39" s="321">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1">
        <v>0</v>
      </c>
      <c r="LU39" s="142">
        <v>0</v>
      </c>
      <c r="LV39" s="119">
        <v>0</v>
      </c>
      <c r="LW39" s="120">
        <v>0</v>
      </c>
      <c r="LX39" s="145"/>
      <c r="LY39" s="119">
        <v>0</v>
      </c>
      <c r="LZ39" s="119">
        <v>156296</v>
      </c>
      <c r="MA39" s="119">
        <v>0</v>
      </c>
      <c r="MB39" s="119">
        <v>0</v>
      </c>
      <c r="MC39" s="119">
        <v>0</v>
      </c>
      <c r="MD39" s="120">
        <v>156296</v>
      </c>
      <c r="ME39" s="121">
        <v>156296</v>
      </c>
      <c r="MF39" s="142">
        <v>0</v>
      </c>
      <c r="MG39" s="119">
        <v>0</v>
      </c>
      <c r="MH39" s="120">
        <v>0</v>
      </c>
      <c r="MI39" s="145"/>
      <c r="MJ39" s="119">
        <v>0</v>
      </c>
      <c r="MK39" s="119">
        <v>0</v>
      </c>
      <c r="ML39" s="119">
        <v>0</v>
      </c>
      <c r="MM39" s="119">
        <v>0</v>
      </c>
      <c r="MN39" s="119">
        <v>0</v>
      </c>
      <c r="MO39" s="120">
        <v>0</v>
      </c>
      <c r="MP39" s="143">
        <v>0</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0</v>
      </c>
      <c r="NG39" s="119">
        <v>0</v>
      </c>
      <c r="NH39" s="119">
        <v>0</v>
      </c>
      <c r="NI39" s="119">
        <v>0</v>
      </c>
      <c r="NJ39" s="119">
        <v>0</v>
      </c>
      <c r="NK39" s="120">
        <v>0</v>
      </c>
      <c r="NL39" s="321">
        <v>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144200</v>
      </c>
      <c r="OK39" s="141">
        <v>144200</v>
      </c>
      <c r="OL39" s="118">
        <v>0</v>
      </c>
      <c r="OM39" s="119">
        <v>149079</v>
      </c>
      <c r="ON39" s="119">
        <v>364014</v>
      </c>
      <c r="OO39" s="119">
        <v>257978</v>
      </c>
      <c r="OP39" s="119">
        <v>367293</v>
      </c>
      <c r="OQ39" s="119">
        <v>0</v>
      </c>
      <c r="OR39" s="120">
        <v>1138364</v>
      </c>
      <c r="OS39" s="143">
        <v>1282564</v>
      </c>
    </row>
    <row r="40" spans="2:409" ht="20.25" customHeight="1" x14ac:dyDescent="0.2">
      <c r="B40" s="126" t="s">
        <v>35</v>
      </c>
      <c r="C40" s="110">
        <v>196334</v>
      </c>
      <c r="D40" s="114">
        <v>223535</v>
      </c>
      <c r="E40" s="113">
        <v>419869</v>
      </c>
      <c r="F40" s="109">
        <v>0</v>
      </c>
      <c r="G40" s="114">
        <v>775208</v>
      </c>
      <c r="H40" s="114">
        <v>656523</v>
      </c>
      <c r="I40" s="114">
        <v>845443</v>
      </c>
      <c r="J40" s="114">
        <v>1223328</v>
      </c>
      <c r="K40" s="114">
        <v>217707</v>
      </c>
      <c r="L40" s="173">
        <v>3718209</v>
      </c>
      <c r="M40" s="116">
        <v>4138078</v>
      </c>
      <c r="N40" s="110">
        <v>36624</v>
      </c>
      <c r="O40" s="114">
        <v>20125</v>
      </c>
      <c r="P40" s="113">
        <v>56749</v>
      </c>
      <c r="Q40" s="110">
        <v>0</v>
      </c>
      <c r="R40" s="114">
        <v>346410</v>
      </c>
      <c r="S40" s="114">
        <v>213178</v>
      </c>
      <c r="T40" s="114">
        <v>314846</v>
      </c>
      <c r="U40" s="114">
        <v>369572</v>
      </c>
      <c r="V40" s="114">
        <v>153545</v>
      </c>
      <c r="W40" s="113">
        <v>1397551</v>
      </c>
      <c r="X40" s="116">
        <v>1454300</v>
      </c>
      <c r="Y40" s="110">
        <v>0</v>
      </c>
      <c r="Z40" s="114">
        <v>0</v>
      </c>
      <c r="AA40" s="113">
        <v>0</v>
      </c>
      <c r="AB40" s="110">
        <v>0</v>
      </c>
      <c r="AC40" s="114">
        <v>258910</v>
      </c>
      <c r="AD40" s="114">
        <v>152173</v>
      </c>
      <c r="AE40" s="114">
        <v>186690</v>
      </c>
      <c r="AF40" s="114">
        <v>197001</v>
      </c>
      <c r="AG40" s="114">
        <v>0</v>
      </c>
      <c r="AH40" s="113">
        <v>794774</v>
      </c>
      <c r="AI40" s="116">
        <v>794774</v>
      </c>
      <c r="AJ40" s="110">
        <v>0</v>
      </c>
      <c r="AK40" s="114">
        <v>0</v>
      </c>
      <c r="AL40" s="113">
        <v>0</v>
      </c>
      <c r="AM40" s="110">
        <v>0</v>
      </c>
      <c r="AN40" s="114">
        <v>0</v>
      </c>
      <c r="AO40" s="114">
        <v>0</v>
      </c>
      <c r="AP40" s="114">
        <v>0</v>
      </c>
      <c r="AQ40" s="114">
        <v>0</v>
      </c>
      <c r="AR40" s="114">
        <v>0</v>
      </c>
      <c r="AS40" s="113">
        <v>0</v>
      </c>
      <c r="AT40" s="116">
        <v>0</v>
      </c>
      <c r="AU40" s="110">
        <v>0</v>
      </c>
      <c r="AV40" s="114">
        <v>0</v>
      </c>
      <c r="AW40" s="113">
        <v>0</v>
      </c>
      <c r="AX40" s="110">
        <v>0</v>
      </c>
      <c r="AY40" s="114">
        <v>34538</v>
      </c>
      <c r="AZ40" s="114">
        <v>40208</v>
      </c>
      <c r="BA40" s="114">
        <v>88074</v>
      </c>
      <c r="BB40" s="114">
        <v>81704</v>
      </c>
      <c r="BC40" s="114">
        <v>145754</v>
      </c>
      <c r="BD40" s="113">
        <v>390278</v>
      </c>
      <c r="BE40" s="116">
        <v>390278</v>
      </c>
      <c r="BF40" s="110">
        <v>0</v>
      </c>
      <c r="BG40" s="114">
        <v>0</v>
      </c>
      <c r="BH40" s="112">
        <v>0</v>
      </c>
      <c r="BI40" s="111">
        <v>0</v>
      </c>
      <c r="BJ40" s="114">
        <v>26250</v>
      </c>
      <c r="BK40" s="114">
        <v>0</v>
      </c>
      <c r="BL40" s="114">
        <v>18788</v>
      </c>
      <c r="BM40" s="114">
        <v>0</v>
      </c>
      <c r="BN40" s="114">
        <v>0</v>
      </c>
      <c r="BO40" s="113">
        <v>45038</v>
      </c>
      <c r="BP40" s="116">
        <v>45038</v>
      </c>
      <c r="BQ40" s="110">
        <v>36624</v>
      </c>
      <c r="BR40" s="114">
        <v>20125</v>
      </c>
      <c r="BS40" s="113">
        <v>56749</v>
      </c>
      <c r="BT40" s="110">
        <v>0</v>
      </c>
      <c r="BU40" s="114">
        <v>26712</v>
      </c>
      <c r="BV40" s="114">
        <v>20797</v>
      </c>
      <c r="BW40" s="114">
        <v>21294</v>
      </c>
      <c r="BX40" s="114">
        <v>90867</v>
      </c>
      <c r="BY40" s="114">
        <v>7791</v>
      </c>
      <c r="BZ40" s="113">
        <v>167461</v>
      </c>
      <c r="CA40" s="116">
        <v>224210</v>
      </c>
      <c r="CB40" s="110">
        <v>18872</v>
      </c>
      <c r="CC40" s="114">
        <v>31822</v>
      </c>
      <c r="CD40" s="113">
        <v>50694</v>
      </c>
      <c r="CE40" s="110">
        <v>0</v>
      </c>
      <c r="CF40" s="114">
        <v>116655</v>
      </c>
      <c r="CG40" s="114">
        <v>164717</v>
      </c>
      <c r="CH40" s="114">
        <v>85386</v>
      </c>
      <c r="CI40" s="114">
        <v>97155</v>
      </c>
      <c r="CJ40" s="114">
        <v>0</v>
      </c>
      <c r="CK40" s="113">
        <v>463913</v>
      </c>
      <c r="CL40" s="116">
        <v>514607</v>
      </c>
      <c r="CM40" s="110">
        <v>0</v>
      </c>
      <c r="CN40" s="114">
        <v>0</v>
      </c>
      <c r="CO40" s="113">
        <v>0</v>
      </c>
      <c r="CP40" s="111">
        <v>0</v>
      </c>
      <c r="CQ40" s="114">
        <v>116655</v>
      </c>
      <c r="CR40" s="114">
        <v>132615</v>
      </c>
      <c r="CS40" s="114">
        <v>85386</v>
      </c>
      <c r="CT40" s="114">
        <v>0</v>
      </c>
      <c r="CU40" s="114">
        <v>0</v>
      </c>
      <c r="CV40" s="113">
        <v>334656</v>
      </c>
      <c r="CW40" s="116">
        <v>334656</v>
      </c>
      <c r="CX40" s="110">
        <v>18872</v>
      </c>
      <c r="CY40" s="114">
        <v>31822</v>
      </c>
      <c r="CZ40" s="113">
        <v>50694</v>
      </c>
      <c r="DA40" s="110">
        <v>0</v>
      </c>
      <c r="DB40" s="114">
        <v>0</v>
      </c>
      <c r="DC40" s="114">
        <v>32102</v>
      </c>
      <c r="DD40" s="114">
        <v>0</v>
      </c>
      <c r="DE40" s="114">
        <v>97155</v>
      </c>
      <c r="DF40" s="114">
        <v>0</v>
      </c>
      <c r="DG40" s="113">
        <v>129257</v>
      </c>
      <c r="DH40" s="116">
        <v>179951</v>
      </c>
      <c r="DI40" s="110">
        <v>0</v>
      </c>
      <c r="DJ40" s="114">
        <v>0</v>
      </c>
      <c r="DK40" s="112">
        <v>0</v>
      </c>
      <c r="DL40" s="111">
        <v>0</v>
      </c>
      <c r="DM40" s="114">
        <v>0</v>
      </c>
      <c r="DN40" s="114">
        <v>0</v>
      </c>
      <c r="DO40" s="114">
        <v>0</v>
      </c>
      <c r="DP40" s="114">
        <v>0</v>
      </c>
      <c r="DQ40" s="114">
        <v>18774</v>
      </c>
      <c r="DR40" s="113">
        <v>18774</v>
      </c>
      <c r="DS40" s="116">
        <v>18774</v>
      </c>
      <c r="DT40" s="110">
        <v>0</v>
      </c>
      <c r="DU40" s="114">
        <v>0</v>
      </c>
      <c r="DV40" s="113">
        <v>0</v>
      </c>
      <c r="DW40" s="110">
        <v>0</v>
      </c>
      <c r="DX40" s="114">
        <v>0</v>
      </c>
      <c r="DY40" s="114">
        <v>0</v>
      </c>
      <c r="DZ40" s="114">
        <v>0</v>
      </c>
      <c r="EA40" s="114">
        <v>0</v>
      </c>
      <c r="EB40" s="114">
        <v>18774</v>
      </c>
      <c r="EC40" s="113">
        <v>18774</v>
      </c>
      <c r="ED40" s="116">
        <v>18774</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8"/>
      <c r="FE40" s="114">
        <v>0</v>
      </c>
      <c r="FF40" s="114">
        <v>0</v>
      </c>
      <c r="FG40" s="114">
        <v>0</v>
      </c>
      <c r="FH40" s="114">
        <v>0</v>
      </c>
      <c r="FI40" s="114">
        <v>0</v>
      </c>
      <c r="FJ40" s="113">
        <v>0</v>
      </c>
      <c r="FK40" s="116">
        <v>0</v>
      </c>
      <c r="FL40" s="110">
        <v>5950</v>
      </c>
      <c r="FM40" s="114">
        <v>11550</v>
      </c>
      <c r="FN40" s="113">
        <v>17500</v>
      </c>
      <c r="FO40" s="110">
        <v>0</v>
      </c>
      <c r="FP40" s="114">
        <v>35770</v>
      </c>
      <c r="FQ40" s="114">
        <v>135730</v>
      </c>
      <c r="FR40" s="114">
        <v>115430</v>
      </c>
      <c r="FS40" s="114">
        <v>47110</v>
      </c>
      <c r="FT40" s="114">
        <v>45388</v>
      </c>
      <c r="FU40" s="113">
        <v>379428</v>
      </c>
      <c r="FV40" s="116">
        <v>396928</v>
      </c>
      <c r="FW40" s="115">
        <v>5950</v>
      </c>
      <c r="FX40" s="114">
        <v>11550</v>
      </c>
      <c r="FY40" s="112">
        <v>17500</v>
      </c>
      <c r="FZ40" s="111">
        <v>0</v>
      </c>
      <c r="GA40" s="114">
        <v>35770</v>
      </c>
      <c r="GB40" s="114">
        <v>110320</v>
      </c>
      <c r="GC40" s="114">
        <v>115430</v>
      </c>
      <c r="GD40" s="114">
        <v>47110</v>
      </c>
      <c r="GE40" s="114">
        <v>45388</v>
      </c>
      <c r="GF40" s="113">
        <v>354018</v>
      </c>
      <c r="GG40" s="319">
        <v>371518</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25410</v>
      </c>
      <c r="GY40" s="114">
        <v>0</v>
      </c>
      <c r="GZ40" s="114">
        <v>0</v>
      </c>
      <c r="HA40" s="114">
        <v>0</v>
      </c>
      <c r="HB40" s="112">
        <v>25410</v>
      </c>
      <c r="HC40" s="116">
        <v>25410</v>
      </c>
      <c r="HD40" s="110">
        <v>134888</v>
      </c>
      <c r="HE40" s="114">
        <v>160038</v>
      </c>
      <c r="HF40" s="112">
        <v>294926</v>
      </c>
      <c r="HG40" s="111">
        <v>0</v>
      </c>
      <c r="HH40" s="114">
        <v>276373</v>
      </c>
      <c r="HI40" s="114">
        <v>142898</v>
      </c>
      <c r="HJ40" s="114">
        <v>329781</v>
      </c>
      <c r="HK40" s="114">
        <v>709491</v>
      </c>
      <c r="HL40" s="114">
        <v>0</v>
      </c>
      <c r="HM40" s="113">
        <v>1458543</v>
      </c>
      <c r="HN40" s="109">
        <v>1753469</v>
      </c>
      <c r="HO40" s="329"/>
      <c r="HP40" s="330"/>
      <c r="HQ40" s="331"/>
      <c r="HR40" s="332"/>
      <c r="HS40" s="330"/>
      <c r="HT40" s="330"/>
      <c r="HU40" s="330"/>
      <c r="HV40" s="330"/>
      <c r="HW40" s="330"/>
      <c r="HX40" s="333"/>
      <c r="HY40" s="334"/>
      <c r="HZ40" s="150">
        <v>0</v>
      </c>
      <c r="IA40" s="135">
        <v>0</v>
      </c>
      <c r="IB40" s="150">
        <v>0</v>
      </c>
      <c r="IC40" s="146">
        <v>0</v>
      </c>
      <c r="ID40" s="132">
        <v>53186</v>
      </c>
      <c r="IE40" s="147">
        <v>68475</v>
      </c>
      <c r="IF40" s="133">
        <v>66157</v>
      </c>
      <c r="IG40" s="132">
        <v>206542</v>
      </c>
      <c r="IH40" s="133">
        <v>0</v>
      </c>
      <c r="II40" s="148">
        <v>394360</v>
      </c>
      <c r="IJ40" s="150">
        <v>394360</v>
      </c>
      <c r="IK40" s="232">
        <v>0</v>
      </c>
      <c r="IL40" s="236">
        <v>0</v>
      </c>
      <c r="IM40" s="237">
        <v>0</v>
      </c>
      <c r="IN40" s="140"/>
      <c r="IO40" s="119">
        <v>0</v>
      </c>
      <c r="IP40" s="119">
        <v>0</v>
      </c>
      <c r="IQ40" s="119">
        <v>0</v>
      </c>
      <c r="IR40" s="119">
        <v>0</v>
      </c>
      <c r="IS40" s="119">
        <v>0</v>
      </c>
      <c r="IT40" s="141">
        <v>0</v>
      </c>
      <c r="IU40" s="321">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35406</v>
      </c>
      <c r="JL40" s="119">
        <v>68475</v>
      </c>
      <c r="JM40" s="119">
        <v>0</v>
      </c>
      <c r="JN40" s="119">
        <v>0</v>
      </c>
      <c r="JO40" s="119">
        <v>0</v>
      </c>
      <c r="JP40" s="120">
        <v>103881</v>
      </c>
      <c r="JQ40" s="321">
        <v>103881</v>
      </c>
      <c r="JR40" s="142">
        <v>0</v>
      </c>
      <c r="JS40" s="119">
        <v>0</v>
      </c>
      <c r="JT40" s="141">
        <v>0</v>
      </c>
      <c r="JU40" s="118">
        <v>0</v>
      </c>
      <c r="JV40" s="119">
        <v>0</v>
      </c>
      <c r="JW40" s="119">
        <v>0</v>
      </c>
      <c r="JX40" s="119">
        <v>0</v>
      </c>
      <c r="JY40" s="119">
        <v>0</v>
      </c>
      <c r="JZ40" s="119">
        <v>0</v>
      </c>
      <c r="KA40" s="120">
        <v>0</v>
      </c>
      <c r="KB40" s="321">
        <v>0</v>
      </c>
      <c r="KC40" s="234">
        <v>0</v>
      </c>
      <c r="KD40" s="230">
        <v>0</v>
      </c>
      <c r="KE40" s="120">
        <v>0</v>
      </c>
      <c r="KF40" s="118">
        <v>0</v>
      </c>
      <c r="KG40" s="119">
        <v>17780</v>
      </c>
      <c r="KH40" s="119">
        <v>0</v>
      </c>
      <c r="KI40" s="119">
        <v>66157</v>
      </c>
      <c r="KJ40" s="119">
        <v>0</v>
      </c>
      <c r="KK40" s="119">
        <v>0</v>
      </c>
      <c r="KL40" s="120">
        <v>83937</v>
      </c>
      <c r="KM40" s="143">
        <v>83937</v>
      </c>
      <c r="KN40" s="232">
        <v>0</v>
      </c>
      <c r="KO40" s="236">
        <v>0</v>
      </c>
      <c r="KP40" s="237">
        <v>0</v>
      </c>
      <c r="KQ40" s="140">
        <v>0</v>
      </c>
      <c r="KR40" s="119">
        <v>0</v>
      </c>
      <c r="KS40" s="119">
        <v>0</v>
      </c>
      <c r="KT40" s="119">
        <v>0</v>
      </c>
      <c r="KU40" s="119">
        <v>206542</v>
      </c>
      <c r="KV40" s="119">
        <v>0</v>
      </c>
      <c r="KW40" s="120">
        <v>206542</v>
      </c>
      <c r="KX40" s="321">
        <v>206542</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1">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228725</v>
      </c>
      <c r="MM40" s="119">
        <v>419195</v>
      </c>
      <c r="MN40" s="119">
        <v>0</v>
      </c>
      <c r="MO40" s="120">
        <v>647920</v>
      </c>
      <c r="MP40" s="143">
        <v>647920</v>
      </c>
      <c r="MQ40" s="142">
        <v>0</v>
      </c>
      <c r="MR40" s="119">
        <v>0</v>
      </c>
      <c r="MS40" s="120">
        <v>0</v>
      </c>
      <c r="MT40" s="145"/>
      <c r="MU40" s="119">
        <v>0</v>
      </c>
      <c r="MV40" s="119">
        <v>0</v>
      </c>
      <c r="MW40" s="119">
        <v>0</v>
      </c>
      <c r="MX40" s="119">
        <v>419195</v>
      </c>
      <c r="MY40" s="119">
        <v>0</v>
      </c>
      <c r="MZ40" s="120">
        <v>419195</v>
      </c>
      <c r="NA40" s="143">
        <v>419195</v>
      </c>
      <c r="NB40" s="142">
        <v>0</v>
      </c>
      <c r="NC40" s="119">
        <v>0</v>
      </c>
      <c r="ND40" s="120">
        <v>0</v>
      </c>
      <c r="NE40" s="145"/>
      <c r="NF40" s="119">
        <v>0</v>
      </c>
      <c r="NG40" s="119">
        <v>0</v>
      </c>
      <c r="NH40" s="119">
        <v>228725</v>
      </c>
      <c r="NI40" s="119">
        <v>0</v>
      </c>
      <c r="NJ40" s="119">
        <v>0</v>
      </c>
      <c r="NK40" s="120">
        <v>228725</v>
      </c>
      <c r="NL40" s="321">
        <v>228725</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196334</v>
      </c>
      <c r="OJ40" s="119">
        <v>223535</v>
      </c>
      <c r="OK40" s="141">
        <v>419869</v>
      </c>
      <c r="OL40" s="118">
        <v>0</v>
      </c>
      <c r="OM40" s="119">
        <v>828394</v>
      </c>
      <c r="ON40" s="119">
        <v>724998</v>
      </c>
      <c r="OO40" s="119">
        <v>1140325</v>
      </c>
      <c r="OP40" s="119">
        <v>1849065</v>
      </c>
      <c r="OQ40" s="119">
        <v>217707</v>
      </c>
      <c r="OR40" s="120">
        <v>4760489</v>
      </c>
      <c r="OS40" s="143">
        <v>5180358</v>
      </c>
    </row>
    <row r="41" spans="2:409" ht="20.25" customHeight="1" x14ac:dyDescent="0.2">
      <c r="B41" s="126" t="s">
        <v>36</v>
      </c>
      <c r="C41" s="110">
        <v>24888</v>
      </c>
      <c r="D41" s="114">
        <v>49512</v>
      </c>
      <c r="E41" s="113">
        <v>74400</v>
      </c>
      <c r="F41" s="109">
        <v>0</v>
      </c>
      <c r="G41" s="114">
        <v>506943</v>
      </c>
      <c r="H41" s="114">
        <v>893591</v>
      </c>
      <c r="I41" s="114">
        <v>326083</v>
      </c>
      <c r="J41" s="114">
        <v>805452</v>
      </c>
      <c r="K41" s="114">
        <v>50284</v>
      </c>
      <c r="L41" s="173">
        <v>2582353</v>
      </c>
      <c r="M41" s="116">
        <v>2656753</v>
      </c>
      <c r="N41" s="110">
        <v>24888</v>
      </c>
      <c r="O41" s="114">
        <v>3392</v>
      </c>
      <c r="P41" s="113">
        <v>28280</v>
      </c>
      <c r="Q41" s="110">
        <v>0</v>
      </c>
      <c r="R41" s="114">
        <v>304872</v>
      </c>
      <c r="S41" s="114">
        <v>111746</v>
      </c>
      <c r="T41" s="114">
        <v>39223</v>
      </c>
      <c r="U41" s="114">
        <v>56700</v>
      </c>
      <c r="V41" s="114">
        <v>38384</v>
      </c>
      <c r="W41" s="113">
        <v>550925</v>
      </c>
      <c r="X41" s="116">
        <v>579205</v>
      </c>
      <c r="Y41" s="110">
        <v>0</v>
      </c>
      <c r="Z41" s="114">
        <v>0</v>
      </c>
      <c r="AA41" s="113">
        <v>0</v>
      </c>
      <c r="AB41" s="110">
        <v>0</v>
      </c>
      <c r="AC41" s="114">
        <v>162777</v>
      </c>
      <c r="AD41" s="114">
        <v>11144</v>
      </c>
      <c r="AE41" s="114">
        <v>0</v>
      </c>
      <c r="AF41" s="114">
        <v>0</v>
      </c>
      <c r="AG41" s="114">
        <v>0</v>
      </c>
      <c r="AH41" s="113">
        <v>173921</v>
      </c>
      <c r="AI41" s="116">
        <v>173921</v>
      </c>
      <c r="AJ41" s="110">
        <v>0</v>
      </c>
      <c r="AK41" s="114">
        <v>0</v>
      </c>
      <c r="AL41" s="113">
        <v>0</v>
      </c>
      <c r="AM41" s="110">
        <v>0</v>
      </c>
      <c r="AN41" s="114">
        <v>0</v>
      </c>
      <c r="AO41" s="114">
        <v>0</v>
      </c>
      <c r="AP41" s="114">
        <v>0</v>
      </c>
      <c r="AQ41" s="114">
        <v>0</v>
      </c>
      <c r="AR41" s="114">
        <v>0</v>
      </c>
      <c r="AS41" s="113">
        <v>0</v>
      </c>
      <c r="AT41" s="116">
        <v>0</v>
      </c>
      <c r="AU41" s="110">
        <v>24888</v>
      </c>
      <c r="AV41" s="114">
        <v>3392</v>
      </c>
      <c r="AW41" s="113">
        <v>28280</v>
      </c>
      <c r="AX41" s="110">
        <v>0</v>
      </c>
      <c r="AY41" s="114">
        <v>80663</v>
      </c>
      <c r="AZ41" s="114">
        <v>72000</v>
      </c>
      <c r="BA41" s="114">
        <v>10243</v>
      </c>
      <c r="BB41" s="114">
        <v>0</v>
      </c>
      <c r="BC41" s="114">
        <v>0</v>
      </c>
      <c r="BD41" s="113">
        <v>162906</v>
      </c>
      <c r="BE41" s="116">
        <v>191186</v>
      </c>
      <c r="BF41" s="110">
        <v>0</v>
      </c>
      <c r="BG41" s="114">
        <v>0</v>
      </c>
      <c r="BH41" s="112">
        <v>0</v>
      </c>
      <c r="BI41" s="111">
        <v>0</v>
      </c>
      <c r="BJ41" s="114">
        <v>59045</v>
      </c>
      <c r="BK41" s="114">
        <v>0</v>
      </c>
      <c r="BL41" s="114">
        <v>0</v>
      </c>
      <c r="BM41" s="114">
        <v>0</v>
      </c>
      <c r="BN41" s="114">
        <v>38384</v>
      </c>
      <c r="BO41" s="113">
        <v>97429</v>
      </c>
      <c r="BP41" s="116">
        <v>97429</v>
      </c>
      <c r="BQ41" s="110">
        <v>0</v>
      </c>
      <c r="BR41" s="114">
        <v>0</v>
      </c>
      <c r="BS41" s="113">
        <v>0</v>
      </c>
      <c r="BT41" s="110">
        <v>0</v>
      </c>
      <c r="BU41" s="114">
        <v>2387</v>
      </c>
      <c r="BV41" s="114">
        <v>28602</v>
      </c>
      <c r="BW41" s="114">
        <v>28980</v>
      </c>
      <c r="BX41" s="114">
        <v>56700</v>
      </c>
      <c r="BY41" s="114">
        <v>0</v>
      </c>
      <c r="BZ41" s="113">
        <v>116669</v>
      </c>
      <c r="CA41" s="116">
        <v>116669</v>
      </c>
      <c r="CB41" s="110">
        <v>0</v>
      </c>
      <c r="CC41" s="114">
        <v>32330</v>
      </c>
      <c r="CD41" s="113">
        <v>32330</v>
      </c>
      <c r="CE41" s="110">
        <v>0</v>
      </c>
      <c r="CF41" s="114">
        <v>180021</v>
      </c>
      <c r="CG41" s="114">
        <v>198694</v>
      </c>
      <c r="CH41" s="114">
        <v>138226</v>
      </c>
      <c r="CI41" s="114">
        <v>0</v>
      </c>
      <c r="CJ41" s="114">
        <v>0</v>
      </c>
      <c r="CK41" s="113">
        <v>516941</v>
      </c>
      <c r="CL41" s="116">
        <v>549271</v>
      </c>
      <c r="CM41" s="110">
        <v>0</v>
      </c>
      <c r="CN41" s="114">
        <v>0</v>
      </c>
      <c r="CO41" s="113">
        <v>0</v>
      </c>
      <c r="CP41" s="111">
        <v>0</v>
      </c>
      <c r="CQ41" s="114">
        <v>155821</v>
      </c>
      <c r="CR41" s="114">
        <v>198694</v>
      </c>
      <c r="CS41" s="114">
        <v>138226</v>
      </c>
      <c r="CT41" s="114">
        <v>0</v>
      </c>
      <c r="CU41" s="114">
        <v>0</v>
      </c>
      <c r="CV41" s="113">
        <v>492741</v>
      </c>
      <c r="CW41" s="116">
        <v>492741</v>
      </c>
      <c r="CX41" s="110">
        <v>0</v>
      </c>
      <c r="CY41" s="114">
        <v>32330</v>
      </c>
      <c r="CZ41" s="113">
        <v>32330</v>
      </c>
      <c r="DA41" s="110">
        <v>0</v>
      </c>
      <c r="DB41" s="114">
        <v>24200</v>
      </c>
      <c r="DC41" s="114">
        <v>0</v>
      </c>
      <c r="DD41" s="114">
        <v>0</v>
      </c>
      <c r="DE41" s="114">
        <v>0</v>
      </c>
      <c r="DF41" s="114">
        <v>0</v>
      </c>
      <c r="DG41" s="113">
        <v>24200</v>
      </c>
      <c r="DH41" s="116">
        <v>56530</v>
      </c>
      <c r="DI41" s="110">
        <v>0</v>
      </c>
      <c r="DJ41" s="114">
        <v>0</v>
      </c>
      <c r="DK41" s="112">
        <v>0</v>
      </c>
      <c r="DL41" s="111">
        <v>0</v>
      </c>
      <c r="DM41" s="114">
        <v>0</v>
      </c>
      <c r="DN41" s="114">
        <v>116860</v>
      </c>
      <c r="DO41" s="114">
        <v>0</v>
      </c>
      <c r="DP41" s="114">
        <v>194520</v>
      </c>
      <c r="DQ41" s="114">
        <v>0</v>
      </c>
      <c r="DR41" s="113">
        <v>311380</v>
      </c>
      <c r="DS41" s="116">
        <v>311380</v>
      </c>
      <c r="DT41" s="110">
        <v>0</v>
      </c>
      <c r="DU41" s="114">
        <v>0</v>
      </c>
      <c r="DV41" s="113">
        <v>0</v>
      </c>
      <c r="DW41" s="110">
        <v>0</v>
      </c>
      <c r="DX41" s="114">
        <v>0</v>
      </c>
      <c r="DY41" s="114">
        <v>116860</v>
      </c>
      <c r="DZ41" s="114">
        <v>0</v>
      </c>
      <c r="EA41" s="114">
        <v>194520</v>
      </c>
      <c r="EB41" s="114">
        <v>0</v>
      </c>
      <c r="EC41" s="113">
        <v>311380</v>
      </c>
      <c r="ED41" s="116">
        <v>311380</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8"/>
      <c r="FE41" s="114">
        <v>0</v>
      </c>
      <c r="FF41" s="114">
        <v>0</v>
      </c>
      <c r="FG41" s="114">
        <v>0</v>
      </c>
      <c r="FH41" s="114">
        <v>0</v>
      </c>
      <c r="FI41" s="114">
        <v>0</v>
      </c>
      <c r="FJ41" s="113">
        <v>0</v>
      </c>
      <c r="FK41" s="116">
        <v>0</v>
      </c>
      <c r="FL41" s="110">
        <v>0</v>
      </c>
      <c r="FM41" s="114">
        <v>13790</v>
      </c>
      <c r="FN41" s="113">
        <v>13790</v>
      </c>
      <c r="FO41" s="110">
        <v>0</v>
      </c>
      <c r="FP41" s="114">
        <v>22050</v>
      </c>
      <c r="FQ41" s="114">
        <v>27685</v>
      </c>
      <c r="FR41" s="114">
        <v>34230</v>
      </c>
      <c r="FS41" s="114">
        <v>12950</v>
      </c>
      <c r="FT41" s="114">
        <v>11900</v>
      </c>
      <c r="FU41" s="113">
        <v>108815</v>
      </c>
      <c r="FV41" s="116">
        <v>122605</v>
      </c>
      <c r="FW41" s="115">
        <v>0</v>
      </c>
      <c r="FX41" s="114">
        <v>13790</v>
      </c>
      <c r="FY41" s="112">
        <v>13790</v>
      </c>
      <c r="FZ41" s="111">
        <v>0</v>
      </c>
      <c r="GA41" s="114">
        <v>22050</v>
      </c>
      <c r="GB41" s="114">
        <v>27685</v>
      </c>
      <c r="GC41" s="114">
        <v>34230</v>
      </c>
      <c r="GD41" s="114">
        <v>12950</v>
      </c>
      <c r="GE41" s="114">
        <v>11900</v>
      </c>
      <c r="GF41" s="113">
        <v>108815</v>
      </c>
      <c r="GG41" s="319">
        <v>122605</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438606</v>
      </c>
      <c r="HJ41" s="114">
        <v>114404</v>
      </c>
      <c r="HK41" s="114">
        <v>541282</v>
      </c>
      <c r="HL41" s="114">
        <v>0</v>
      </c>
      <c r="HM41" s="113">
        <v>1094292</v>
      </c>
      <c r="HN41" s="109">
        <v>1094292</v>
      </c>
      <c r="HO41" s="329"/>
      <c r="HP41" s="330"/>
      <c r="HQ41" s="331"/>
      <c r="HR41" s="332"/>
      <c r="HS41" s="330"/>
      <c r="HT41" s="330"/>
      <c r="HU41" s="330"/>
      <c r="HV41" s="330"/>
      <c r="HW41" s="330"/>
      <c r="HX41" s="333"/>
      <c r="HY41" s="334"/>
      <c r="HZ41" s="131">
        <v>0</v>
      </c>
      <c r="IA41" s="132">
        <v>0</v>
      </c>
      <c r="IB41" s="133">
        <v>0</v>
      </c>
      <c r="IC41" s="146">
        <v>0</v>
      </c>
      <c r="ID41" s="132">
        <v>97925</v>
      </c>
      <c r="IE41" s="147">
        <v>0</v>
      </c>
      <c r="IF41" s="133">
        <v>211535</v>
      </c>
      <c r="IG41" s="132">
        <v>437266</v>
      </c>
      <c r="IH41" s="133">
        <v>90493</v>
      </c>
      <c r="II41" s="148">
        <v>837219</v>
      </c>
      <c r="IJ41" s="139">
        <v>837219</v>
      </c>
      <c r="IK41" s="232">
        <v>0</v>
      </c>
      <c r="IL41" s="236">
        <v>0</v>
      </c>
      <c r="IM41" s="237">
        <v>0</v>
      </c>
      <c r="IN41" s="140"/>
      <c r="IO41" s="119">
        <v>0</v>
      </c>
      <c r="IP41" s="119">
        <v>0</v>
      </c>
      <c r="IQ41" s="119">
        <v>0</v>
      </c>
      <c r="IR41" s="119">
        <v>0</v>
      </c>
      <c r="IS41" s="119">
        <v>0</v>
      </c>
      <c r="IT41" s="141">
        <v>0</v>
      </c>
      <c r="IU41" s="321">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0</v>
      </c>
      <c r="JL41" s="119">
        <v>0</v>
      </c>
      <c r="JM41" s="119">
        <v>0</v>
      </c>
      <c r="JN41" s="119">
        <v>221753</v>
      </c>
      <c r="JO41" s="119">
        <v>90493</v>
      </c>
      <c r="JP41" s="120">
        <v>312246</v>
      </c>
      <c r="JQ41" s="321">
        <v>312246</v>
      </c>
      <c r="JR41" s="142">
        <v>0</v>
      </c>
      <c r="JS41" s="119">
        <v>0</v>
      </c>
      <c r="JT41" s="141">
        <v>0</v>
      </c>
      <c r="JU41" s="118">
        <v>0</v>
      </c>
      <c r="JV41" s="119">
        <v>0</v>
      </c>
      <c r="JW41" s="119">
        <v>0</v>
      </c>
      <c r="JX41" s="119">
        <v>0</v>
      </c>
      <c r="JY41" s="119">
        <v>0</v>
      </c>
      <c r="JZ41" s="119">
        <v>0</v>
      </c>
      <c r="KA41" s="120">
        <v>0</v>
      </c>
      <c r="KB41" s="321">
        <v>0</v>
      </c>
      <c r="KC41" s="234">
        <v>0</v>
      </c>
      <c r="KD41" s="230">
        <v>0</v>
      </c>
      <c r="KE41" s="120">
        <v>0</v>
      </c>
      <c r="KF41" s="118">
        <v>0</v>
      </c>
      <c r="KG41" s="119">
        <v>97925</v>
      </c>
      <c r="KH41" s="119">
        <v>0</v>
      </c>
      <c r="KI41" s="119">
        <v>0</v>
      </c>
      <c r="KJ41" s="119">
        <v>0</v>
      </c>
      <c r="KK41" s="119">
        <v>0</v>
      </c>
      <c r="KL41" s="120">
        <v>97925</v>
      </c>
      <c r="KM41" s="143">
        <v>97925</v>
      </c>
      <c r="KN41" s="232">
        <v>0</v>
      </c>
      <c r="KO41" s="236">
        <v>0</v>
      </c>
      <c r="KP41" s="237">
        <v>0</v>
      </c>
      <c r="KQ41" s="140">
        <v>0</v>
      </c>
      <c r="KR41" s="119">
        <v>0</v>
      </c>
      <c r="KS41" s="119">
        <v>0</v>
      </c>
      <c r="KT41" s="119">
        <v>211535</v>
      </c>
      <c r="KU41" s="119">
        <v>215513</v>
      </c>
      <c r="KV41" s="119">
        <v>0</v>
      </c>
      <c r="KW41" s="120">
        <v>427048</v>
      </c>
      <c r="KX41" s="321">
        <v>427048</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1">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341954</v>
      </c>
      <c r="MK41" s="119">
        <v>0</v>
      </c>
      <c r="ML41" s="119">
        <v>0</v>
      </c>
      <c r="MM41" s="119">
        <v>274743</v>
      </c>
      <c r="MN41" s="119">
        <v>303345</v>
      </c>
      <c r="MO41" s="120">
        <v>920042</v>
      </c>
      <c r="MP41" s="143">
        <v>920042</v>
      </c>
      <c r="MQ41" s="142">
        <v>0</v>
      </c>
      <c r="MR41" s="119">
        <v>0</v>
      </c>
      <c r="MS41" s="120">
        <v>0</v>
      </c>
      <c r="MT41" s="145"/>
      <c r="MU41" s="119">
        <v>0</v>
      </c>
      <c r="MV41" s="119">
        <v>0</v>
      </c>
      <c r="MW41" s="119">
        <v>0</v>
      </c>
      <c r="MX41" s="119">
        <v>207131</v>
      </c>
      <c r="MY41" s="119">
        <v>303345</v>
      </c>
      <c r="MZ41" s="120">
        <v>510476</v>
      </c>
      <c r="NA41" s="143">
        <v>510476</v>
      </c>
      <c r="NB41" s="142">
        <v>0</v>
      </c>
      <c r="NC41" s="119">
        <v>0</v>
      </c>
      <c r="ND41" s="120">
        <v>0</v>
      </c>
      <c r="NE41" s="145"/>
      <c r="NF41" s="119">
        <v>341954</v>
      </c>
      <c r="NG41" s="119">
        <v>0</v>
      </c>
      <c r="NH41" s="119">
        <v>0</v>
      </c>
      <c r="NI41" s="119">
        <v>67612</v>
      </c>
      <c r="NJ41" s="119">
        <v>0</v>
      </c>
      <c r="NK41" s="120">
        <v>409566</v>
      </c>
      <c r="NL41" s="321">
        <v>409566</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24888</v>
      </c>
      <c r="OJ41" s="119">
        <v>49512</v>
      </c>
      <c r="OK41" s="141">
        <v>74400</v>
      </c>
      <c r="OL41" s="118">
        <v>0</v>
      </c>
      <c r="OM41" s="119">
        <v>946822</v>
      </c>
      <c r="ON41" s="119">
        <v>893591</v>
      </c>
      <c r="OO41" s="119">
        <v>537618</v>
      </c>
      <c r="OP41" s="119">
        <v>1517461</v>
      </c>
      <c r="OQ41" s="119">
        <v>444122</v>
      </c>
      <c r="OR41" s="120">
        <v>4339614</v>
      </c>
      <c r="OS41" s="143">
        <v>4414014</v>
      </c>
    </row>
    <row r="42" spans="2:409" ht="20.25" customHeight="1" thickBot="1" x14ac:dyDescent="0.25">
      <c r="B42" s="127" t="s">
        <v>37</v>
      </c>
      <c r="C42" s="117">
        <v>0</v>
      </c>
      <c r="D42" s="178">
        <v>0</v>
      </c>
      <c r="E42" s="179">
        <v>0</v>
      </c>
      <c r="F42" s="180">
        <v>0</v>
      </c>
      <c r="G42" s="178">
        <v>0</v>
      </c>
      <c r="H42" s="178">
        <v>0</v>
      </c>
      <c r="I42" s="178">
        <v>0</v>
      </c>
      <c r="J42" s="178">
        <v>186061</v>
      </c>
      <c r="K42" s="178">
        <v>155577</v>
      </c>
      <c r="L42" s="180">
        <v>341638</v>
      </c>
      <c r="M42" s="181">
        <v>341638</v>
      </c>
      <c r="N42" s="117">
        <v>0</v>
      </c>
      <c r="O42" s="178">
        <v>0</v>
      </c>
      <c r="P42" s="179">
        <v>0</v>
      </c>
      <c r="Q42" s="117">
        <v>0</v>
      </c>
      <c r="R42" s="178">
        <v>0</v>
      </c>
      <c r="S42" s="178">
        <v>0</v>
      </c>
      <c r="T42" s="178">
        <v>0</v>
      </c>
      <c r="U42" s="178">
        <v>8400</v>
      </c>
      <c r="V42" s="178">
        <v>124917</v>
      </c>
      <c r="W42" s="179">
        <v>133317</v>
      </c>
      <c r="X42" s="181">
        <v>133317</v>
      </c>
      <c r="Y42" s="117">
        <v>0</v>
      </c>
      <c r="Z42" s="178">
        <v>0</v>
      </c>
      <c r="AA42" s="179">
        <v>0</v>
      </c>
      <c r="AB42" s="117">
        <v>0</v>
      </c>
      <c r="AC42" s="178">
        <v>0</v>
      </c>
      <c r="AD42" s="178">
        <v>0</v>
      </c>
      <c r="AE42" s="178">
        <v>0</v>
      </c>
      <c r="AF42" s="178">
        <v>0</v>
      </c>
      <c r="AG42" s="178">
        <v>84233</v>
      </c>
      <c r="AH42" s="179">
        <v>84233</v>
      </c>
      <c r="AI42" s="181">
        <v>84233</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29274</v>
      </c>
      <c r="BD42" s="179">
        <v>29274</v>
      </c>
      <c r="BE42" s="181">
        <v>29274</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11410</v>
      </c>
      <c r="BZ42" s="179">
        <v>19810</v>
      </c>
      <c r="CA42" s="181">
        <v>19810</v>
      </c>
      <c r="CB42" s="117">
        <v>0</v>
      </c>
      <c r="CC42" s="178">
        <v>0</v>
      </c>
      <c r="CD42" s="179">
        <v>0</v>
      </c>
      <c r="CE42" s="117">
        <v>0</v>
      </c>
      <c r="CF42" s="178">
        <v>0</v>
      </c>
      <c r="CG42" s="178">
        <v>0</v>
      </c>
      <c r="CH42" s="178">
        <v>0</v>
      </c>
      <c r="CI42" s="178">
        <v>0</v>
      </c>
      <c r="CJ42" s="178">
        <v>0</v>
      </c>
      <c r="CK42" s="179">
        <v>0</v>
      </c>
      <c r="CL42" s="181">
        <v>0</v>
      </c>
      <c r="CM42" s="117">
        <v>0</v>
      </c>
      <c r="CN42" s="178">
        <v>0</v>
      </c>
      <c r="CO42" s="179">
        <v>0</v>
      </c>
      <c r="CP42" s="182">
        <v>0</v>
      </c>
      <c r="CQ42" s="178">
        <v>0</v>
      </c>
      <c r="CR42" s="178">
        <v>0</v>
      </c>
      <c r="CS42" s="178">
        <v>0</v>
      </c>
      <c r="CT42" s="178">
        <v>0</v>
      </c>
      <c r="CU42" s="178">
        <v>0</v>
      </c>
      <c r="CV42" s="179">
        <v>0</v>
      </c>
      <c r="CW42" s="181">
        <v>0</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9"/>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0660</v>
      </c>
      <c r="FU42" s="179">
        <v>30660</v>
      </c>
      <c r="FV42" s="181">
        <v>30660</v>
      </c>
      <c r="FW42" s="184">
        <v>0</v>
      </c>
      <c r="FX42" s="178">
        <v>0</v>
      </c>
      <c r="FY42" s="183">
        <v>0</v>
      </c>
      <c r="FZ42" s="182">
        <v>0</v>
      </c>
      <c r="GA42" s="178">
        <v>0</v>
      </c>
      <c r="GB42" s="178">
        <v>0</v>
      </c>
      <c r="GC42" s="178">
        <v>0</v>
      </c>
      <c r="GD42" s="178">
        <v>0</v>
      </c>
      <c r="GE42" s="178">
        <v>30660</v>
      </c>
      <c r="GF42" s="179">
        <v>30660</v>
      </c>
      <c r="GG42" s="320">
        <v>306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77661</v>
      </c>
      <c r="HL42" s="178">
        <v>0</v>
      </c>
      <c r="HM42" s="179">
        <v>177661</v>
      </c>
      <c r="HN42" s="180">
        <v>177661</v>
      </c>
      <c r="HO42" s="335"/>
      <c r="HP42" s="336"/>
      <c r="HQ42" s="337"/>
      <c r="HR42" s="338"/>
      <c r="HS42" s="336"/>
      <c r="HT42" s="336"/>
      <c r="HU42" s="336"/>
      <c r="HV42" s="336"/>
      <c r="HW42" s="336"/>
      <c r="HX42" s="339"/>
      <c r="HY42" s="340"/>
      <c r="HZ42" s="151">
        <v>0</v>
      </c>
      <c r="IA42" s="152">
        <v>0</v>
      </c>
      <c r="IB42" s="153">
        <v>0</v>
      </c>
      <c r="IC42" s="154">
        <v>0</v>
      </c>
      <c r="ID42" s="155">
        <v>0</v>
      </c>
      <c r="IE42" s="156">
        <v>0</v>
      </c>
      <c r="IF42" s="157">
        <v>12961</v>
      </c>
      <c r="IG42" s="155">
        <v>0</v>
      </c>
      <c r="IH42" s="157">
        <v>148510</v>
      </c>
      <c r="II42" s="158">
        <v>161471</v>
      </c>
      <c r="IJ42" s="159">
        <v>161471</v>
      </c>
      <c r="IK42" s="233">
        <v>0</v>
      </c>
      <c r="IL42" s="238">
        <v>0</v>
      </c>
      <c r="IM42" s="239">
        <v>0</v>
      </c>
      <c r="IN42" s="160"/>
      <c r="IO42" s="161">
        <v>0</v>
      </c>
      <c r="IP42" s="161">
        <v>0</v>
      </c>
      <c r="IQ42" s="161">
        <v>0</v>
      </c>
      <c r="IR42" s="161">
        <v>0</v>
      </c>
      <c r="IS42" s="161">
        <v>0</v>
      </c>
      <c r="IT42" s="162">
        <v>0</v>
      </c>
      <c r="IU42" s="322">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12961</v>
      </c>
      <c r="JN42" s="161">
        <v>0</v>
      </c>
      <c r="JO42" s="161">
        <v>148510</v>
      </c>
      <c r="JP42" s="165">
        <v>161471</v>
      </c>
      <c r="JQ42" s="322">
        <v>161471</v>
      </c>
      <c r="JR42" s="163">
        <v>0</v>
      </c>
      <c r="JS42" s="161">
        <v>0</v>
      </c>
      <c r="JT42" s="162">
        <v>0</v>
      </c>
      <c r="JU42" s="164">
        <v>0</v>
      </c>
      <c r="JV42" s="161">
        <v>0</v>
      </c>
      <c r="JW42" s="161">
        <v>0</v>
      </c>
      <c r="JX42" s="161">
        <v>0</v>
      </c>
      <c r="JY42" s="161">
        <v>0</v>
      </c>
      <c r="JZ42" s="161">
        <v>0</v>
      </c>
      <c r="KA42" s="165">
        <v>0</v>
      </c>
      <c r="KB42" s="322">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v>0</v>
      </c>
      <c r="KR42" s="161">
        <v>0</v>
      </c>
      <c r="KS42" s="161">
        <v>0</v>
      </c>
      <c r="KT42" s="161">
        <v>0</v>
      </c>
      <c r="KU42" s="161">
        <v>0</v>
      </c>
      <c r="KV42" s="161">
        <v>0</v>
      </c>
      <c r="KW42" s="165">
        <v>0</v>
      </c>
      <c r="KX42" s="322">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2">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339749</v>
      </c>
      <c r="MO42" s="165">
        <v>339749</v>
      </c>
      <c r="MP42" s="167">
        <v>339749</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0</v>
      </c>
      <c r="NI42" s="161">
        <v>0</v>
      </c>
      <c r="NJ42" s="161">
        <v>0</v>
      </c>
      <c r="NK42" s="165">
        <v>0</v>
      </c>
      <c r="NL42" s="322">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339749</v>
      </c>
      <c r="OG42" s="165">
        <v>339749</v>
      </c>
      <c r="OH42" s="166">
        <v>339749</v>
      </c>
      <c r="OI42" s="163">
        <v>0</v>
      </c>
      <c r="OJ42" s="161">
        <v>0</v>
      </c>
      <c r="OK42" s="162">
        <v>0</v>
      </c>
      <c r="OL42" s="164">
        <v>0</v>
      </c>
      <c r="OM42" s="161">
        <v>0</v>
      </c>
      <c r="ON42" s="161">
        <v>0</v>
      </c>
      <c r="OO42" s="161">
        <v>12961</v>
      </c>
      <c r="OP42" s="161">
        <v>186061</v>
      </c>
      <c r="OQ42" s="161">
        <v>643836</v>
      </c>
      <c r="OR42" s="165">
        <v>842858</v>
      </c>
      <c r="OS42" s="167">
        <v>842858</v>
      </c>
    </row>
    <row r="43" spans="2:409" x14ac:dyDescent="0.2">
      <c r="B43" s="44" t="s">
        <v>84</v>
      </c>
    </row>
  </sheetData>
  <mergeCells count="158">
    <mergeCell ref="AT7:AT8"/>
    <mergeCell ref="AU7:AW7"/>
    <mergeCell ref="AX7:BD7"/>
    <mergeCell ref="BE7:BE8"/>
    <mergeCell ref="BF7:BH7"/>
    <mergeCell ref="BI7:BO7"/>
    <mergeCell ref="DH7:DH8"/>
    <mergeCell ref="G1:H1"/>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2.5546875" style="292" customWidth="1"/>
    <col min="2" max="2" width="9" style="292" customWidth="1"/>
    <col min="3" max="4" width="9.21875" style="292" bestFit="1" customWidth="1"/>
    <col min="5" max="5" width="10.77734375" style="292" bestFit="1" customWidth="1"/>
    <col min="6" max="6" width="7.109375" style="292" customWidth="1"/>
    <col min="7" max="11" width="10.44140625" style="292" bestFit="1" customWidth="1"/>
    <col min="12" max="13" width="11.6640625" style="292" bestFit="1" customWidth="1"/>
    <col min="14" max="16" width="9.21875" style="292" bestFit="1" customWidth="1"/>
    <col min="17" max="17" width="7.44140625" style="292" customWidth="1"/>
    <col min="18" max="18" width="9.21875" style="292" bestFit="1" customWidth="1"/>
    <col min="19" max="22" width="10.44140625" style="292" bestFit="1" customWidth="1"/>
    <col min="23" max="24" width="11.6640625" style="292" bestFit="1" customWidth="1"/>
    <col min="25" max="27" width="9.109375" style="292" bestFit="1" customWidth="1"/>
    <col min="28" max="28" width="7" style="292" customWidth="1"/>
    <col min="29" max="30" width="9.109375" style="292" bestFit="1" customWidth="1"/>
    <col min="31" max="32" width="9.6640625" style="292" bestFit="1" customWidth="1"/>
    <col min="33" max="33" width="9.109375" style="292" bestFit="1" customWidth="1"/>
    <col min="34" max="35" width="9.6640625" style="292" bestFit="1" customWidth="1"/>
    <col min="36" max="38" width="9.109375" style="292" bestFit="1" customWidth="1"/>
    <col min="39" max="39" width="7.33203125" style="292" customWidth="1"/>
    <col min="40" max="49" width="9.109375" style="292" bestFit="1" customWidth="1"/>
    <col min="50" max="50" width="7.33203125" style="292" customWidth="1"/>
    <col min="51" max="60" width="9.109375" style="292" bestFit="1" customWidth="1"/>
    <col min="61" max="61" width="7.77734375" style="292" customWidth="1"/>
    <col min="62" max="71" width="9.109375" style="292" bestFit="1" customWidth="1"/>
    <col min="72" max="72" width="7.77734375" style="292" customWidth="1"/>
    <col min="73" max="77" width="9.109375" style="292" bestFit="1" customWidth="1"/>
    <col min="78" max="79" width="9.6640625" style="292" bestFit="1" customWidth="1"/>
    <col min="80" max="82" width="9.109375" style="292" bestFit="1" customWidth="1"/>
    <col min="83" max="83" width="7.88671875" style="292" customWidth="1"/>
    <col min="84" max="93" width="9.109375" style="292" bestFit="1" customWidth="1"/>
    <col min="94" max="94" width="8" style="292" customWidth="1"/>
    <col min="95" max="104" width="9.109375" style="292" bestFit="1" customWidth="1"/>
    <col min="105" max="105" width="8" style="292" customWidth="1"/>
    <col min="106" max="115" width="9.109375" style="292" bestFit="1" customWidth="1"/>
    <col min="116" max="116" width="7.6640625" style="292" customWidth="1"/>
    <col min="117" max="117" width="9.109375" style="292" bestFit="1" customWidth="1"/>
    <col min="118" max="121" width="9.6640625" style="292" bestFit="1" customWidth="1"/>
    <col min="122" max="123" width="10.6640625" style="292" bestFit="1" customWidth="1"/>
    <col min="124" max="126" width="9.109375" style="292" bestFit="1" customWidth="1"/>
    <col min="127" max="127" width="7.44140625" style="292" customWidth="1"/>
    <col min="128" max="129" width="9.109375" style="292" bestFit="1" customWidth="1"/>
    <col min="130" max="134" width="9.6640625" style="292" bestFit="1" customWidth="1"/>
    <col min="135" max="137" width="9.109375" style="292" bestFit="1" customWidth="1"/>
    <col min="138" max="138" width="7.6640625" style="292" customWidth="1"/>
    <col min="139" max="148" width="9.109375" style="292" bestFit="1" customWidth="1"/>
    <col min="149" max="149" width="7.77734375" style="292" customWidth="1"/>
    <col min="150" max="159" width="9.109375" style="292" bestFit="1" customWidth="1"/>
    <col min="160" max="160" width="7.77734375" style="292" customWidth="1"/>
    <col min="161" max="170" width="9.109375" style="292" bestFit="1" customWidth="1"/>
    <col min="171" max="171" width="7.33203125" style="292" customWidth="1"/>
    <col min="172" max="181" width="9.109375" style="292" bestFit="1" customWidth="1"/>
    <col min="182" max="182" width="8" style="292" customWidth="1"/>
    <col min="183" max="188" width="9.109375" style="292" bestFit="1" customWidth="1"/>
    <col min="189" max="189" width="9.6640625" style="292" bestFit="1" customWidth="1"/>
    <col min="190" max="192" width="9.109375" style="292" bestFit="1" customWidth="1"/>
    <col min="193" max="193" width="7.44140625" style="292" customWidth="1"/>
    <col min="194" max="203" width="9.109375" style="292" bestFit="1" customWidth="1"/>
    <col min="204" max="204" width="7.88671875" style="292" customWidth="1"/>
    <col min="205" max="214" width="9.109375" style="292" bestFit="1" customWidth="1"/>
    <col min="215" max="215" width="7.88671875" style="292" customWidth="1"/>
    <col min="216" max="225" width="9.109375" style="292" bestFit="1" customWidth="1"/>
    <col min="226" max="226" width="7.6640625" style="292" customWidth="1"/>
    <col min="227" max="229" width="9.6640625" style="292" bestFit="1" customWidth="1"/>
    <col min="230" max="230" width="10.6640625" style="292" bestFit="1" customWidth="1"/>
    <col min="231" max="231" width="9.6640625" style="292" bestFit="1" customWidth="1"/>
    <col min="232" max="233" width="10.6640625" style="292" bestFit="1" customWidth="1"/>
    <col min="234" max="16384" width="9" style="292"/>
  </cols>
  <sheetData>
    <row r="1" spans="2:233" s="1" customFormat="1" ht="24" customHeight="1" x14ac:dyDescent="0.2">
      <c r="B1" s="20" t="s">
        <v>0</v>
      </c>
      <c r="C1" s="39"/>
      <c r="D1" s="39"/>
      <c r="E1" s="368">
        <f>第１表!F2</f>
        <v>4</v>
      </c>
      <c r="F1" s="253">
        <f>第１表!G2</f>
        <v>8</v>
      </c>
      <c r="G1" s="738">
        <f>IF(F1&lt;3,F1-2+12,F1-2)</f>
        <v>6</v>
      </c>
      <c r="H1" s="738"/>
      <c r="J1" s="39"/>
      <c r="K1" s="39"/>
      <c r="L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c r="EC1" s="39"/>
    </row>
    <row r="2" spans="2:233" ht="24" customHeight="1" thickBot="1" x14ac:dyDescent="0.25">
      <c r="B2" s="20" t="s">
        <v>120</v>
      </c>
    </row>
    <row r="3" spans="2:233" ht="19.5" customHeight="1" thickBot="1" x14ac:dyDescent="0.25">
      <c r="B3" s="739"/>
      <c r="C3" s="746" t="s">
        <v>116</v>
      </c>
      <c r="D3" s="747"/>
      <c r="E3" s="747"/>
      <c r="F3" s="747"/>
      <c r="G3" s="747"/>
      <c r="H3" s="747"/>
      <c r="I3" s="747"/>
      <c r="J3" s="747"/>
      <c r="K3" s="747"/>
      <c r="L3" s="747"/>
      <c r="M3" s="747"/>
      <c r="N3" s="505"/>
      <c r="O3" s="505"/>
      <c r="P3" s="505"/>
      <c r="Q3" s="505"/>
      <c r="R3" s="505"/>
      <c r="S3" s="505"/>
      <c r="T3" s="505"/>
      <c r="U3" s="505"/>
      <c r="V3" s="505"/>
      <c r="W3" s="505"/>
      <c r="X3" s="505"/>
      <c r="Y3" s="505"/>
      <c r="Z3" s="505"/>
      <c r="AA3" s="505"/>
      <c r="AB3" s="505"/>
      <c r="AC3" s="505"/>
      <c r="AD3" s="505"/>
      <c r="AE3" s="505"/>
      <c r="AF3" s="505"/>
      <c r="AG3" s="505"/>
      <c r="AH3" s="505"/>
      <c r="AI3" s="505"/>
      <c r="AJ3" s="505"/>
      <c r="AK3" s="505"/>
      <c r="AL3" s="505"/>
      <c r="AM3" s="505"/>
      <c r="AN3" s="505"/>
      <c r="AO3" s="505"/>
      <c r="AP3" s="505"/>
      <c r="AQ3" s="505"/>
      <c r="AR3" s="505"/>
      <c r="AS3" s="505"/>
      <c r="AT3" s="505"/>
      <c r="AU3" s="505"/>
      <c r="AV3" s="505"/>
      <c r="AW3" s="505"/>
      <c r="AX3" s="505"/>
      <c r="AY3" s="505"/>
      <c r="AZ3" s="505"/>
      <c r="BA3" s="505"/>
      <c r="BB3" s="505"/>
      <c r="BC3" s="505"/>
      <c r="BD3" s="505"/>
      <c r="BE3" s="505"/>
      <c r="BF3" s="505"/>
      <c r="BG3" s="505"/>
      <c r="BH3" s="505"/>
      <c r="BI3" s="505"/>
      <c r="BJ3" s="505"/>
      <c r="BK3" s="505"/>
      <c r="BL3" s="505"/>
      <c r="BM3" s="505"/>
      <c r="BN3" s="505"/>
      <c r="BO3" s="505"/>
      <c r="BP3" s="505"/>
      <c r="BQ3" s="505"/>
      <c r="BR3" s="505"/>
      <c r="BS3" s="505"/>
      <c r="BT3" s="505"/>
      <c r="BU3" s="505"/>
      <c r="BV3" s="505"/>
      <c r="BW3" s="505"/>
      <c r="BX3" s="505"/>
      <c r="BY3" s="505"/>
      <c r="BZ3" s="505"/>
      <c r="CA3" s="505"/>
      <c r="CB3" s="505"/>
      <c r="CC3" s="505"/>
      <c r="CD3" s="505"/>
      <c r="CE3" s="505"/>
      <c r="CF3" s="505"/>
      <c r="CG3" s="505"/>
      <c r="CH3" s="505"/>
      <c r="CI3" s="505"/>
      <c r="CJ3" s="505"/>
      <c r="CK3" s="505"/>
      <c r="CL3" s="505"/>
      <c r="CM3" s="505"/>
      <c r="CN3" s="505"/>
      <c r="CO3" s="505"/>
      <c r="CP3" s="505"/>
      <c r="CQ3" s="505"/>
      <c r="CR3" s="505"/>
      <c r="CS3" s="505"/>
      <c r="CT3" s="505"/>
      <c r="CU3" s="505"/>
      <c r="CV3" s="505"/>
      <c r="CW3" s="505"/>
      <c r="CX3" s="505"/>
      <c r="CY3" s="505"/>
      <c r="CZ3" s="505"/>
      <c r="DA3" s="505"/>
      <c r="DB3" s="505"/>
      <c r="DC3" s="505"/>
      <c r="DD3" s="505"/>
      <c r="DE3" s="505"/>
      <c r="DF3" s="505"/>
      <c r="DG3" s="505"/>
      <c r="DH3" s="506"/>
      <c r="DI3" s="746" t="s">
        <v>118</v>
      </c>
      <c r="DJ3" s="747"/>
      <c r="DK3" s="747"/>
      <c r="DL3" s="747"/>
      <c r="DM3" s="747"/>
      <c r="DN3" s="747"/>
      <c r="DO3" s="747"/>
      <c r="DP3" s="747"/>
      <c r="DQ3" s="747"/>
      <c r="DR3" s="747"/>
      <c r="DS3" s="747"/>
      <c r="DT3" s="747"/>
      <c r="DU3" s="747"/>
      <c r="DV3" s="747"/>
      <c r="DW3" s="747"/>
      <c r="DX3" s="747"/>
      <c r="DY3" s="747"/>
      <c r="DZ3" s="747"/>
      <c r="EA3" s="747"/>
      <c r="EB3" s="747"/>
      <c r="EC3" s="747"/>
      <c r="ED3" s="747"/>
      <c r="EE3" s="747"/>
      <c r="EF3" s="747"/>
      <c r="EG3" s="747"/>
      <c r="EH3" s="747"/>
      <c r="EI3" s="747"/>
      <c r="EJ3" s="747"/>
      <c r="EK3" s="747"/>
      <c r="EL3" s="747"/>
      <c r="EM3" s="747"/>
      <c r="EN3" s="747"/>
      <c r="EO3" s="747"/>
      <c r="EP3" s="747"/>
      <c r="EQ3" s="747"/>
      <c r="ER3" s="747"/>
      <c r="ES3" s="747"/>
      <c r="ET3" s="747"/>
      <c r="EU3" s="747"/>
      <c r="EV3" s="747"/>
      <c r="EW3" s="747"/>
      <c r="EX3" s="747"/>
      <c r="EY3" s="747"/>
      <c r="EZ3" s="747"/>
      <c r="FA3" s="747"/>
      <c r="FB3" s="747"/>
      <c r="FC3" s="747"/>
      <c r="FD3" s="747"/>
      <c r="FE3" s="747"/>
      <c r="FF3" s="747"/>
      <c r="FG3" s="747"/>
      <c r="FH3" s="747"/>
      <c r="FI3" s="747"/>
      <c r="FJ3" s="747"/>
      <c r="FK3" s="747"/>
      <c r="FL3" s="747"/>
      <c r="FM3" s="747"/>
      <c r="FN3" s="747"/>
      <c r="FO3" s="747"/>
      <c r="FP3" s="747"/>
      <c r="FQ3" s="747"/>
      <c r="FR3" s="747"/>
      <c r="FS3" s="747"/>
      <c r="FT3" s="747"/>
      <c r="FU3" s="747"/>
      <c r="FV3" s="747"/>
      <c r="FW3" s="747"/>
      <c r="FX3" s="747"/>
      <c r="FY3" s="747"/>
      <c r="FZ3" s="747"/>
      <c r="GA3" s="747"/>
      <c r="GB3" s="747"/>
      <c r="GC3" s="747"/>
      <c r="GD3" s="747"/>
      <c r="GE3" s="747"/>
      <c r="GF3" s="747"/>
      <c r="GG3" s="747"/>
      <c r="GH3" s="747"/>
      <c r="GI3" s="747"/>
      <c r="GJ3" s="747"/>
      <c r="GK3" s="747"/>
      <c r="GL3" s="747"/>
      <c r="GM3" s="747"/>
      <c r="GN3" s="747"/>
      <c r="GO3" s="747"/>
      <c r="GP3" s="747"/>
      <c r="GQ3" s="747"/>
      <c r="GR3" s="747"/>
      <c r="GS3" s="747"/>
      <c r="GT3" s="747"/>
      <c r="GU3" s="747"/>
      <c r="GV3" s="747"/>
      <c r="GW3" s="747"/>
      <c r="GX3" s="747"/>
      <c r="GY3" s="747"/>
      <c r="GZ3" s="747"/>
      <c r="HA3" s="747"/>
      <c r="HB3" s="747"/>
      <c r="HC3" s="747"/>
      <c r="HD3" s="747"/>
      <c r="HE3" s="747"/>
      <c r="HF3" s="747"/>
      <c r="HG3" s="747"/>
      <c r="HH3" s="747"/>
      <c r="HI3" s="747"/>
      <c r="HJ3" s="747"/>
      <c r="HK3" s="747"/>
      <c r="HL3" s="747"/>
      <c r="HM3" s="747"/>
      <c r="HN3" s="749"/>
      <c r="HO3" s="750" t="s">
        <v>60</v>
      </c>
      <c r="HP3" s="751"/>
      <c r="HQ3" s="751"/>
      <c r="HR3" s="751"/>
      <c r="HS3" s="751"/>
      <c r="HT3" s="751"/>
      <c r="HU3" s="751"/>
      <c r="HV3" s="751"/>
      <c r="HW3" s="751"/>
      <c r="HX3" s="751"/>
      <c r="HY3" s="752"/>
    </row>
    <row r="4" spans="2:233" ht="19.5" customHeight="1" thickBot="1" x14ac:dyDescent="0.25">
      <c r="B4" s="740"/>
      <c r="C4" s="726"/>
      <c r="D4" s="727"/>
      <c r="E4" s="727"/>
      <c r="F4" s="727"/>
      <c r="G4" s="727"/>
      <c r="H4" s="727"/>
      <c r="I4" s="727"/>
      <c r="J4" s="727"/>
      <c r="K4" s="727"/>
      <c r="L4" s="727"/>
      <c r="M4" s="748"/>
      <c r="N4" s="742" t="s">
        <v>57</v>
      </c>
      <c r="O4" s="743"/>
      <c r="P4" s="743"/>
      <c r="Q4" s="743"/>
      <c r="R4" s="743"/>
      <c r="S4" s="743"/>
      <c r="T4" s="743"/>
      <c r="U4" s="743"/>
      <c r="V4" s="743"/>
      <c r="W4" s="743"/>
      <c r="X4" s="744"/>
      <c r="Y4" s="742" t="s">
        <v>58</v>
      </c>
      <c r="Z4" s="743"/>
      <c r="AA4" s="743"/>
      <c r="AB4" s="743"/>
      <c r="AC4" s="743"/>
      <c r="AD4" s="743"/>
      <c r="AE4" s="743"/>
      <c r="AF4" s="743"/>
      <c r="AG4" s="743"/>
      <c r="AH4" s="743"/>
      <c r="AI4" s="744"/>
      <c r="AJ4" s="742" t="s">
        <v>59</v>
      </c>
      <c r="AK4" s="743"/>
      <c r="AL4" s="743"/>
      <c r="AM4" s="743"/>
      <c r="AN4" s="743"/>
      <c r="AO4" s="743"/>
      <c r="AP4" s="743"/>
      <c r="AQ4" s="743"/>
      <c r="AR4" s="743"/>
      <c r="AS4" s="743"/>
      <c r="AT4" s="744"/>
      <c r="AU4" s="742" t="s">
        <v>151</v>
      </c>
      <c r="AV4" s="743"/>
      <c r="AW4" s="743"/>
      <c r="AX4" s="743"/>
      <c r="AY4" s="743"/>
      <c r="AZ4" s="743"/>
      <c r="BA4" s="743"/>
      <c r="BB4" s="743"/>
      <c r="BC4" s="743"/>
      <c r="BD4" s="743"/>
      <c r="BE4" s="744"/>
      <c r="BF4" s="742" t="s">
        <v>117</v>
      </c>
      <c r="BG4" s="743"/>
      <c r="BH4" s="743"/>
      <c r="BI4" s="743"/>
      <c r="BJ4" s="743"/>
      <c r="BK4" s="743"/>
      <c r="BL4" s="743"/>
      <c r="BM4" s="743"/>
      <c r="BN4" s="743"/>
      <c r="BO4" s="743"/>
      <c r="BP4" s="744"/>
      <c r="BQ4" s="742" t="s">
        <v>77</v>
      </c>
      <c r="BR4" s="743"/>
      <c r="BS4" s="743"/>
      <c r="BT4" s="743"/>
      <c r="BU4" s="743"/>
      <c r="BV4" s="743"/>
      <c r="BW4" s="743"/>
      <c r="BX4" s="743"/>
      <c r="BY4" s="743"/>
      <c r="BZ4" s="743"/>
      <c r="CA4" s="744"/>
      <c r="CB4" s="742" t="s">
        <v>78</v>
      </c>
      <c r="CC4" s="743"/>
      <c r="CD4" s="743"/>
      <c r="CE4" s="743"/>
      <c r="CF4" s="743"/>
      <c r="CG4" s="743"/>
      <c r="CH4" s="743"/>
      <c r="CI4" s="743"/>
      <c r="CJ4" s="743"/>
      <c r="CK4" s="743"/>
      <c r="CL4" s="744"/>
      <c r="CM4" s="742" t="s">
        <v>79</v>
      </c>
      <c r="CN4" s="743"/>
      <c r="CO4" s="743"/>
      <c r="CP4" s="743"/>
      <c r="CQ4" s="743"/>
      <c r="CR4" s="743"/>
      <c r="CS4" s="743"/>
      <c r="CT4" s="743"/>
      <c r="CU4" s="743"/>
      <c r="CV4" s="743"/>
      <c r="CW4" s="744"/>
      <c r="CX4" s="742" t="s">
        <v>152</v>
      </c>
      <c r="CY4" s="743"/>
      <c r="CZ4" s="743"/>
      <c r="DA4" s="743"/>
      <c r="DB4" s="743"/>
      <c r="DC4" s="743"/>
      <c r="DD4" s="743"/>
      <c r="DE4" s="743"/>
      <c r="DF4" s="743"/>
      <c r="DG4" s="743"/>
      <c r="DH4" s="744"/>
      <c r="DI4" s="726"/>
      <c r="DJ4" s="727"/>
      <c r="DK4" s="727"/>
      <c r="DL4" s="727"/>
      <c r="DM4" s="727"/>
      <c r="DN4" s="727"/>
      <c r="DO4" s="727"/>
      <c r="DP4" s="727"/>
      <c r="DQ4" s="727"/>
      <c r="DR4" s="727"/>
      <c r="DS4" s="728"/>
      <c r="DT4" s="742" t="s">
        <v>57</v>
      </c>
      <c r="DU4" s="743"/>
      <c r="DV4" s="743"/>
      <c r="DW4" s="743"/>
      <c r="DX4" s="743"/>
      <c r="DY4" s="743"/>
      <c r="DZ4" s="743"/>
      <c r="EA4" s="743"/>
      <c r="EB4" s="743"/>
      <c r="EC4" s="743"/>
      <c r="ED4" s="744"/>
      <c r="EE4" s="742" t="s">
        <v>58</v>
      </c>
      <c r="EF4" s="743"/>
      <c r="EG4" s="743"/>
      <c r="EH4" s="743"/>
      <c r="EI4" s="743"/>
      <c r="EJ4" s="743"/>
      <c r="EK4" s="743"/>
      <c r="EL4" s="743"/>
      <c r="EM4" s="743"/>
      <c r="EN4" s="743"/>
      <c r="EO4" s="744"/>
      <c r="EP4" s="742" t="s">
        <v>59</v>
      </c>
      <c r="EQ4" s="743"/>
      <c r="ER4" s="743"/>
      <c r="ES4" s="743"/>
      <c r="ET4" s="743"/>
      <c r="EU4" s="743"/>
      <c r="EV4" s="743"/>
      <c r="EW4" s="743"/>
      <c r="EX4" s="743"/>
      <c r="EY4" s="743"/>
      <c r="EZ4" s="744"/>
      <c r="FA4" s="742" t="s">
        <v>151</v>
      </c>
      <c r="FB4" s="743"/>
      <c r="FC4" s="743"/>
      <c r="FD4" s="743"/>
      <c r="FE4" s="743"/>
      <c r="FF4" s="743"/>
      <c r="FG4" s="743"/>
      <c r="FH4" s="743"/>
      <c r="FI4" s="743"/>
      <c r="FJ4" s="743"/>
      <c r="FK4" s="744"/>
      <c r="FL4" s="742" t="s">
        <v>117</v>
      </c>
      <c r="FM4" s="743"/>
      <c r="FN4" s="743"/>
      <c r="FO4" s="743"/>
      <c r="FP4" s="743"/>
      <c r="FQ4" s="743"/>
      <c r="FR4" s="743"/>
      <c r="FS4" s="743"/>
      <c r="FT4" s="743"/>
      <c r="FU4" s="743"/>
      <c r="FV4" s="744"/>
      <c r="FW4" s="742" t="s">
        <v>77</v>
      </c>
      <c r="FX4" s="743"/>
      <c r="FY4" s="743"/>
      <c r="FZ4" s="743"/>
      <c r="GA4" s="743"/>
      <c r="GB4" s="743"/>
      <c r="GC4" s="743"/>
      <c r="GD4" s="743"/>
      <c r="GE4" s="743"/>
      <c r="GF4" s="743"/>
      <c r="GG4" s="744"/>
      <c r="GH4" s="742" t="s">
        <v>78</v>
      </c>
      <c r="GI4" s="743"/>
      <c r="GJ4" s="743"/>
      <c r="GK4" s="743"/>
      <c r="GL4" s="743"/>
      <c r="GM4" s="743"/>
      <c r="GN4" s="743"/>
      <c r="GO4" s="743"/>
      <c r="GP4" s="743"/>
      <c r="GQ4" s="743"/>
      <c r="GR4" s="744"/>
      <c r="GS4" s="742" t="s">
        <v>79</v>
      </c>
      <c r="GT4" s="743"/>
      <c r="GU4" s="743"/>
      <c r="GV4" s="743"/>
      <c r="GW4" s="743"/>
      <c r="GX4" s="743"/>
      <c r="GY4" s="743"/>
      <c r="GZ4" s="743"/>
      <c r="HA4" s="743"/>
      <c r="HB4" s="743"/>
      <c r="HC4" s="744"/>
      <c r="HD4" s="742" t="s">
        <v>152</v>
      </c>
      <c r="HE4" s="743"/>
      <c r="HF4" s="743"/>
      <c r="HG4" s="743"/>
      <c r="HH4" s="743"/>
      <c r="HI4" s="743"/>
      <c r="HJ4" s="743"/>
      <c r="HK4" s="743"/>
      <c r="HL4" s="743"/>
      <c r="HM4" s="743"/>
      <c r="HN4" s="744"/>
      <c r="HO4" s="753"/>
      <c r="HP4" s="754"/>
      <c r="HQ4" s="754"/>
      <c r="HR4" s="754"/>
      <c r="HS4" s="754"/>
      <c r="HT4" s="754"/>
      <c r="HU4" s="754"/>
      <c r="HV4" s="754"/>
      <c r="HW4" s="754"/>
      <c r="HX4" s="754"/>
      <c r="HY4" s="755"/>
    </row>
    <row r="5" spans="2:233" ht="19.5" customHeight="1" x14ac:dyDescent="0.2">
      <c r="B5" s="740"/>
      <c r="C5" s="731" t="s">
        <v>61</v>
      </c>
      <c r="D5" s="732"/>
      <c r="E5" s="733"/>
      <c r="F5" s="734" t="s">
        <v>62</v>
      </c>
      <c r="G5" s="732"/>
      <c r="H5" s="732"/>
      <c r="I5" s="732"/>
      <c r="J5" s="732"/>
      <c r="K5" s="732"/>
      <c r="L5" s="735"/>
      <c r="M5" s="745" t="s">
        <v>52</v>
      </c>
      <c r="N5" s="726" t="s">
        <v>61</v>
      </c>
      <c r="O5" s="727"/>
      <c r="P5" s="728"/>
      <c r="Q5" s="729" t="s">
        <v>62</v>
      </c>
      <c r="R5" s="727"/>
      <c r="S5" s="727"/>
      <c r="T5" s="727"/>
      <c r="U5" s="727"/>
      <c r="V5" s="727"/>
      <c r="W5" s="730"/>
      <c r="X5" s="628" t="s">
        <v>52</v>
      </c>
      <c r="Y5" s="726" t="s">
        <v>61</v>
      </c>
      <c r="Z5" s="727"/>
      <c r="AA5" s="728"/>
      <c r="AB5" s="729" t="s">
        <v>62</v>
      </c>
      <c r="AC5" s="727"/>
      <c r="AD5" s="727"/>
      <c r="AE5" s="727"/>
      <c r="AF5" s="727"/>
      <c r="AG5" s="727"/>
      <c r="AH5" s="730"/>
      <c r="AI5" s="628" t="s">
        <v>52</v>
      </c>
      <c r="AJ5" s="726" t="s">
        <v>61</v>
      </c>
      <c r="AK5" s="727"/>
      <c r="AL5" s="728"/>
      <c r="AM5" s="729" t="s">
        <v>62</v>
      </c>
      <c r="AN5" s="727"/>
      <c r="AO5" s="727"/>
      <c r="AP5" s="727"/>
      <c r="AQ5" s="727"/>
      <c r="AR5" s="727"/>
      <c r="AS5" s="730"/>
      <c r="AT5" s="628" t="s">
        <v>52</v>
      </c>
      <c r="AU5" s="726" t="s">
        <v>61</v>
      </c>
      <c r="AV5" s="727"/>
      <c r="AW5" s="728"/>
      <c r="AX5" s="729" t="s">
        <v>62</v>
      </c>
      <c r="AY5" s="727"/>
      <c r="AZ5" s="727"/>
      <c r="BA5" s="727"/>
      <c r="BB5" s="727"/>
      <c r="BC5" s="727"/>
      <c r="BD5" s="730"/>
      <c r="BE5" s="628" t="s">
        <v>52</v>
      </c>
      <c r="BF5" s="726" t="s">
        <v>61</v>
      </c>
      <c r="BG5" s="727"/>
      <c r="BH5" s="728"/>
      <c r="BI5" s="729" t="s">
        <v>62</v>
      </c>
      <c r="BJ5" s="727"/>
      <c r="BK5" s="727"/>
      <c r="BL5" s="727"/>
      <c r="BM5" s="727"/>
      <c r="BN5" s="727"/>
      <c r="BO5" s="730"/>
      <c r="BP5" s="628" t="s">
        <v>52</v>
      </c>
      <c r="BQ5" s="726" t="s">
        <v>61</v>
      </c>
      <c r="BR5" s="727"/>
      <c r="BS5" s="728"/>
      <c r="BT5" s="729" t="s">
        <v>62</v>
      </c>
      <c r="BU5" s="727"/>
      <c r="BV5" s="727"/>
      <c r="BW5" s="727"/>
      <c r="BX5" s="727"/>
      <c r="BY5" s="727"/>
      <c r="BZ5" s="730"/>
      <c r="CA5" s="628" t="s">
        <v>52</v>
      </c>
      <c r="CB5" s="726" t="s">
        <v>61</v>
      </c>
      <c r="CC5" s="727"/>
      <c r="CD5" s="728"/>
      <c r="CE5" s="729" t="s">
        <v>62</v>
      </c>
      <c r="CF5" s="727"/>
      <c r="CG5" s="727"/>
      <c r="CH5" s="727"/>
      <c r="CI5" s="727"/>
      <c r="CJ5" s="727"/>
      <c r="CK5" s="730"/>
      <c r="CL5" s="628" t="s">
        <v>52</v>
      </c>
      <c r="CM5" s="726" t="s">
        <v>61</v>
      </c>
      <c r="CN5" s="727"/>
      <c r="CO5" s="728"/>
      <c r="CP5" s="729" t="s">
        <v>62</v>
      </c>
      <c r="CQ5" s="727"/>
      <c r="CR5" s="727"/>
      <c r="CS5" s="727"/>
      <c r="CT5" s="727"/>
      <c r="CU5" s="727"/>
      <c r="CV5" s="730"/>
      <c r="CW5" s="628" t="s">
        <v>52</v>
      </c>
      <c r="CX5" s="726" t="s">
        <v>61</v>
      </c>
      <c r="CY5" s="727"/>
      <c r="CZ5" s="728"/>
      <c r="DA5" s="729" t="s">
        <v>62</v>
      </c>
      <c r="DB5" s="727"/>
      <c r="DC5" s="727"/>
      <c r="DD5" s="727"/>
      <c r="DE5" s="727"/>
      <c r="DF5" s="727"/>
      <c r="DG5" s="730"/>
      <c r="DH5" s="628" t="s">
        <v>52</v>
      </c>
      <c r="DI5" s="731" t="s">
        <v>61</v>
      </c>
      <c r="DJ5" s="732"/>
      <c r="DK5" s="733"/>
      <c r="DL5" s="734" t="s">
        <v>62</v>
      </c>
      <c r="DM5" s="732"/>
      <c r="DN5" s="732"/>
      <c r="DO5" s="732"/>
      <c r="DP5" s="732"/>
      <c r="DQ5" s="732"/>
      <c r="DR5" s="735"/>
      <c r="DS5" s="736" t="s">
        <v>52</v>
      </c>
      <c r="DT5" s="726" t="s">
        <v>61</v>
      </c>
      <c r="DU5" s="727"/>
      <c r="DV5" s="728"/>
      <c r="DW5" s="729" t="s">
        <v>62</v>
      </c>
      <c r="DX5" s="727"/>
      <c r="DY5" s="727"/>
      <c r="DZ5" s="727"/>
      <c r="EA5" s="727"/>
      <c r="EB5" s="727"/>
      <c r="EC5" s="730"/>
      <c r="ED5" s="628" t="s">
        <v>52</v>
      </c>
      <c r="EE5" s="726" t="s">
        <v>61</v>
      </c>
      <c r="EF5" s="727"/>
      <c r="EG5" s="728"/>
      <c r="EH5" s="729" t="s">
        <v>62</v>
      </c>
      <c r="EI5" s="727"/>
      <c r="EJ5" s="727"/>
      <c r="EK5" s="727"/>
      <c r="EL5" s="727"/>
      <c r="EM5" s="727"/>
      <c r="EN5" s="730"/>
      <c r="EO5" s="628" t="s">
        <v>52</v>
      </c>
      <c r="EP5" s="726" t="s">
        <v>61</v>
      </c>
      <c r="EQ5" s="727"/>
      <c r="ER5" s="728"/>
      <c r="ES5" s="729" t="s">
        <v>62</v>
      </c>
      <c r="ET5" s="727"/>
      <c r="EU5" s="727"/>
      <c r="EV5" s="727"/>
      <c r="EW5" s="727"/>
      <c r="EX5" s="727"/>
      <c r="EY5" s="730"/>
      <c r="EZ5" s="628" t="s">
        <v>52</v>
      </c>
      <c r="FA5" s="726" t="s">
        <v>61</v>
      </c>
      <c r="FB5" s="727"/>
      <c r="FC5" s="728"/>
      <c r="FD5" s="729" t="s">
        <v>62</v>
      </c>
      <c r="FE5" s="727"/>
      <c r="FF5" s="727"/>
      <c r="FG5" s="727"/>
      <c r="FH5" s="727"/>
      <c r="FI5" s="727"/>
      <c r="FJ5" s="730"/>
      <c r="FK5" s="628" t="s">
        <v>52</v>
      </c>
      <c r="FL5" s="726" t="s">
        <v>61</v>
      </c>
      <c r="FM5" s="727"/>
      <c r="FN5" s="728"/>
      <c r="FO5" s="729" t="s">
        <v>62</v>
      </c>
      <c r="FP5" s="727"/>
      <c r="FQ5" s="727"/>
      <c r="FR5" s="727"/>
      <c r="FS5" s="727"/>
      <c r="FT5" s="727"/>
      <c r="FU5" s="730"/>
      <c r="FV5" s="628" t="s">
        <v>52</v>
      </c>
      <c r="FW5" s="726" t="s">
        <v>61</v>
      </c>
      <c r="FX5" s="727"/>
      <c r="FY5" s="728"/>
      <c r="FZ5" s="729" t="s">
        <v>62</v>
      </c>
      <c r="GA5" s="727"/>
      <c r="GB5" s="727"/>
      <c r="GC5" s="727"/>
      <c r="GD5" s="727"/>
      <c r="GE5" s="727"/>
      <c r="GF5" s="730"/>
      <c r="GG5" s="628" t="s">
        <v>52</v>
      </c>
      <c r="GH5" s="726" t="s">
        <v>61</v>
      </c>
      <c r="GI5" s="727"/>
      <c r="GJ5" s="728"/>
      <c r="GK5" s="729" t="s">
        <v>62</v>
      </c>
      <c r="GL5" s="727"/>
      <c r="GM5" s="727"/>
      <c r="GN5" s="727"/>
      <c r="GO5" s="727"/>
      <c r="GP5" s="727"/>
      <c r="GQ5" s="730"/>
      <c r="GR5" s="628" t="s">
        <v>52</v>
      </c>
      <c r="GS5" s="726" t="s">
        <v>61</v>
      </c>
      <c r="GT5" s="727"/>
      <c r="GU5" s="728"/>
      <c r="GV5" s="729" t="s">
        <v>62</v>
      </c>
      <c r="GW5" s="727"/>
      <c r="GX5" s="727"/>
      <c r="GY5" s="727"/>
      <c r="GZ5" s="727"/>
      <c r="HA5" s="727"/>
      <c r="HB5" s="730"/>
      <c r="HC5" s="628" t="s">
        <v>52</v>
      </c>
      <c r="HD5" s="726" t="s">
        <v>61</v>
      </c>
      <c r="HE5" s="727"/>
      <c r="HF5" s="728"/>
      <c r="HG5" s="729" t="s">
        <v>62</v>
      </c>
      <c r="HH5" s="727"/>
      <c r="HI5" s="727"/>
      <c r="HJ5" s="727"/>
      <c r="HK5" s="727"/>
      <c r="HL5" s="727"/>
      <c r="HM5" s="730"/>
      <c r="HN5" s="628" t="s">
        <v>52</v>
      </c>
      <c r="HO5" s="726" t="s">
        <v>61</v>
      </c>
      <c r="HP5" s="727"/>
      <c r="HQ5" s="728"/>
      <c r="HR5" s="729" t="s">
        <v>62</v>
      </c>
      <c r="HS5" s="727"/>
      <c r="HT5" s="727"/>
      <c r="HU5" s="727"/>
      <c r="HV5" s="727"/>
      <c r="HW5" s="727"/>
      <c r="HX5" s="730"/>
      <c r="HY5" s="628" t="s">
        <v>52</v>
      </c>
    </row>
    <row r="6" spans="2:233" ht="34.5" customHeight="1" thickBot="1" x14ac:dyDescent="0.25">
      <c r="B6" s="741"/>
      <c r="C6" s="372" t="s">
        <v>119</v>
      </c>
      <c r="D6" s="373" t="s">
        <v>44</v>
      </c>
      <c r="E6" s="380" t="s">
        <v>45</v>
      </c>
      <c r="F6" s="381" t="s">
        <v>83</v>
      </c>
      <c r="G6" s="373" t="s">
        <v>47</v>
      </c>
      <c r="H6" s="373" t="s">
        <v>48</v>
      </c>
      <c r="I6" s="373" t="s">
        <v>49</v>
      </c>
      <c r="J6" s="373" t="s">
        <v>50</v>
      </c>
      <c r="K6" s="373" t="s">
        <v>51</v>
      </c>
      <c r="L6" s="382" t="s">
        <v>45</v>
      </c>
      <c r="M6" s="725"/>
      <c r="N6" s="372" t="s">
        <v>119</v>
      </c>
      <c r="O6" s="373" t="s">
        <v>44</v>
      </c>
      <c r="P6" s="380" t="s">
        <v>45</v>
      </c>
      <c r="Q6" s="381" t="s">
        <v>83</v>
      </c>
      <c r="R6" s="373" t="s">
        <v>47</v>
      </c>
      <c r="S6" s="373" t="s">
        <v>48</v>
      </c>
      <c r="T6" s="373" t="s">
        <v>49</v>
      </c>
      <c r="U6" s="373" t="s">
        <v>50</v>
      </c>
      <c r="V6" s="373" t="s">
        <v>51</v>
      </c>
      <c r="W6" s="382" t="s">
        <v>45</v>
      </c>
      <c r="X6" s="725"/>
      <c r="Y6" s="372" t="s">
        <v>119</v>
      </c>
      <c r="Z6" s="373" t="s">
        <v>44</v>
      </c>
      <c r="AA6" s="380" t="s">
        <v>45</v>
      </c>
      <c r="AB6" s="381" t="s">
        <v>83</v>
      </c>
      <c r="AC6" s="373" t="s">
        <v>47</v>
      </c>
      <c r="AD6" s="373" t="s">
        <v>48</v>
      </c>
      <c r="AE6" s="373" t="s">
        <v>49</v>
      </c>
      <c r="AF6" s="373" t="s">
        <v>50</v>
      </c>
      <c r="AG6" s="373" t="s">
        <v>51</v>
      </c>
      <c r="AH6" s="382" t="s">
        <v>45</v>
      </c>
      <c r="AI6" s="725"/>
      <c r="AJ6" s="372" t="s">
        <v>119</v>
      </c>
      <c r="AK6" s="373" t="s">
        <v>44</v>
      </c>
      <c r="AL6" s="380" t="s">
        <v>45</v>
      </c>
      <c r="AM6" s="381" t="s">
        <v>83</v>
      </c>
      <c r="AN6" s="373" t="s">
        <v>47</v>
      </c>
      <c r="AO6" s="373" t="s">
        <v>48</v>
      </c>
      <c r="AP6" s="373" t="s">
        <v>49</v>
      </c>
      <c r="AQ6" s="373" t="s">
        <v>50</v>
      </c>
      <c r="AR6" s="373" t="s">
        <v>51</v>
      </c>
      <c r="AS6" s="382" t="s">
        <v>45</v>
      </c>
      <c r="AT6" s="725"/>
      <c r="AU6" s="372" t="s">
        <v>119</v>
      </c>
      <c r="AV6" s="373" t="s">
        <v>44</v>
      </c>
      <c r="AW6" s="380" t="s">
        <v>45</v>
      </c>
      <c r="AX6" s="381" t="s">
        <v>83</v>
      </c>
      <c r="AY6" s="373" t="s">
        <v>47</v>
      </c>
      <c r="AZ6" s="373" t="s">
        <v>48</v>
      </c>
      <c r="BA6" s="373" t="s">
        <v>49</v>
      </c>
      <c r="BB6" s="373" t="s">
        <v>50</v>
      </c>
      <c r="BC6" s="373" t="s">
        <v>51</v>
      </c>
      <c r="BD6" s="382" t="s">
        <v>45</v>
      </c>
      <c r="BE6" s="725"/>
      <c r="BF6" s="372" t="s">
        <v>119</v>
      </c>
      <c r="BG6" s="373" t="s">
        <v>44</v>
      </c>
      <c r="BH6" s="380" t="s">
        <v>45</v>
      </c>
      <c r="BI6" s="381" t="s">
        <v>83</v>
      </c>
      <c r="BJ6" s="373" t="s">
        <v>47</v>
      </c>
      <c r="BK6" s="373" t="s">
        <v>48</v>
      </c>
      <c r="BL6" s="373" t="s">
        <v>49</v>
      </c>
      <c r="BM6" s="373" t="s">
        <v>50</v>
      </c>
      <c r="BN6" s="373" t="s">
        <v>51</v>
      </c>
      <c r="BO6" s="382" t="s">
        <v>45</v>
      </c>
      <c r="BP6" s="725"/>
      <c r="BQ6" s="372" t="s">
        <v>119</v>
      </c>
      <c r="BR6" s="373" t="s">
        <v>44</v>
      </c>
      <c r="BS6" s="380" t="s">
        <v>45</v>
      </c>
      <c r="BT6" s="381" t="s">
        <v>83</v>
      </c>
      <c r="BU6" s="373" t="s">
        <v>47</v>
      </c>
      <c r="BV6" s="373" t="s">
        <v>48</v>
      </c>
      <c r="BW6" s="373" t="s">
        <v>49</v>
      </c>
      <c r="BX6" s="373" t="s">
        <v>50</v>
      </c>
      <c r="BY6" s="373" t="s">
        <v>51</v>
      </c>
      <c r="BZ6" s="382" t="s">
        <v>45</v>
      </c>
      <c r="CA6" s="725"/>
      <c r="CB6" s="372" t="s">
        <v>119</v>
      </c>
      <c r="CC6" s="373" t="s">
        <v>44</v>
      </c>
      <c r="CD6" s="380" t="s">
        <v>45</v>
      </c>
      <c r="CE6" s="381" t="s">
        <v>83</v>
      </c>
      <c r="CF6" s="373" t="s">
        <v>47</v>
      </c>
      <c r="CG6" s="373" t="s">
        <v>48</v>
      </c>
      <c r="CH6" s="373" t="s">
        <v>49</v>
      </c>
      <c r="CI6" s="373" t="s">
        <v>50</v>
      </c>
      <c r="CJ6" s="373" t="s">
        <v>51</v>
      </c>
      <c r="CK6" s="382" t="s">
        <v>45</v>
      </c>
      <c r="CL6" s="725"/>
      <c r="CM6" s="372" t="s">
        <v>119</v>
      </c>
      <c r="CN6" s="373" t="s">
        <v>44</v>
      </c>
      <c r="CO6" s="380" t="s">
        <v>45</v>
      </c>
      <c r="CP6" s="381" t="s">
        <v>83</v>
      </c>
      <c r="CQ6" s="373" t="s">
        <v>47</v>
      </c>
      <c r="CR6" s="373" t="s">
        <v>48</v>
      </c>
      <c r="CS6" s="373" t="s">
        <v>49</v>
      </c>
      <c r="CT6" s="373" t="s">
        <v>50</v>
      </c>
      <c r="CU6" s="373" t="s">
        <v>51</v>
      </c>
      <c r="CV6" s="382" t="s">
        <v>45</v>
      </c>
      <c r="CW6" s="725"/>
      <c r="CX6" s="372" t="s">
        <v>119</v>
      </c>
      <c r="CY6" s="373" t="s">
        <v>44</v>
      </c>
      <c r="CZ6" s="380" t="s">
        <v>45</v>
      </c>
      <c r="DA6" s="381" t="s">
        <v>83</v>
      </c>
      <c r="DB6" s="373" t="s">
        <v>47</v>
      </c>
      <c r="DC6" s="373" t="s">
        <v>48</v>
      </c>
      <c r="DD6" s="373" t="s">
        <v>49</v>
      </c>
      <c r="DE6" s="373" t="s">
        <v>50</v>
      </c>
      <c r="DF6" s="373" t="s">
        <v>51</v>
      </c>
      <c r="DG6" s="382" t="s">
        <v>45</v>
      </c>
      <c r="DH6" s="725"/>
      <c r="DI6" s="372" t="s">
        <v>119</v>
      </c>
      <c r="DJ6" s="373" t="s">
        <v>44</v>
      </c>
      <c r="DK6" s="380" t="s">
        <v>45</v>
      </c>
      <c r="DL6" s="381" t="s">
        <v>83</v>
      </c>
      <c r="DM6" s="373" t="s">
        <v>47</v>
      </c>
      <c r="DN6" s="373" t="s">
        <v>48</v>
      </c>
      <c r="DO6" s="373" t="s">
        <v>49</v>
      </c>
      <c r="DP6" s="373" t="s">
        <v>50</v>
      </c>
      <c r="DQ6" s="373" t="s">
        <v>51</v>
      </c>
      <c r="DR6" s="382" t="s">
        <v>45</v>
      </c>
      <c r="DS6" s="737"/>
      <c r="DT6" s="372" t="s">
        <v>119</v>
      </c>
      <c r="DU6" s="373" t="s">
        <v>44</v>
      </c>
      <c r="DV6" s="380" t="s">
        <v>45</v>
      </c>
      <c r="DW6" s="381" t="s">
        <v>83</v>
      </c>
      <c r="DX6" s="373" t="s">
        <v>47</v>
      </c>
      <c r="DY6" s="373" t="s">
        <v>48</v>
      </c>
      <c r="DZ6" s="373" t="s">
        <v>49</v>
      </c>
      <c r="EA6" s="373" t="s">
        <v>50</v>
      </c>
      <c r="EB6" s="373" t="s">
        <v>51</v>
      </c>
      <c r="EC6" s="382" t="s">
        <v>45</v>
      </c>
      <c r="ED6" s="725"/>
      <c r="EE6" s="372" t="s">
        <v>119</v>
      </c>
      <c r="EF6" s="373" t="s">
        <v>44</v>
      </c>
      <c r="EG6" s="380" t="s">
        <v>45</v>
      </c>
      <c r="EH6" s="381" t="s">
        <v>83</v>
      </c>
      <c r="EI6" s="373" t="s">
        <v>47</v>
      </c>
      <c r="EJ6" s="373" t="s">
        <v>48</v>
      </c>
      <c r="EK6" s="373" t="s">
        <v>49</v>
      </c>
      <c r="EL6" s="373" t="s">
        <v>50</v>
      </c>
      <c r="EM6" s="373" t="s">
        <v>51</v>
      </c>
      <c r="EN6" s="382" t="s">
        <v>45</v>
      </c>
      <c r="EO6" s="725"/>
      <c r="EP6" s="372" t="s">
        <v>119</v>
      </c>
      <c r="EQ6" s="373" t="s">
        <v>44</v>
      </c>
      <c r="ER6" s="380" t="s">
        <v>45</v>
      </c>
      <c r="ES6" s="381" t="s">
        <v>83</v>
      </c>
      <c r="ET6" s="373" t="s">
        <v>47</v>
      </c>
      <c r="EU6" s="373" t="s">
        <v>48</v>
      </c>
      <c r="EV6" s="373" t="s">
        <v>49</v>
      </c>
      <c r="EW6" s="373" t="s">
        <v>50</v>
      </c>
      <c r="EX6" s="373" t="s">
        <v>51</v>
      </c>
      <c r="EY6" s="382" t="s">
        <v>45</v>
      </c>
      <c r="EZ6" s="725"/>
      <c r="FA6" s="372" t="s">
        <v>119</v>
      </c>
      <c r="FB6" s="373" t="s">
        <v>44</v>
      </c>
      <c r="FC6" s="380" t="s">
        <v>45</v>
      </c>
      <c r="FD6" s="381" t="s">
        <v>83</v>
      </c>
      <c r="FE6" s="373" t="s">
        <v>47</v>
      </c>
      <c r="FF6" s="373" t="s">
        <v>48</v>
      </c>
      <c r="FG6" s="373" t="s">
        <v>49</v>
      </c>
      <c r="FH6" s="373" t="s">
        <v>50</v>
      </c>
      <c r="FI6" s="373" t="s">
        <v>51</v>
      </c>
      <c r="FJ6" s="382" t="s">
        <v>45</v>
      </c>
      <c r="FK6" s="725"/>
      <c r="FL6" s="372" t="s">
        <v>119</v>
      </c>
      <c r="FM6" s="373" t="s">
        <v>44</v>
      </c>
      <c r="FN6" s="380" t="s">
        <v>45</v>
      </c>
      <c r="FO6" s="381" t="s">
        <v>83</v>
      </c>
      <c r="FP6" s="373" t="s">
        <v>47</v>
      </c>
      <c r="FQ6" s="373" t="s">
        <v>48</v>
      </c>
      <c r="FR6" s="373" t="s">
        <v>49</v>
      </c>
      <c r="FS6" s="373" t="s">
        <v>50</v>
      </c>
      <c r="FT6" s="373" t="s">
        <v>51</v>
      </c>
      <c r="FU6" s="382" t="s">
        <v>45</v>
      </c>
      <c r="FV6" s="725"/>
      <c r="FW6" s="372" t="s">
        <v>119</v>
      </c>
      <c r="FX6" s="373" t="s">
        <v>44</v>
      </c>
      <c r="FY6" s="380" t="s">
        <v>45</v>
      </c>
      <c r="FZ6" s="381" t="s">
        <v>83</v>
      </c>
      <c r="GA6" s="373" t="s">
        <v>47</v>
      </c>
      <c r="GB6" s="373" t="s">
        <v>48</v>
      </c>
      <c r="GC6" s="373" t="s">
        <v>49</v>
      </c>
      <c r="GD6" s="373" t="s">
        <v>50</v>
      </c>
      <c r="GE6" s="373" t="s">
        <v>51</v>
      </c>
      <c r="GF6" s="382" t="s">
        <v>45</v>
      </c>
      <c r="GG6" s="725"/>
      <c r="GH6" s="372" t="s">
        <v>119</v>
      </c>
      <c r="GI6" s="373" t="s">
        <v>44</v>
      </c>
      <c r="GJ6" s="380" t="s">
        <v>45</v>
      </c>
      <c r="GK6" s="381" t="s">
        <v>83</v>
      </c>
      <c r="GL6" s="373" t="s">
        <v>47</v>
      </c>
      <c r="GM6" s="373" t="s">
        <v>48</v>
      </c>
      <c r="GN6" s="373" t="s">
        <v>49</v>
      </c>
      <c r="GO6" s="373" t="s">
        <v>50</v>
      </c>
      <c r="GP6" s="373" t="s">
        <v>51</v>
      </c>
      <c r="GQ6" s="382" t="s">
        <v>45</v>
      </c>
      <c r="GR6" s="725"/>
      <c r="GS6" s="372" t="s">
        <v>119</v>
      </c>
      <c r="GT6" s="373" t="s">
        <v>44</v>
      </c>
      <c r="GU6" s="380" t="s">
        <v>45</v>
      </c>
      <c r="GV6" s="381" t="s">
        <v>83</v>
      </c>
      <c r="GW6" s="373" t="s">
        <v>47</v>
      </c>
      <c r="GX6" s="373" t="s">
        <v>48</v>
      </c>
      <c r="GY6" s="373" t="s">
        <v>49</v>
      </c>
      <c r="GZ6" s="373" t="s">
        <v>50</v>
      </c>
      <c r="HA6" s="373" t="s">
        <v>51</v>
      </c>
      <c r="HB6" s="382" t="s">
        <v>45</v>
      </c>
      <c r="HC6" s="725"/>
      <c r="HD6" s="372" t="s">
        <v>119</v>
      </c>
      <c r="HE6" s="373" t="s">
        <v>44</v>
      </c>
      <c r="HF6" s="380" t="s">
        <v>45</v>
      </c>
      <c r="HG6" s="381" t="s">
        <v>83</v>
      </c>
      <c r="HH6" s="373" t="s">
        <v>47</v>
      </c>
      <c r="HI6" s="373" t="s">
        <v>48</v>
      </c>
      <c r="HJ6" s="373" t="s">
        <v>49</v>
      </c>
      <c r="HK6" s="373" t="s">
        <v>50</v>
      </c>
      <c r="HL6" s="373" t="s">
        <v>51</v>
      </c>
      <c r="HM6" s="382" t="s">
        <v>45</v>
      </c>
      <c r="HN6" s="725"/>
      <c r="HO6" s="372" t="s">
        <v>119</v>
      </c>
      <c r="HP6" s="373" t="s">
        <v>44</v>
      </c>
      <c r="HQ6" s="380" t="s">
        <v>45</v>
      </c>
      <c r="HR6" s="381" t="s">
        <v>83</v>
      </c>
      <c r="HS6" s="373" t="s">
        <v>47</v>
      </c>
      <c r="HT6" s="373" t="s">
        <v>48</v>
      </c>
      <c r="HU6" s="373" t="s">
        <v>49</v>
      </c>
      <c r="HV6" s="373" t="s">
        <v>50</v>
      </c>
      <c r="HW6" s="373" t="s">
        <v>51</v>
      </c>
      <c r="HX6" s="382" t="s">
        <v>45</v>
      </c>
      <c r="HY6" s="725"/>
    </row>
    <row r="7" spans="2:233" s="491" customFormat="1" ht="19.8" customHeight="1" x14ac:dyDescent="0.2">
      <c r="B7" s="482" t="s">
        <v>4</v>
      </c>
      <c r="C7" s="483">
        <v>18855</v>
      </c>
      <c r="D7" s="484">
        <v>125265</v>
      </c>
      <c r="E7" s="485">
        <v>144120</v>
      </c>
      <c r="F7" s="486">
        <v>0</v>
      </c>
      <c r="G7" s="484">
        <v>18979829</v>
      </c>
      <c r="H7" s="484">
        <v>40668755</v>
      </c>
      <c r="I7" s="484">
        <v>120702501</v>
      </c>
      <c r="J7" s="484">
        <v>155751812</v>
      </c>
      <c r="K7" s="484">
        <v>100629731</v>
      </c>
      <c r="L7" s="487">
        <v>436732628</v>
      </c>
      <c r="M7" s="488">
        <v>436876748</v>
      </c>
      <c r="N7" s="483">
        <v>0</v>
      </c>
      <c r="O7" s="484">
        <v>0</v>
      </c>
      <c r="P7" s="485">
        <v>0</v>
      </c>
      <c r="Q7" s="489"/>
      <c r="R7" s="484">
        <v>4731340</v>
      </c>
      <c r="S7" s="484">
        <v>13509852</v>
      </c>
      <c r="T7" s="484">
        <v>82599543</v>
      </c>
      <c r="U7" s="484">
        <v>112177743</v>
      </c>
      <c r="V7" s="484">
        <v>76994986</v>
      </c>
      <c r="W7" s="487">
        <v>290013464</v>
      </c>
      <c r="X7" s="488">
        <v>290013464</v>
      </c>
      <c r="Y7" s="483">
        <v>0</v>
      </c>
      <c r="Z7" s="484">
        <v>0</v>
      </c>
      <c r="AA7" s="485">
        <v>0</v>
      </c>
      <c r="AB7" s="489"/>
      <c r="AC7" s="484">
        <v>12242930</v>
      </c>
      <c r="AD7" s="484">
        <v>22301162</v>
      </c>
      <c r="AE7" s="484">
        <v>27155930</v>
      </c>
      <c r="AF7" s="484">
        <v>30677502</v>
      </c>
      <c r="AG7" s="484">
        <v>15029089</v>
      </c>
      <c r="AH7" s="487">
        <v>107406613</v>
      </c>
      <c r="AI7" s="488">
        <v>107406613</v>
      </c>
      <c r="AJ7" s="483">
        <v>0</v>
      </c>
      <c r="AK7" s="484">
        <v>0</v>
      </c>
      <c r="AL7" s="485">
        <v>0</v>
      </c>
      <c r="AM7" s="489"/>
      <c r="AN7" s="484">
        <v>2550</v>
      </c>
      <c r="AO7" s="484">
        <v>0</v>
      </c>
      <c r="AP7" s="484">
        <v>27525</v>
      </c>
      <c r="AQ7" s="484">
        <v>839356</v>
      </c>
      <c r="AR7" s="484">
        <v>1056405</v>
      </c>
      <c r="AS7" s="487">
        <v>1925836</v>
      </c>
      <c r="AT7" s="488">
        <v>1925836</v>
      </c>
      <c r="AU7" s="483">
        <v>0</v>
      </c>
      <c r="AV7" s="484">
        <v>0</v>
      </c>
      <c r="AW7" s="485">
        <v>0</v>
      </c>
      <c r="AX7" s="489"/>
      <c r="AY7" s="484">
        <v>193275</v>
      </c>
      <c r="AZ7" s="484">
        <v>168565</v>
      </c>
      <c r="BA7" s="484">
        <v>425375</v>
      </c>
      <c r="BB7" s="484">
        <v>2018860</v>
      </c>
      <c r="BC7" s="484">
        <v>2496640</v>
      </c>
      <c r="BD7" s="487">
        <v>5302715</v>
      </c>
      <c r="BE7" s="488">
        <v>5302715</v>
      </c>
      <c r="BF7" s="483">
        <v>0</v>
      </c>
      <c r="BG7" s="484">
        <v>0</v>
      </c>
      <c r="BH7" s="485">
        <v>0</v>
      </c>
      <c r="BI7" s="489"/>
      <c r="BJ7" s="484">
        <v>69355</v>
      </c>
      <c r="BK7" s="484">
        <v>278820</v>
      </c>
      <c r="BL7" s="484">
        <v>1624800</v>
      </c>
      <c r="BM7" s="484">
        <v>2038620</v>
      </c>
      <c r="BN7" s="484">
        <v>1225160</v>
      </c>
      <c r="BO7" s="487">
        <v>5236755</v>
      </c>
      <c r="BP7" s="488">
        <v>5236755</v>
      </c>
      <c r="BQ7" s="483">
        <v>18855</v>
      </c>
      <c r="BR7" s="484">
        <v>121510</v>
      </c>
      <c r="BS7" s="485">
        <v>140365</v>
      </c>
      <c r="BT7" s="486">
        <v>0</v>
      </c>
      <c r="BU7" s="484">
        <v>1656189</v>
      </c>
      <c r="BV7" s="484">
        <v>4172105</v>
      </c>
      <c r="BW7" s="484">
        <v>8510814</v>
      </c>
      <c r="BX7" s="484">
        <v>7680838</v>
      </c>
      <c r="BY7" s="484">
        <v>3457458</v>
      </c>
      <c r="BZ7" s="487">
        <v>25477404</v>
      </c>
      <c r="CA7" s="488">
        <v>25617769</v>
      </c>
      <c r="CB7" s="483">
        <v>0</v>
      </c>
      <c r="CC7" s="484">
        <v>3755</v>
      </c>
      <c r="CD7" s="485">
        <v>3755</v>
      </c>
      <c r="CE7" s="486">
        <v>0</v>
      </c>
      <c r="CF7" s="484">
        <v>84190</v>
      </c>
      <c r="CG7" s="484">
        <v>238251</v>
      </c>
      <c r="CH7" s="484">
        <v>358514</v>
      </c>
      <c r="CI7" s="484">
        <v>318893</v>
      </c>
      <c r="CJ7" s="484">
        <v>369993</v>
      </c>
      <c r="CK7" s="487">
        <v>1369841</v>
      </c>
      <c r="CL7" s="488">
        <v>1373596</v>
      </c>
      <c r="CM7" s="483">
        <v>0</v>
      </c>
      <c r="CN7" s="484">
        <v>0</v>
      </c>
      <c r="CO7" s="485">
        <v>0</v>
      </c>
      <c r="CP7" s="486">
        <v>0</v>
      </c>
      <c r="CQ7" s="484">
        <v>0</v>
      </c>
      <c r="CR7" s="484">
        <v>0</v>
      </c>
      <c r="CS7" s="484">
        <v>0</v>
      </c>
      <c r="CT7" s="484">
        <v>0</v>
      </c>
      <c r="CU7" s="484">
        <v>0</v>
      </c>
      <c r="CV7" s="487">
        <v>0</v>
      </c>
      <c r="CW7" s="488">
        <v>0</v>
      </c>
      <c r="CX7" s="483">
        <v>0</v>
      </c>
      <c r="CY7" s="484">
        <v>0</v>
      </c>
      <c r="CZ7" s="485">
        <v>0</v>
      </c>
      <c r="DA7" s="489"/>
      <c r="DB7" s="484">
        <v>0</v>
      </c>
      <c r="DC7" s="484">
        <v>0</v>
      </c>
      <c r="DD7" s="484">
        <v>0</v>
      </c>
      <c r="DE7" s="484">
        <v>0</v>
      </c>
      <c r="DF7" s="484">
        <v>0</v>
      </c>
      <c r="DG7" s="487">
        <v>0</v>
      </c>
      <c r="DH7" s="488">
        <v>0</v>
      </c>
      <c r="DI7" s="483">
        <v>31434</v>
      </c>
      <c r="DJ7" s="484">
        <v>347380</v>
      </c>
      <c r="DK7" s="485">
        <v>378814</v>
      </c>
      <c r="DL7" s="486">
        <v>0</v>
      </c>
      <c r="DM7" s="484">
        <v>11988591</v>
      </c>
      <c r="DN7" s="484">
        <v>32774777</v>
      </c>
      <c r="DO7" s="484">
        <v>132459930</v>
      </c>
      <c r="DP7" s="484">
        <v>169537887</v>
      </c>
      <c r="DQ7" s="484">
        <v>104447002</v>
      </c>
      <c r="DR7" s="487">
        <v>451208187</v>
      </c>
      <c r="DS7" s="490">
        <v>451587001</v>
      </c>
      <c r="DT7" s="483">
        <v>0</v>
      </c>
      <c r="DU7" s="484">
        <v>0</v>
      </c>
      <c r="DV7" s="485">
        <v>0</v>
      </c>
      <c r="DW7" s="489"/>
      <c r="DX7" s="484">
        <v>5878947</v>
      </c>
      <c r="DY7" s="484">
        <v>19241018</v>
      </c>
      <c r="DZ7" s="484">
        <v>109574182</v>
      </c>
      <c r="EA7" s="484">
        <v>145959152</v>
      </c>
      <c r="EB7" s="484">
        <v>92300697</v>
      </c>
      <c r="EC7" s="487">
        <v>372953996</v>
      </c>
      <c r="ED7" s="488">
        <v>372953996</v>
      </c>
      <c r="EE7" s="483">
        <v>0</v>
      </c>
      <c r="EF7" s="484">
        <v>0</v>
      </c>
      <c r="EG7" s="485">
        <v>0</v>
      </c>
      <c r="EH7" s="489"/>
      <c r="EI7" s="484">
        <v>2993614</v>
      </c>
      <c r="EJ7" s="484">
        <v>5873158</v>
      </c>
      <c r="EK7" s="484">
        <v>6395178</v>
      </c>
      <c r="EL7" s="484">
        <v>7210751</v>
      </c>
      <c r="EM7" s="484">
        <v>3971620</v>
      </c>
      <c r="EN7" s="487">
        <v>26444321</v>
      </c>
      <c r="EO7" s="488">
        <v>26444321</v>
      </c>
      <c r="EP7" s="483">
        <v>0</v>
      </c>
      <c r="EQ7" s="484">
        <v>0</v>
      </c>
      <c r="ER7" s="485">
        <v>0</v>
      </c>
      <c r="ES7" s="489"/>
      <c r="ET7" s="484">
        <v>210</v>
      </c>
      <c r="EU7" s="484">
        <v>0</v>
      </c>
      <c r="EV7" s="484">
        <v>21288</v>
      </c>
      <c r="EW7" s="484">
        <v>90049</v>
      </c>
      <c r="EX7" s="484">
        <v>190178</v>
      </c>
      <c r="EY7" s="487">
        <v>301725</v>
      </c>
      <c r="EZ7" s="488">
        <v>301725</v>
      </c>
      <c r="FA7" s="483">
        <v>0</v>
      </c>
      <c r="FB7" s="484">
        <v>0</v>
      </c>
      <c r="FC7" s="485">
        <v>0</v>
      </c>
      <c r="FD7" s="489"/>
      <c r="FE7" s="484">
        <v>37242</v>
      </c>
      <c r="FF7" s="484">
        <v>53180</v>
      </c>
      <c r="FG7" s="484">
        <v>111306</v>
      </c>
      <c r="FH7" s="484">
        <v>349901</v>
      </c>
      <c r="FI7" s="484">
        <v>399647</v>
      </c>
      <c r="FJ7" s="487">
        <v>951276</v>
      </c>
      <c r="FK7" s="488">
        <v>951276</v>
      </c>
      <c r="FL7" s="483">
        <v>0</v>
      </c>
      <c r="FM7" s="484">
        <v>0</v>
      </c>
      <c r="FN7" s="485">
        <v>0</v>
      </c>
      <c r="FO7" s="489"/>
      <c r="FP7" s="484">
        <v>174084</v>
      </c>
      <c r="FQ7" s="484">
        <v>358118</v>
      </c>
      <c r="FR7" s="484">
        <v>2632609</v>
      </c>
      <c r="FS7" s="484">
        <v>3703850</v>
      </c>
      <c r="FT7" s="484">
        <v>2015632</v>
      </c>
      <c r="FU7" s="487">
        <v>8884293</v>
      </c>
      <c r="FV7" s="488">
        <v>8884293</v>
      </c>
      <c r="FW7" s="483">
        <v>31434</v>
      </c>
      <c r="FX7" s="484">
        <v>329284</v>
      </c>
      <c r="FY7" s="485">
        <v>360718</v>
      </c>
      <c r="FZ7" s="486">
        <v>0</v>
      </c>
      <c r="GA7" s="484">
        <v>2843865</v>
      </c>
      <c r="GB7" s="484">
        <v>7117376</v>
      </c>
      <c r="GC7" s="484">
        <v>13551767</v>
      </c>
      <c r="GD7" s="484">
        <v>12031042</v>
      </c>
      <c r="GE7" s="484">
        <v>5349814</v>
      </c>
      <c r="GF7" s="487">
        <v>40893864</v>
      </c>
      <c r="GG7" s="488">
        <v>41254582</v>
      </c>
      <c r="GH7" s="483">
        <v>0</v>
      </c>
      <c r="GI7" s="484">
        <v>18096</v>
      </c>
      <c r="GJ7" s="485">
        <v>18096</v>
      </c>
      <c r="GK7" s="486">
        <v>0</v>
      </c>
      <c r="GL7" s="484">
        <v>60629</v>
      </c>
      <c r="GM7" s="484">
        <v>131927</v>
      </c>
      <c r="GN7" s="484">
        <v>173600</v>
      </c>
      <c r="GO7" s="484">
        <v>193142</v>
      </c>
      <c r="GP7" s="484">
        <v>219414</v>
      </c>
      <c r="GQ7" s="487">
        <v>778712</v>
      </c>
      <c r="GR7" s="488">
        <v>796808</v>
      </c>
      <c r="GS7" s="483">
        <v>0</v>
      </c>
      <c r="GT7" s="484">
        <v>0</v>
      </c>
      <c r="GU7" s="485">
        <v>0</v>
      </c>
      <c r="GV7" s="486">
        <v>0</v>
      </c>
      <c r="GW7" s="484">
        <v>0</v>
      </c>
      <c r="GX7" s="484">
        <v>0</v>
      </c>
      <c r="GY7" s="484">
        <v>0</v>
      </c>
      <c r="GZ7" s="484">
        <v>0</v>
      </c>
      <c r="HA7" s="484">
        <v>0</v>
      </c>
      <c r="HB7" s="487">
        <v>0</v>
      </c>
      <c r="HC7" s="488">
        <v>0</v>
      </c>
      <c r="HD7" s="483">
        <v>0</v>
      </c>
      <c r="HE7" s="484">
        <v>0</v>
      </c>
      <c r="HF7" s="485">
        <v>0</v>
      </c>
      <c r="HG7" s="489"/>
      <c r="HH7" s="484">
        <v>0</v>
      </c>
      <c r="HI7" s="484">
        <v>0</v>
      </c>
      <c r="HJ7" s="484">
        <v>0</v>
      </c>
      <c r="HK7" s="484">
        <v>0</v>
      </c>
      <c r="HL7" s="484">
        <v>0</v>
      </c>
      <c r="HM7" s="487">
        <v>0</v>
      </c>
      <c r="HN7" s="488">
        <v>0</v>
      </c>
      <c r="HO7" s="483">
        <v>50289</v>
      </c>
      <c r="HP7" s="484">
        <v>472645</v>
      </c>
      <c r="HQ7" s="485">
        <v>522934</v>
      </c>
      <c r="HR7" s="486">
        <v>0</v>
      </c>
      <c r="HS7" s="484">
        <v>30968420</v>
      </c>
      <c r="HT7" s="484">
        <v>73443532</v>
      </c>
      <c r="HU7" s="484">
        <v>253162431</v>
      </c>
      <c r="HV7" s="484">
        <v>325289699</v>
      </c>
      <c r="HW7" s="484">
        <v>205076733</v>
      </c>
      <c r="HX7" s="487">
        <v>887940815</v>
      </c>
      <c r="HY7" s="488">
        <v>888463749</v>
      </c>
    </row>
    <row r="8" spans="2:233" s="491" customFormat="1" ht="19.8" customHeight="1" x14ac:dyDescent="0.2">
      <c r="B8" s="492" t="s">
        <v>5</v>
      </c>
      <c r="C8" s="493">
        <v>445</v>
      </c>
      <c r="D8" s="494">
        <v>41490</v>
      </c>
      <c r="E8" s="495">
        <v>41935</v>
      </c>
      <c r="F8" s="496">
        <v>0</v>
      </c>
      <c r="G8" s="494">
        <v>7675213</v>
      </c>
      <c r="H8" s="494">
        <v>20424319</v>
      </c>
      <c r="I8" s="494">
        <v>51143340</v>
      </c>
      <c r="J8" s="494">
        <v>63637651</v>
      </c>
      <c r="K8" s="494">
        <v>43951510</v>
      </c>
      <c r="L8" s="497">
        <v>186832033</v>
      </c>
      <c r="M8" s="498">
        <v>186873968</v>
      </c>
      <c r="N8" s="493">
        <v>0</v>
      </c>
      <c r="O8" s="494">
        <v>0</v>
      </c>
      <c r="P8" s="495">
        <v>0</v>
      </c>
      <c r="Q8" s="499"/>
      <c r="R8" s="494">
        <v>2452590</v>
      </c>
      <c r="S8" s="494">
        <v>8444713</v>
      </c>
      <c r="T8" s="494">
        <v>35535470</v>
      </c>
      <c r="U8" s="494">
        <v>47311495</v>
      </c>
      <c r="V8" s="494">
        <v>33880584</v>
      </c>
      <c r="W8" s="497">
        <v>127624852</v>
      </c>
      <c r="X8" s="498">
        <v>127624852</v>
      </c>
      <c r="Y8" s="493">
        <v>0</v>
      </c>
      <c r="Z8" s="494">
        <v>0</v>
      </c>
      <c r="AA8" s="495">
        <v>0</v>
      </c>
      <c r="AB8" s="499"/>
      <c r="AC8" s="494">
        <v>4669010</v>
      </c>
      <c r="AD8" s="494">
        <v>10020675</v>
      </c>
      <c r="AE8" s="494">
        <v>11410284</v>
      </c>
      <c r="AF8" s="494">
        <v>12405553</v>
      </c>
      <c r="AG8" s="494">
        <v>7287781</v>
      </c>
      <c r="AH8" s="497">
        <v>45793303</v>
      </c>
      <c r="AI8" s="498">
        <v>45793303</v>
      </c>
      <c r="AJ8" s="493">
        <v>0</v>
      </c>
      <c r="AK8" s="494">
        <v>0</v>
      </c>
      <c r="AL8" s="495">
        <v>0</v>
      </c>
      <c r="AM8" s="499"/>
      <c r="AN8" s="494">
        <v>0</v>
      </c>
      <c r="AO8" s="494">
        <v>0</v>
      </c>
      <c r="AP8" s="494">
        <v>0</v>
      </c>
      <c r="AQ8" s="494">
        <v>147621</v>
      </c>
      <c r="AR8" s="494">
        <v>300510</v>
      </c>
      <c r="AS8" s="497">
        <v>448131</v>
      </c>
      <c r="AT8" s="498">
        <v>448131</v>
      </c>
      <c r="AU8" s="493">
        <v>0</v>
      </c>
      <c r="AV8" s="494">
        <v>0</v>
      </c>
      <c r="AW8" s="495">
        <v>0</v>
      </c>
      <c r="AX8" s="499"/>
      <c r="AY8" s="494">
        <v>0</v>
      </c>
      <c r="AZ8" s="494">
        <v>68700</v>
      </c>
      <c r="BA8" s="494">
        <v>26400</v>
      </c>
      <c r="BB8" s="494">
        <v>413205</v>
      </c>
      <c r="BC8" s="494">
        <v>540575</v>
      </c>
      <c r="BD8" s="497">
        <v>1048880</v>
      </c>
      <c r="BE8" s="498">
        <v>1048880</v>
      </c>
      <c r="BF8" s="493">
        <v>0</v>
      </c>
      <c r="BG8" s="494">
        <v>0</v>
      </c>
      <c r="BH8" s="495">
        <v>0</v>
      </c>
      <c r="BI8" s="499"/>
      <c r="BJ8" s="494">
        <v>36070</v>
      </c>
      <c r="BK8" s="494">
        <v>79350</v>
      </c>
      <c r="BL8" s="494">
        <v>253390</v>
      </c>
      <c r="BM8" s="494">
        <v>231450</v>
      </c>
      <c r="BN8" s="494">
        <v>180845</v>
      </c>
      <c r="BO8" s="497">
        <v>781105</v>
      </c>
      <c r="BP8" s="498">
        <v>781105</v>
      </c>
      <c r="BQ8" s="493">
        <v>445</v>
      </c>
      <c r="BR8" s="494">
        <v>37735</v>
      </c>
      <c r="BS8" s="495">
        <v>38180</v>
      </c>
      <c r="BT8" s="496">
        <v>0</v>
      </c>
      <c r="BU8" s="494">
        <v>475839</v>
      </c>
      <c r="BV8" s="494">
        <v>1698609</v>
      </c>
      <c r="BW8" s="494">
        <v>3669058</v>
      </c>
      <c r="BX8" s="494">
        <v>2969997</v>
      </c>
      <c r="BY8" s="494">
        <v>1561684</v>
      </c>
      <c r="BZ8" s="497">
        <v>10375187</v>
      </c>
      <c r="CA8" s="498">
        <v>10413367</v>
      </c>
      <c r="CB8" s="493">
        <v>0</v>
      </c>
      <c r="CC8" s="494">
        <v>3755</v>
      </c>
      <c r="CD8" s="495">
        <v>3755</v>
      </c>
      <c r="CE8" s="496">
        <v>0</v>
      </c>
      <c r="CF8" s="494">
        <v>41704</v>
      </c>
      <c r="CG8" s="494">
        <v>112272</v>
      </c>
      <c r="CH8" s="494">
        <v>248738</v>
      </c>
      <c r="CI8" s="494">
        <v>158330</v>
      </c>
      <c r="CJ8" s="494">
        <v>199531</v>
      </c>
      <c r="CK8" s="497">
        <v>760575</v>
      </c>
      <c r="CL8" s="498">
        <v>764330</v>
      </c>
      <c r="CM8" s="493">
        <v>0</v>
      </c>
      <c r="CN8" s="494">
        <v>0</v>
      </c>
      <c r="CO8" s="495">
        <v>0</v>
      </c>
      <c r="CP8" s="496">
        <v>0</v>
      </c>
      <c r="CQ8" s="494">
        <v>0</v>
      </c>
      <c r="CR8" s="494">
        <v>0</v>
      </c>
      <c r="CS8" s="494">
        <v>0</v>
      </c>
      <c r="CT8" s="494">
        <v>0</v>
      </c>
      <c r="CU8" s="494">
        <v>0</v>
      </c>
      <c r="CV8" s="497">
        <v>0</v>
      </c>
      <c r="CW8" s="498">
        <v>0</v>
      </c>
      <c r="CX8" s="493">
        <v>0</v>
      </c>
      <c r="CY8" s="494">
        <v>0</v>
      </c>
      <c r="CZ8" s="495">
        <v>0</v>
      </c>
      <c r="DA8" s="499"/>
      <c r="DB8" s="494">
        <v>0</v>
      </c>
      <c r="DC8" s="494">
        <v>0</v>
      </c>
      <c r="DD8" s="494">
        <v>0</v>
      </c>
      <c r="DE8" s="494">
        <v>0</v>
      </c>
      <c r="DF8" s="494">
        <v>0</v>
      </c>
      <c r="DG8" s="497">
        <v>0</v>
      </c>
      <c r="DH8" s="498">
        <v>0</v>
      </c>
      <c r="DI8" s="493">
        <v>3480</v>
      </c>
      <c r="DJ8" s="494">
        <v>99065</v>
      </c>
      <c r="DK8" s="495">
        <v>102545</v>
      </c>
      <c r="DL8" s="496">
        <v>0</v>
      </c>
      <c r="DM8" s="494">
        <v>5847262</v>
      </c>
      <c r="DN8" s="494">
        <v>18952578</v>
      </c>
      <c r="DO8" s="494">
        <v>56404800</v>
      </c>
      <c r="DP8" s="494">
        <v>70208502</v>
      </c>
      <c r="DQ8" s="494">
        <v>46723837</v>
      </c>
      <c r="DR8" s="497">
        <v>198136979</v>
      </c>
      <c r="DS8" s="500">
        <v>198239524</v>
      </c>
      <c r="DT8" s="493">
        <v>0</v>
      </c>
      <c r="DU8" s="494">
        <v>0</v>
      </c>
      <c r="DV8" s="495">
        <v>0</v>
      </c>
      <c r="DW8" s="499"/>
      <c r="DX8" s="494">
        <v>3284442</v>
      </c>
      <c r="DY8" s="494">
        <v>12244597</v>
      </c>
      <c r="DZ8" s="494">
        <v>46715010</v>
      </c>
      <c r="EA8" s="494">
        <v>61072923</v>
      </c>
      <c r="EB8" s="494">
        <v>41193379</v>
      </c>
      <c r="EC8" s="497">
        <v>164510351</v>
      </c>
      <c r="ED8" s="498">
        <v>164510351</v>
      </c>
      <c r="EE8" s="493">
        <v>0</v>
      </c>
      <c r="EF8" s="494">
        <v>0</v>
      </c>
      <c r="EG8" s="495">
        <v>0</v>
      </c>
      <c r="EH8" s="499"/>
      <c r="EI8" s="494">
        <v>1529298</v>
      </c>
      <c r="EJ8" s="494">
        <v>3671269</v>
      </c>
      <c r="EK8" s="494">
        <v>3743755</v>
      </c>
      <c r="EL8" s="494">
        <v>4068508</v>
      </c>
      <c r="EM8" s="494">
        <v>2628301</v>
      </c>
      <c r="EN8" s="497">
        <v>15641131</v>
      </c>
      <c r="EO8" s="498">
        <v>15641131</v>
      </c>
      <c r="EP8" s="493">
        <v>0</v>
      </c>
      <c r="EQ8" s="494">
        <v>0</v>
      </c>
      <c r="ER8" s="495">
        <v>0</v>
      </c>
      <c r="ES8" s="499"/>
      <c r="ET8" s="494">
        <v>0</v>
      </c>
      <c r="EU8" s="494">
        <v>0</v>
      </c>
      <c r="EV8" s="494">
        <v>11233</v>
      </c>
      <c r="EW8" s="494">
        <v>14880</v>
      </c>
      <c r="EX8" s="494">
        <v>27240</v>
      </c>
      <c r="EY8" s="497">
        <v>53353</v>
      </c>
      <c r="EZ8" s="498">
        <v>53353</v>
      </c>
      <c r="FA8" s="493">
        <v>0</v>
      </c>
      <c r="FB8" s="494">
        <v>0</v>
      </c>
      <c r="FC8" s="495">
        <v>0</v>
      </c>
      <c r="FD8" s="499"/>
      <c r="FE8" s="494">
        <v>0</v>
      </c>
      <c r="FF8" s="494">
        <v>22620</v>
      </c>
      <c r="FG8" s="494">
        <v>11520</v>
      </c>
      <c r="FH8" s="494">
        <v>62570</v>
      </c>
      <c r="FI8" s="494">
        <v>100118</v>
      </c>
      <c r="FJ8" s="497">
        <v>196828</v>
      </c>
      <c r="FK8" s="498">
        <v>196828</v>
      </c>
      <c r="FL8" s="493">
        <v>0</v>
      </c>
      <c r="FM8" s="494">
        <v>0</v>
      </c>
      <c r="FN8" s="495">
        <v>0</v>
      </c>
      <c r="FO8" s="499"/>
      <c r="FP8" s="494">
        <v>75948</v>
      </c>
      <c r="FQ8" s="494">
        <v>77340</v>
      </c>
      <c r="FR8" s="494">
        <v>362424</v>
      </c>
      <c r="FS8" s="494">
        <v>428460</v>
      </c>
      <c r="FT8" s="494">
        <v>264732</v>
      </c>
      <c r="FU8" s="497">
        <v>1208904</v>
      </c>
      <c r="FV8" s="498">
        <v>1208904</v>
      </c>
      <c r="FW8" s="493">
        <v>3480</v>
      </c>
      <c r="FX8" s="494">
        <v>80969</v>
      </c>
      <c r="FY8" s="495">
        <v>84449</v>
      </c>
      <c r="FZ8" s="496">
        <v>0</v>
      </c>
      <c r="GA8" s="494">
        <v>930133</v>
      </c>
      <c r="GB8" s="494">
        <v>2864659</v>
      </c>
      <c r="GC8" s="494">
        <v>5481214</v>
      </c>
      <c r="GD8" s="494">
        <v>4451279</v>
      </c>
      <c r="GE8" s="494">
        <v>2397902</v>
      </c>
      <c r="GF8" s="497">
        <v>16125187</v>
      </c>
      <c r="GG8" s="498">
        <v>16209636</v>
      </c>
      <c r="GH8" s="493">
        <v>0</v>
      </c>
      <c r="GI8" s="494">
        <v>18096</v>
      </c>
      <c r="GJ8" s="495">
        <v>18096</v>
      </c>
      <c r="GK8" s="496">
        <v>0</v>
      </c>
      <c r="GL8" s="494">
        <v>27441</v>
      </c>
      <c r="GM8" s="494">
        <v>72093</v>
      </c>
      <c r="GN8" s="494">
        <v>79644</v>
      </c>
      <c r="GO8" s="494">
        <v>109882</v>
      </c>
      <c r="GP8" s="494">
        <v>112165</v>
      </c>
      <c r="GQ8" s="497">
        <v>401225</v>
      </c>
      <c r="GR8" s="498">
        <v>419321</v>
      </c>
      <c r="GS8" s="493">
        <v>0</v>
      </c>
      <c r="GT8" s="494">
        <v>0</v>
      </c>
      <c r="GU8" s="495">
        <v>0</v>
      </c>
      <c r="GV8" s="496">
        <v>0</v>
      </c>
      <c r="GW8" s="494">
        <v>0</v>
      </c>
      <c r="GX8" s="494">
        <v>0</v>
      </c>
      <c r="GY8" s="494">
        <v>0</v>
      </c>
      <c r="GZ8" s="494">
        <v>0</v>
      </c>
      <c r="HA8" s="494">
        <v>0</v>
      </c>
      <c r="HB8" s="497">
        <v>0</v>
      </c>
      <c r="HC8" s="498">
        <v>0</v>
      </c>
      <c r="HD8" s="493">
        <v>0</v>
      </c>
      <c r="HE8" s="494">
        <v>0</v>
      </c>
      <c r="HF8" s="495">
        <v>0</v>
      </c>
      <c r="HG8" s="499"/>
      <c r="HH8" s="494">
        <v>0</v>
      </c>
      <c r="HI8" s="494">
        <v>0</v>
      </c>
      <c r="HJ8" s="494">
        <v>0</v>
      </c>
      <c r="HK8" s="494">
        <v>0</v>
      </c>
      <c r="HL8" s="494">
        <v>0</v>
      </c>
      <c r="HM8" s="497">
        <v>0</v>
      </c>
      <c r="HN8" s="498">
        <v>0</v>
      </c>
      <c r="HO8" s="493">
        <v>3925</v>
      </c>
      <c r="HP8" s="494">
        <v>140555</v>
      </c>
      <c r="HQ8" s="495">
        <v>144480</v>
      </c>
      <c r="HR8" s="496">
        <v>0</v>
      </c>
      <c r="HS8" s="494">
        <v>13522475</v>
      </c>
      <c r="HT8" s="494">
        <v>39376897</v>
      </c>
      <c r="HU8" s="494">
        <v>107548140</v>
      </c>
      <c r="HV8" s="494">
        <v>133846153</v>
      </c>
      <c r="HW8" s="494">
        <v>90675347</v>
      </c>
      <c r="HX8" s="497">
        <v>384969012</v>
      </c>
      <c r="HY8" s="498">
        <v>385113492</v>
      </c>
    </row>
    <row r="9" spans="2:233" ht="19.8" customHeight="1" x14ac:dyDescent="0.2">
      <c r="B9" s="293" t="s">
        <v>6</v>
      </c>
      <c r="C9" s="295">
        <v>340</v>
      </c>
      <c r="D9" s="296">
        <v>24384</v>
      </c>
      <c r="E9" s="297">
        <v>24724</v>
      </c>
      <c r="F9" s="298">
        <v>0</v>
      </c>
      <c r="G9" s="296">
        <v>2833350</v>
      </c>
      <c r="H9" s="296">
        <v>4469890</v>
      </c>
      <c r="I9" s="296">
        <v>15263511</v>
      </c>
      <c r="J9" s="296">
        <v>21519776</v>
      </c>
      <c r="K9" s="296">
        <v>13811586</v>
      </c>
      <c r="L9" s="299">
        <v>57898113</v>
      </c>
      <c r="M9" s="300">
        <v>57922837</v>
      </c>
      <c r="N9" s="295">
        <v>0</v>
      </c>
      <c r="O9" s="296">
        <v>0</v>
      </c>
      <c r="P9" s="297">
        <v>0</v>
      </c>
      <c r="Q9" s="301"/>
      <c r="R9" s="296">
        <v>1186145</v>
      </c>
      <c r="S9" s="296">
        <v>1650850</v>
      </c>
      <c r="T9" s="296">
        <v>10854870</v>
      </c>
      <c r="U9" s="296">
        <v>14445005</v>
      </c>
      <c r="V9" s="296">
        <v>10074570</v>
      </c>
      <c r="W9" s="299">
        <v>38211440</v>
      </c>
      <c r="X9" s="300">
        <v>38211440</v>
      </c>
      <c r="Y9" s="295">
        <v>0</v>
      </c>
      <c r="Z9" s="296">
        <v>0</v>
      </c>
      <c r="AA9" s="297">
        <v>0</v>
      </c>
      <c r="AB9" s="301"/>
      <c r="AC9" s="296">
        <v>1420100</v>
      </c>
      <c r="AD9" s="296">
        <v>2232135</v>
      </c>
      <c r="AE9" s="296">
        <v>3295520</v>
      </c>
      <c r="AF9" s="296">
        <v>4654810</v>
      </c>
      <c r="AG9" s="296">
        <v>2219690</v>
      </c>
      <c r="AH9" s="299">
        <v>13822255</v>
      </c>
      <c r="AI9" s="300">
        <v>13822255</v>
      </c>
      <c r="AJ9" s="295">
        <v>0</v>
      </c>
      <c r="AK9" s="296">
        <v>0</v>
      </c>
      <c r="AL9" s="297">
        <v>0</v>
      </c>
      <c r="AM9" s="301"/>
      <c r="AN9" s="296">
        <v>2550</v>
      </c>
      <c r="AO9" s="296">
        <v>0</v>
      </c>
      <c r="AP9" s="296">
        <v>24975</v>
      </c>
      <c r="AQ9" s="296">
        <v>384945</v>
      </c>
      <c r="AR9" s="296">
        <v>439590</v>
      </c>
      <c r="AS9" s="299">
        <v>852060</v>
      </c>
      <c r="AT9" s="300">
        <v>852060</v>
      </c>
      <c r="AU9" s="295">
        <v>0</v>
      </c>
      <c r="AV9" s="296">
        <v>0</v>
      </c>
      <c r="AW9" s="297">
        <v>0</v>
      </c>
      <c r="AX9" s="301"/>
      <c r="AY9" s="296">
        <v>0</v>
      </c>
      <c r="AZ9" s="296">
        <v>0</v>
      </c>
      <c r="BA9" s="296">
        <v>31500</v>
      </c>
      <c r="BB9" s="296">
        <v>312815</v>
      </c>
      <c r="BC9" s="296">
        <v>376170</v>
      </c>
      <c r="BD9" s="299">
        <v>720485</v>
      </c>
      <c r="BE9" s="300">
        <v>720485</v>
      </c>
      <c r="BF9" s="295">
        <v>0</v>
      </c>
      <c r="BG9" s="296">
        <v>0</v>
      </c>
      <c r="BH9" s="297">
        <v>0</v>
      </c>
      <c r="BI9" s="301"/>
      <c r="BJ9" s="296">
        <v>28185</v>
      </c>
      <c r="BK9" s="296">
        <v>97650</v>
      </c>
      <c r="BL9" s="296">
        <v>207345</v>
      </c>
      <c r="BM9" s="296">
        <v>444015</v>
      </c>
      <c r="BN9" s="296">
        <v>270390</v>
      </c>
      <c r="BO9" s="299">
        <v>1047585</v>
      </c>
      <c r="BP9" s="300">
        <v>1047585</v>
      </c>
      <c r="BQ9" s="295">
        <v>340</v>
      </c>
      <c r="BR9" s="296">
        <v>24384</v>
      </c>
      <c r="BS9" s="297">
        <v>24724</v>
      </c>
      <c r="BT9" s="298">
        <v>0</v>
      </c>
      <c r="BU9" s="296">
        <v>176560</v>
      </c>
      <c r="BV9" s="296">
        <v>448900</v>
      </c>
      <c r="BW9" s="296">
        <v>821681</v>
      </c>
      <c r="BX9" s="296">
        <v>1205326</v>
      </c>
      <c r="BY9" s="296">
        <v>350256</v>
      </c>
      <c r="BZ9" s="299">
        <v>3002723</v>
      </c>
      <c r="CA9" s="300">
        <v>3027447</v>
      </c>
      <c r="CB9" s="295">
        <v>0</v>
      </c>
      <c r="CC9" s="296">
        <v>0</v>
      </c>
      <c r="CD9" s="297">
        <v>0</v>
      </c>
      <c r="CE9" s="298">
        <v>0</v>
      </c>
      <c r="CF9" s="296">
        <v>19810</v>
      </c>
      <c r="CG9" s="296">
        <v>40355</v>
      </c>
      <c r="CH9" s="296">
        <v>27620</v>
      </c>
      <c r="CI9" s="296">
        <v>72860</v>
      </c>
      <c r="CJ9" s="296">
        <v>80920</v>
      </c>
      <c r="CK9" s="299">
        <v>241565</v>
      </c>
      <c r="CL9" s="300">
        <v>241565</v>
      </c>
      <c r="CM9" s="295">
        <v>0</v>
      </c>
      <c r="CN9" s="296">
        <v>0</v>
      </c>
      <c r="CO9" s="297">
        <v>0</v>
      </c>
      <c r="CP9" s="298">
        <v>0</v>
      </c>
      <c r="CQ9" s="296">
        <v>0</v>
      </c>
      <c r="CR9" s="296">
        <v>0</v>
      </c>
      <c r="CS9" s="296">
        <v>0</v>
      </c>
      <c r="CT9" s="296">
        <v>0</v>
      </c>
      <c r="CU9" s="296">
        <v>0</v>
      </c>
      <c r="CV9" s="299">
        <v>0</v>
      </c>
      <c r="CW9" s="300">
        <v>0</v>
      </c>
      <c r="CX9" s="295">
        <v>0</v>
      </c>
      <c r="CY9" s="296">
        <v>0</v>
      </c>
      <c r="CZ9" s="297">
        <v>0</v>
      </c>
      <c r="DA9" s="301"/>
      <c r="DB9" s="296">
        <v>0</v>
      </c>
      <c r="DC9" s="296">
        <v>0</v>
      </c>
      <c r="DD9" s="296">
        <v>0</v>
      </c>
      <c r="DE9" s="296">
        <v>0</v>
      </c>
      <c r="DF9" s="296">
        <v>0</v>
      </c>
      <c r="DG9" s="299">
        <v>0</v>
      </c>
      <c r="DH9" s="300">
        <v>0</v>
      </c>
      <c r="DI9" s="295">
        <v>1053</v>
      </c>
      <c r="DJ9" s="296">
        <v>25037</v>
      </c>
      <c r="DK9" s="297">
        <v>26090</v>
      </c>
      <c r="DL9" s="298">
        <v>0</v>
      </c>
      <c r="DM9" s="296">
        <v>1710238</v>
      </c>
      <c r="DN9" s="296">
        <v>3334072</v>
      </c>
      <c r="DO9" s="296">
        <v>14294697</v>
      </c>
      <c r="DP9" s="296">
        <v>19577191</v>
      </c>
      <c r="DQ9" s="296">
        <v>12420468</v>
      </c>
      <c r="DR9" s="299">
        <v>51336666</v>
      </c>
      <c r="DS9" s="302">
        <v>51362756</v>
      </c>
      <c r="DT9" s="295">
        <v>0</v>
      </c>
      <c r="DU9" s="296">
        <v>0</v>
      </c>
      <c r="DV9" s="297">
        <v>0</v>
      </c>
      <c r="DW9" s="301"/>
      <c r="DX9" s="296">
        <v>985905</v>
      </c>
      <c r="DY9" s="296">
        <v>1961551</v>
      </c>
      <c r="DZ9" s="296">
        <v>12056464</v>
      </c>
      <c r="EA9" s="296">
        <v>15883451</v>
      </c>
      <c r="EB9" s="296">
        <v>10682276</v>
      </c>
      <c r="EC9" s="299">
        <v>41569647</v>
      </c>
      <c r="ED9" s="300">
        <v>41569647</v>
      </c>
      <c r="EE9" s="295">
        <v>0</v>
      </c>
      <c r="EF9" s="296">
        <v>0</v>
      </c>
      <c r="EG9" s="297">
        <v>0</v>
      </c>
      <c r="EH9" s="301"/>
      <c r="EI9" s="296">
        <v>337207</v>
      </c>
      <c r="EJ9" s="296">
        <v>631770</v>
      </c>
      <c r="EK9" s="296">
        <v>671789</v>
      </c>
      <c r="EL9" s="296">
        <v>1112147</v>
      </c>
      <c r="EM9" s="296">
        <v>526981</v>
      </c>
      <c r="EN9" s="299">
        <v>3279894</v>
      </c>
      <c r="EO9" s="300">
        <v>3279894</v>
      </c>
      <c r="EP9" s="295">
        <v>0</v>
      </c>
      <c r="EQ9" s="296">
        <v>0</v>
      </c>
      <c r="ER9" s="297">
        <v>0</v>
      </c>
      <c r="ES9" s="301"/>
      <c r="ET9" s="296">
        <v>210</v>
      </c>
      <c r="EU9" s="296">
        <v>0</v>
      </c>
      <c r="EV9" s="296">
        <v>9845</v>
      </c>
      <c r="EW9" s="296">
        <v>51499</v>
      </c>
      <c r="EX9" s="296">
        <v>84248</v>
      </c>
      <c r="EY9" s="299">
        <v>145802</v>
      </c>
      <c r="EZ9" s="300">
        <v>145802</v>
      </c>
      <c r="FA9" s="295">
        <v>0</v>
      </c>
      <c r="FB9" s="296">
        <v>0</v>
      </c>
      <c r="FC9" s="297">
        <v>0</v>
      </c>
      <c r="FD9" s="301"/>
      <c r="FE9" s="296">
        <v>0</v>
      </c>
      <c r="FF9" s="296">
        <v>0</v>
      </c>
      <c r="FG9" s="296">
        <v>630</v>
      </c>
      <c r="FH9" s="296">
        <v>69148</v>
      </c>
      <c r="FI9" s="296">
        <v>56808</v>
      </c>
      <c r="FJ9" s="299">
        <v>126586</v>
      </c>
      <c r="FK9" s="300">
        <v>126586</v>
      </c>
      <c r="FL9" s="295">
        <v>0</v>
      </c>
      <c r="FM9" s="296">
        <v>0</v>
      </c>
      <c r="FN9" s="297">
        <v>0</v>
      </c>
      <c r="FO9" s="301"/>
      <c r="FP9" s="296">
        <v>56376</v>
      </c>
      <c r="FQ9" s="296">
        <v>96810</v>
      </c>
      <c r="FR9" s="296">
        <v>441890</v>
      </c>
      <c r="FS9" s="296">
        <v>1004454</v>
      </c>
      <c r="FT9" s="296">
        <v>474840</v>
      </c>
      <c r="FU9" s="299">
        <v>2074370</v>
      </c>
      <c r="FV9" s="300">
        <v>2074370</v>
      </c>
      <c r="FW9" s="295">
        <v>1053</v>
      </c>
      <c r="FX9" s="296">
        <v>25037</v>
      </c>
      <c r="FY9" s="297">
        <v>26090</v>
      </c>
      <c r="FZ9" s="298">
        <v>0</v>
      </c>
      <c r="GA9" s="296">
        <v>306944</v>
      </c>
      <c r="GB9" s="296">
        <v>614540</v>
      </c>
      <c r="GC9" s="296">
        <v>1081121</v>
      </c>
      <c r="GD9" s="296">
        <v>1412198</v>
      </c>
      <c r="GE9" s="296">
        <v>553021</v>
      </c>
      <c r="GF9" s="299">
        <v>3967824</v>
      </c>
      <c r="GG9" s="300">
        <v>3993914</v>
      </c>
      <c r="GH9" s="295">
        <v>0</v>
      </c>
      <c r="GI9" s="296">
        <v>0</v>
      </c>
      <c r="GJ9" s="297">
        <v>0</v>
      </c>
      <c r="GK9" s="298">
        <v>0</v>
      </c>
      <c r="GL9" s="296">
        <v>23596</v>
      </c>
      <c r="GM9" s="296">
        <v>29401</v>
      </c>
      <c r="GN9" s="296">
        <v>32958</v>
      </c>
      <c r="GO9" s="296">
        <v>44294</v>
      </c>
      <c r="GP9" s="296">
        <v>42294</v>
      </c>
      <c r="GQ9" s="299">
        <v>172543</v>
      </c>
      <c r="GR9" s="300">
        <v>172543</v>
      </c>
      <c r="GS9" s="295">
        <v>0</v>
      </c>
      <c r="GT9" s="296">
        <v>0</v>
      </c>
      <c r="GU9" s="297">
        <v>0</v>
      </c>
      <c r="GV9" s="298">
        <v>0</v>
      </c>
      <c r="GW9" s="296">
        <v>0</v>
      </c>
      <c r="GX9" s="296">
        <v>0</v>
      </c>
      <c r="GY9" s="296">
        <v>0</v>
      </c>
      <c r="GZ9" s="296">
        <v>0</v>
      </c>
      <c r="HA9" s="296">
        <v>0</v>
      </c>
      <c r="HB9" s="299">
        <v>0</v>
      </c>
      <c r="HC9" s="300">
        <v>0</v>
      </c>
      <c r="HD9" s="295">
        <v>0</v>
      </c>
      <c r="HE9" s="296">
        <v>0</v>
      </c>
      <c r="HF9" s="297">
        <v>0</v>
      </c>
      <c r="HG9" s="301"/>
      <c r="HH9" s="296">
        <v>0</v>
      </c>
      <c r="HI9" s="296">
        <v>0</v>
      </c>
      <c r="HJ9" s="296">
        <v>0</v>
      </c>
      <c r="HK9" s="296">
        <v>0</v>
      </c>
      <c r="HL9" s="296">
        <v>0</v>
      </c>
      <c r="HM9" s="299">
        <v>0</v>
      </c>
      <c r="HN9" s="300">
        <v>0</v>
      </c>
      <c r="HO9" s="295">
        <v>1393</v>
      </c>
      <c r="HP9" s="296">
        <v>49421</v>
      </c>
      <c r="HQ9" s="297">
        <v>50814</v>
      </c>
      <c r="HR9" s="298">
        <v>0</v>
      </c>
      <c r="HS9" s="296">
        <v>4543588</v>
      </c>
      <c r="HT9" s="296">
        <v>7803962</v>
      </c>
      <c r="HU9" s="296">
        <v>29558208</v>
      </c>
      <c r="HV9" s="296">
        <v>41096967</v>
      </c>
      <c r="HW9" s="296">
        <v>26232054</v>
      </c>
      <c r="HX9" s="299">
        <v>109234779</v>
      </c>
      <c r="HY9" s="300">
        <v>109285593</v>
      </c>
    </row>
    <row r="10" spans="2:233" ht="19.8" customHeight="1" x14ac:dyDescent="0.2">
      <c r="B10" s="293" t="s">
        <v>14</v>
      </c>
      <c r="C10" s="295">
        <v>1490</v>
      </c>
      <c r="D10" s="296">
        <v>21830</v>
      </c>
      <c r="E10" s="297">
        <v>23320</v>
      </c>
      <c r="F10" s="298">
        <v>0</v>
      </c>
      <c r="G10" s="296">
        <v>850139</v>
      </c>
      <c r="H10" s="296">
        <v>2257617</v>
      </c>
      <c r="I10" s="296">
        <v>8914179</v>
      </c>
      <c r="J10" s="296">
        <v>13275587</v>
      </c>
      <c r="K10" s="296">
        <v>7154170</v>
      </c>
      <c r="L10" s="299">
        <v>32451692</v>
      </c>
      <c r="M10" s="300">
        <v>32475012</v>
      </c>
      <c r="N10" s="295">
        <v>0</v>
      </c>
      <c r="O10" s="296">
        <v>0</v>
      </c>
      <c r="P10" s="297">
        <v>0</v>
      </c>
      <c r="Q10" s="301"/>
      <c r="R10" s="296">
        <v>89550</v>
      </c>
      <c r="S10" s="296">
        <v>467011</v>
      </c>
      <c r="T10" s="296">
        <v>6119275</v>
      </c>
      <c r="U10" s="296">
        <v>9523199</v>
      </c>
      <c r="V10" s="296">
        <v>5427385</v>
      </c>
      <c r="W10" s="299">
        <v>21626420</v>
      </c>
      <c r="X10" s="300">
        <v>21626420</v>
      </c>
      <c r="Y10" s="295">
        <v>0</v>
      </c>
      <c r="Z10" s="296">
        <v>0</v>
      </c>
      <c r="AA10" s="297">
        <v>0</v>
      </c>
      <c r="AB10" s="301"/>
      <c r="AC10" s="296">
        <v>679417</v>
      </c>
      <c r="AD10" s="296">
        <v>1509011</v>
      </c>
      <c r="AE10" s="296">
        <v>1768442</v>
      </c>
      <c r="AF10" s="296">
        <v>2027893</v>
      </c>
      <c r="AG10" s="296">
        <v>820203</v>
      </c>
      <c r="AH10" s="299">
        <v>6804966</v>
      </c>
      <c r="AI10" s="300">
        <v>6804966</v>
      </c>
      <c r="AJ10" s="295">
        <v>0</v>
      </c>
      <c r="AK10" s="296">
        <v>0</v>
      </c>
      <c r="AL10" s="297">
        <v>0</v>
      </c>
      <c r="AM10" s="301"/>
      <c r="AN10" s="296">
        <v>0</v>
      </c>
      <c r="AO10" s="296">
        <v>0</v>
      </c>
      <c r="AP10" s="296">
        <v>0</v>
      </c>
      <c r="AQ10" s="296">
        <v>205780</v>
      </c>
      <c r="AR10" s="296">
        <v>139500</v>
      </c>
      <c r="AS10" s="299">
        <v>345280</v>
      </c>
      <c r="AT10" s="300">
        <v>345280</v>
      </c>
      <c r="AU10" s="295">
        <v>0</v>
      </c>
      <c r="AV10" s="296">
        <v>0</v>
      </c>
      <c r="AW10" s="297">
        <v>0</v>
      </c>
      <c r="AX10" s="301"/>
      <c r="AY10" s="296">
        <v>0</v>
      </c>
      <c r="AZ10" s="296">
        <v>0</v>
      </c>
      <c r="BA10" s="296">
        <v>47700</v>
      </c>
      <c r="BB10" s="296">
        <v>609880</v>
      </c>
      <c r="BC10" s="296">
        <v>456765</v>
      </c>
      <c r="BD10" s="299">
        <v>1114345</v>
      </c>
      <c r="BE10" s="300">
        <v>1114345</v>
      </c>
      <c r="BF10" s="295">
        <v>0</v>
      </c>
      <c r="BG10" s="296">
        <v>0</v>
      </c>
      <c r="BH10" s="297">
        <v>0</v>
      </c>
      <c r="BI10" s="301"/>
      <c r="BJ10" s="296">
        <v>0</v>
      </c>
      <c r="BK10" s="296">
        <v>23850</v>
      </c>
      <c r="BL10" s="296">
        <v>49500</v>
      </c>
      <c r="BM10" s="296">
        <v>124960</v>
      </c>
      <c r="BN10" s="296">
        <v>55500</v>
      </c>
      <c r="BO10" s="299">
        <v>253810</v>
      </c>
      <c r="BP10" s="300">
        <v>253810</v>
      </c>
      <c r="BQ10" s="295">
        <v>1490</v>
      </c>
      <c r="BR10" s="296">
        <v>21830</v>
      </c>
      <c r="BS10" s="297">
        <v>23320</v>
      </c>
      <c r="BT10" s="298">
        <v>0</v>
      </c>
      <c r="BU10" s="296">
        <v>81172</v>
      </c>
      <c r="BV10" s="296">
        <v>257745</v>
      </c>
      <c r="BW10" s="296">
        <v>927522</v>
      </c>
      <c r="BX10" s="296">
        <v>781616</v>
      </c>
      <c r="BY10" s="296">
        <v>253021</v>
      </c>
      <c r="BZ10" s="299">
        <v>2301076</v>
      </c>
      <c r="CA10" s="300">
        <v>2324396</v>
      </c>
      <c r="CB10" s="295">
        <v>0</v>
      </c>
      <c r="CC10" s="296">
        <v>0</v>
      </c>
      <c r="CD10" s="297">
        <v>0</v>
      </c>
      <c r="CE10" s="298">
        <v>0</v>
      </c>
      <c r="CF10" s="296">
        <v>0</v>
      </c>
      <c r="CG10" s="296">
        <v>0</v>
      </c>
      <c r="CH10" s="296">
        <v>1740</v>
      </c>
      <c r="CI10" s="296">
        <v>2259</v>
      </c>
      <c r="CJ10" s="296">
        <v>1796</v>
      </c>
      <c r="CK10" s="299">
        <v>5795</v>
      </c>
      <c r="CL10" s="300">
        <v>5795</v>
      </c>
      <c r="CM10" s="295">
        <v>0</v>
      </c>
      <c r="CN10" s="296">
        <v>0</v>
      </c>
      <c r="CO10" s="297">
        <v>0</v>
      </c>
      <c r="CP10" s="298">
        <v>0</v>
      </c>
      <c r="CQ10" s="296">
        <v>0</v>
      </c>
      <c r="CR10" s="296">
        <v>0</v>
      </c>
      <c r="CS10" s="296">
        <v>0</v>
      </c>
      <c r="CT10" s="296">
        <v>0</v>
      </c>
      <c r="CU10" s="296">
        <v>0</v>
      </c>
      <c r="CV10" s="299">
        <v>0</v>
      </c>
      <c r="CW10" s="300">
        <v>0</v>
      </c>
      <c r="CX10" s="295">
        <v>0</v>
      </c>
      <c r="CY10" s="296">
        <v>0</v>
      </c>
      <c r="CZ10" s="297">
        <v>0</v>
      </c>
      <c r="DA10" s="301"/>
      <c r="DB10" s="296">
        <v>0</v>
      </c>
      <c r="DC10" s="296">
        <v>0</v>
      </c>
      <c r="DD10" s="296">
        <v>0</v>
      </c>
      <c r="DE10" s="296">
        <v>0</v>
      </c>
      <c r="DF10" s="296">
        <v>0</v>
      </c>
      <c r="DG10" s="299">
        <v>0</v>
      </c>
      <c r="DH10" s="300">
        <v>0</v>
      </c>
      <c r="DI10" s="295">
        <v>1422</v>
      </c>
      <c r="DJ10" s="296">
        <v>158241</v>
      </c>
      <c r="DK10" s="297">
        <v>159663</v>
      </c>
      <c r="DL10" s="298">
        <v>0</v>
      </c>
      <c r="DM10" s="296">
        <v>483363</v>
      </c>
      <c r="DN10" s="296">
        <v>2098023</v>
      </c>
      <c r="DO10" s="296">
        <v>13297101</v>
      </c>
      <c r="DP10" s="296">
        <v>19204833</v>
      </c>
      <c r="DQ10" s="296">
        <v>8060005</v>
      </c>
      <c r="DR10" s="299">
        <v>43143325</v>
      </c>
      <c r="DS10" s="302">
        <v>43302988</v>
      </c>
      <c r="DT10" s="295">
        <v>0</v>
      </c>
      <c r="DU10" s="296">
        <v>0</v>
      </c>
      <c r="DV10" s="297">
        <v>0</v>
      </c>
      <c r="DW10" s="301"/>
      <c r="DX10" s="296">
        <v>154530</v>
      </c>
      <c r="DY10" s="296">
        <v>914640</v>
      </c>
      <c r="DZ10" s="296">
        <v>10908213</v>
      </c>
      <c r="EA10" s="296">
        <v>16446890</v>
      </c>
      <c r="EB10" s="296">
        <v>7399758</v>
      </c>
      <c r="EC10" s="299">
        <v>35824031</v>
      </c>
      <c r="ED10" s="300">
        <v>35824031</v>
      </c>
      <c r="EE10" s="295">
        <v>0</v>
      </c>
      <c r="EF10" s="296">
        <v>0</v>
      </c>
      <c r="EG10" s="297">
        <v>0</v>
      </c>
      <c r="EH10" s="301"/>
      <c r="EI10" s="296">
        <v>60926</v>
      </c>
      <c r="EJ10" s="296">
        <v>249119</v>
      </c>
      <c r="EK10" s="296">
        <v>232130</v>
      </c>
      <c r="EL10" s="296">
        <v>299719</v>
      </c>
      <c r="EM10" s="296">
        <v>56916</v>
      </c>
      <c r="EN10" s="299">
        <v>898810</v>
      </c>
      <c r="EO10" s="300">
        <v>898810</v>
      </c>
      <c r="EP10" s="295">
        <v>0</v>
      </c>
      <c r="EQ10" s="296">
        <v>0</v>
      </c>
      <c r="ER10" s="297">
        <v>0</v>
      </c>
      <c r="ES10" s="301"/>
      <c r="ET10" s="296">
        <v>0</v>
      </c>
      <c r="EU10" s="296">
        <v>0</v>
      </c>
      <c r="EV10" s="296">
        <v>0</v>
      </c>
      <c r="EW10" s="296">
        <v>22620</v>
      </c>
      <c r="EX10" s="296">
        <v>33720</v>
      </c>
      <c r="EY10" s="299">
        <v>56340</v>
      </c>
      <c r="EZ10" s="300">
        <v>56340</v>
      </c>
      <c r="FA10" s="295">
        <v>0</v>
      </c>
      <c r="FB10" s="296">
        <v>0</v>
      </c>
      <c r="FC10" s="297">
        <v>0</v>
      </c>
      <c r="FD10" s="301"/>
      <c r="FE10" s="296">
        <v>0</v>
      </c>
      <c r="FF10" s="296">
        <v>0</v>
      </c>
      <c r="FG10" s="296">
        <v>420</v>
      </c>
      <c r="FH10" s="296">
        <v>105096</v>
      </c>
      <c r="FI10" s="296">
        <v>92518</v>
      </c>
      <c r="FJ10" s="299">
        <v>198034</v>
      </c>
      <c r="FK10" s="300">
        <v>198034</v>
      </c>
      <c r="FL10" s="295">
        <v>0</v>
      </c>
      <c r="FM10" s="296">
        <v>0</v>
      </c>
      <c r="FN10" s="297">
        <v>0</v>
      </c>
      <c r="FO10" s="301"/>
      <c r="FP10" s="296">
        <v>0</v>
      </c>
      <c r="FQ10" s="296">
        <v>20880</v>
      </c>
      <c r="FR10" s="296">
        <v>175410</v>
      </c>
      <c r="FS10" s="296">
        <v>289488</v>
      </c>
      <c r="FT10" s="296">
        <v>56460</v>
      </c>
      <c r="FU10" s="299">
        <v>542238</v>
      </c>
      <c r="FV10" s="300">
        <v>542238</v>
      </c>
      <c r="FW10" s="295">
        <v>1422</v>
      </c>
      <c r="FX10" s="296">
        <v>158241</v>
      </c>
      <c r="FY10" s="297">
        <v>159663</v>
      </c>
      <c r="FZ10" s="298">
        <v>0</v>
      </c>
      <c r="GA10" s="296">
        <v>267907</v>
      </c>
      <c r="GB10" s="296">
        <v>913384</v>
      </c>
      <c r="GC10" s="296">
        <v>1978022</v>
      </c>
      <c r="GD10" s="296">
        <v>2040845</v>
      </c>
      <c r="GE10" s="296">
        <v>420521</v>
      </c>
      <c r="GF10" s="299">
        <v>5620679</v>
      </c>
      <c r="GG10" s="300">
        <v>5780342</v>
      </c>
      <c r="GH10" s="295">
        <v>0</v>
      </c>
      <c r="GI10" s="296">
        <v>0</v>
      </c>
      <c r="GJ10" s="297">
        <v>0</v>
      </c>
      <c r="GK10" s="298">
        <v>0</v>
      </c>
      <c r="GL10" s="296">
        <v>0</v>
      </c>
      <c r="GM10" s="296">
        <v>0</v>
      </c>
      <c r="GN10" s="296">
        <v>2906</v>
      </c>
      <c r="GO10" s="296">
        <v>175</v>
      </c>
      <c r="GP10" s="296">
        <v>112</v>
      </c>
      <c r="GQ10" s="299">
        <v>3193</v>
      </c>
      <c r="GR10" s="300">
        <v>3193</v>
      </c>
      <c r="GS10" s="295">
        <v>0</v>
      </c>
      <c r="GT10" s="296">
        <v>0</v>
      </c>
      <c r="GU10" s="297">
        <v>0</v>
      </c>
      <c r="GV10" s="298">
        <v>0</v>
      </c>
      <c r="GW10" s="296">
        <v>0</v>
      </c>
      <c r="GX10" s="296">
        <v>0</v>
      </c>
      <c r="GY10" s="296">
        <v>0</v>
      </c>
      <c r="GZ10" s="296">
        <v>0</v>
      </c>
      <c r="HA10" s="296">
        <v>0</v>
      </c>
      <c r="HB10" s="299">
        <v>0</v>
      </c>
      <c r="HC10" s="300">
        <v>0</v>
      </c>
      <c r="HD10" s="295">
        <v>0</v>
      </c>
      <c r="HE10" s="296">
        <v>0</v>
      </c>
      <c r="HF10" s="297">
        <v>0</v>
      </c>
      <c r="HG10" s="301"/>
      <c r="HH10" s="296">
        <v>0</v>
      </c>
      <c r="HI10" s="296">
        <v>0</v>
      </c>
      <c r="HJ10" s="296">
        <v>0</v>
      </c>
      <c r="HK10" s="296">
        <v>0</v>
      </c>
      <c r="HL10" s="296">
        <v>0</v>
      </c>
      <c r="HM10" s="299">
        <v>0</v>
      </c>
      <c r="HN10" s="300">
        <v>0</v>
      </c>
      <c r="HO10" s="295">
        <v>2912</v>
      </c>
      <c r="HP10" s="296">
        <v>180071</v>
      </c>
      <c r="HQ10" s="297">
        <v>182983</v>
      </c>
      <c r="HR10" s="298">
        <v>0</v>
      </c>
      <c r="HS10" s="296">
        <v>1333502</v>
      </c>
      <c r="HT10" s="296">
        <v>4355640</v>
      </c>
      <c r="HU10" s="296">
        <v>22211280</v>
      </c>
      <c r="HV10" s="296">
        <v>32480420</v>
      </c>
      <c r="HW10" s="296">
        <v>15214175</v>
      </c>
      <c r="HX10" s="299">
        <v>75595017</v>
      </c>
      <c r="HY10" s="300">
        <v>75778000</v>
      </c>
    </row>
    <row r="11" spans="2:233" ht="19.8" customHeight="1" x14ac:dyDescent="0.2">
      <c r="B11" s="293" t="s">
        <v>7</v>
      </c>
      <c r="C11" s="295">
        <v>0</v>
      </c>
      <c r="D11" s="296">
        <v>245</v>
      </c>
      <c r="E11" s="297">
        <v>245</v>
      </c>
      <c r="F11" s="298">
        <v>0</v>
      </c>
      <c r="G11" s="296">
        <v>1679020</v>
      </c>
      <c r="H11" s="296">
        <v>2152950</v>
      </c>
      <c r="I11" s="296">
        <v>6809884</v>
      </c>
      <c r="J11" s="296">
        <v>9762913</v>
      </c>
      <c r="K11" s="296">
        <v>4798548</v>
      </c>
      <c r="L11" s="299">
        <v>25203315</v>
      </c>
      <c r="M11" s="300">
        <v>25203560</v>
      </c>
      <c r="N11" s="295">
        <v>0</v>
      </c>
      <c r="O11" s="296">
        <v>0</v>
      </c>
      <c r="P11" s="297">
        <v>0</v>
      </c>
      <c r="Q11" s="301"/>
      <c r="R11" s="296">
        <v>203250</v>
      </c>
      <c r="S11" s="296">
        <v>574350</v>
      </c>
      <c r="T11" s="296">
        <v>4645384</v>
      </c>
      <c r="U11" s="296">
        <v>7595345</v>
      </c>
      <c r="V11" s="296">
        <v>4141349</v>
      </c>
      <c r="W11" s="299">
        <v>17159678</v>
      </c>
      <c r="X11" s="300">
        <v>17159678</v>
      </c>
      <c r="Y11" s="295">
        <v>0</v>
      </c>
      <c r="Z11" s="296">
        <v>0</v>
      </c>
      <c r="AA11" s="297">
        <v>0</v>
      </c>
      <c r="AB11" s="301"/>
      <c r="AC11" s="296">
        <v>1304015</v>
      </c>
      <c r="AD11" s="296">
        <v>1253082</v>
      </c>
      <c r="AE11" s="296">
        <v>1737480</v>
      </c>
      <c r="AF11" s="296">
        <v>1822796</v>
      </c>
      <c r="AG11" s="296">
        <v>464100</v>
      </c>
      <c r="AH11" s="299">
        <v>6581473</v>
      </c>
      <c r="AI11" s="300">
        <v>6581473</v>
      </c>
      <c r="AJ11" s="295">
        <v>0</v>
      </c>
      <c r="AK11" s="296">
        <v>0</v>
      </c>
      <c r="AL11" s="297">
        <v>0</v>
      </c>
      <c r="AM11" s="301"/>
      <c r="AN11" s="296">
        <v>0</v>
      </c>
      <c r="AO11" s="296">
        <v>0</v>
      </c>
      <c r="AP11" s="296">
        <v>0</v>
      </c>
      <c r="AQ11" s="296">
        <v>31650</v>
      </c>
      <c r="AR11" s="296">
        <v>6060</v>
      </c>
      <c r="AS11" s="299">
        <v>37710</v>
      </c>
      <c r="AT11" s="300">
        <v>37710</v>
      </c>
      <c r="AU11" s="295">
        <v>0</v>
      </c>
      <c r="AV11" s="296">
        <v>0</v>
      </c>
      <c r="AW11" s="297">
        <v>0</v>
      </c>
      <c r="AX11" s="301"/>
      <c r="AY11" s="296">
        <v>0</v>
      </c>
      <c r="AZ11" s="296">
        <v>0</v>
      </c>
      <c r="BA11" s="296">
        <v>0</v>
      </c>
      <c r="BB11" s="296">
        <v>31650</v>
      </c>
      <c r="BC11" s="296">
        <v>19080</v>
      </c>
      <c r="BD11" s="299">
        <v>50730</v>
      </c>
      <c r="BE11" s="300">
        <v>50730</v>
      </c>
      <c r="BF11" s="295">
        <v>0</v>
      </c>
      <c r="BG11" s="296">
        <v>0</v>
      </c>
      <c r="BH11" s="297">
        <v>0</v>
      </c>
      <c r="BI11" s="301"/>
      <c r="BJ11" s="296">
        <v>0</v>
      </c>
      <c r="BK11" s="296">
        <v>0</v>
      </c>
      <c r="BL11" s="296">
        <v>0</v>
      </c>
      <c r="BM11" s="296">
        <v>0</v>
      </c>
      <c r="BN11" s="296">
        <v>0</v>
      </c>
      <c r="BO11" s="299">
        <v>0</v>
      </c>
      <c r="BP11" s="300">
        <v>0</v>
      </c>
      <c r="BQ11" s="295">
        <v>0</v>
      </c>
      <c r="BR11" s="296">
        <v>245</v>
      </c>
      <c r="BS11" s="297">
        <v>245</v>
      </c>
      <c r="BT11" s="298">
        <v>0</v>
      </c>
      <c r="BU11" s="296">
        <v>170305</v>
      </c>
      <c r="BV11" s="296">
        <v>308543</v>
      </c>
      <c r="BW11" s="296">
        <v>389870</v>
      </c>
      <c r="BX11" s="296">
        <v>260501</v>
      </c>
      <c r="BY11" s="296">
        <v>165238</v>
      </c>
      <c r="BZ11" s="299">
        <v>1294457</v>
      </c>
      <c r="CA11" s="300">
        <v>1294702</v>
      </c>
      <c r="CB11" s="295">
        <v>0</v>
      </c>
      <c r="CC11" s="296">
        <v>0</v>
      </c>
      <c r="CD11" s="297">
        <v>0</v>
      </c>
      <c r="CE11" s="298">
        <v>0</v>
      </c>
      <c r="CF11" s="296">
        <v>1450</v>
      </c>
      <c r="CG11" s="296">
        <v>16975</v>
      </c>
      <c r="CH11" s="296">
        <v>37150</v>
      </c>
      <c r="CI11" s="296">
        <v>20971</v>
      </c>
      <c r="CJ11" s="296">
        <v>2721</v>
      </c>
      <c r="CK11" s="299">
        <v>79267</v>
      </c>
      <c r="CL11" s="300">
        <v>79267</v>
      </c>
      <c r="CM11" s="295">
        <v>0</v>
      </c>
      <c r="CN11" s="296">
        <v>0</v>
      </c>
      <c r="CO11" s="297">
        <v>0</v>
      </c>
      <c r="CP11" s="298">
        <v>0</v>
      </c>
      <c r="CQ11" s="296">
        <v>0</v>
      </c>
      <c r="CR11" s="296">
        <v>0</v>
      </c>
      <c r="CS11" s="296">
        <v>0</v>
      </c>
      <c r="CT11" s="296">
        <v>0</v>
      </c>
      <c r="CU11" s="296">
        <v>0</v>
      </c>
      <c r="CV11" s="299">
        <v>0</v>
      </c>
      <c r="CW11" s="300">
        <v>0</v>
      </c>
      <c r="CX11" s="295">
        <v>0</v>
      </c>
      <c r="CY11" s="296">
        <v>0</v>
      </c>
      <c r="CZ11" s="297">
        <v>0</v>
      </c>
      <c r="DA11" s="301"/>
      <c r="DB11" s="296">
        <v>0</v>
      </c>
      <c r="DC11" s="296">
        <v>0</v>
      </c>
      <c r="DD11" s="296">
        <v>0</v>
      </c>
      <c r="DE11" s="296">
        <v>0</v>
      </c>
      <c r="DF11" s="296">
        <v>0</v>
      </c>
      <c r="DG11" s="299">
        <v>0</v>
      </c>
      <c r="DH11" s="300">
        <v>0</v>
      </c>
      <c r="DI11" s="295">
        <v>0</v>
      </c>
      <c r="DJ11" s="296">
        <v>1053</v>
      </c>
      <c r="DK11" s="297">
        <v>1053</v>
      </c>
      <c r="DL11" s="298">
        <v>0</v>
      </c>
      <c r="DM11" s="296">
        <v>725015</v>
      </c>
      <c r="DN11" s="296">
        <v>1290711</v>
      </c>
      <c r="DO11" s="296">
        <v>6881410</v>
      </c>
      <c r="DP11" s="296">
        <v>9447295</v>
      </c>
      <c r="DQ11" s="296">
        <v>5098757</v>
      </c>
      <c r="DR11" s="299">
        <v>23443188</v>
      </c>
      <c r="DS11" s="302">
        <v>23444241</v>
      </c>
      <c r="DT11" s="295">
        <v>0</v>
      </c>
      <c r="DU11" s="296">
        <v>0</v>
      </c>
      <c r="DV11" s="297">
        <v>0</v>
      </c>
      <c r="DW11" s="301"/>
      <c r="DX11" s="296">
        <v>233760</v>
      </c>
      <c r="DY11" s="296">
        <v>631976</v>
      </c>
      <c r="DZ11" s="296">
        <v>5903493</v>
      </c>
      <c r="EA11" s="296">
        <v>8918352</v>
      </c>
      <c r="EB11" s="296">
        <v>4731189</v>
      </c>
      <c r="EC11" s="299">
        <v>20418770</v>
      </c>
      <c r="ED11" s="300">
        <v>20418770</v>
      </c>
      <c r="EE11" s="295">
        <v>0</v>
      </c>
      <c r="EF11" s="296">
        <v>0</v>
      </c>
      <c r="EG11" s="297">
        <v>0</v>
      </c>
      <c r="EH11" s="301"/>
      <c r="EI11" s="296">
        <v>222646</v>
      </c>
      <c r="EJ11" s="296">
        <v>171545</v>
      </c>
      <c r="EK11" s="296">
        <v>291831</v>
      </c>
      <c r="EL11" s="296">
        <v>193719</v>
      </c>
      <c r="EM11" s="296">
        <v>122689</v>
      </c>
      <c r="EN11" s="299">
        <v>1002430</v>
      </c>
      <c r="EO11" s="300">
        <v>1002430</v>
      </c>
      <c r="EP11" s="295">
        <v>0</v>
      </c>
      <c r="EQ11" s="296">
        <v>0</v>
      </c>
      <c r="ER11" s="297">
        <v>0</v>
      </c>
      <c r="ES11" s="301"/>
      <c r="ET11" s="296">
        <v>0</v>
      </c>
      <c r="EU11" s="296">
        <v>0</v>
      </c>
      <c r="EV11" s="296">
        <v>0</v>
      </c>
      <c r="EW11" s="296">
        <v>210</v>
      </c>
      <c r="EX11" s="296">
        <v>630</v>
      </c>
      <c r="EY11" s="299">
        <v>840</v>
      </c>
      <c r="EZ11" s="300">
        <v>840</v>
      </c>
      <c r="FA11" s="295">
        <v>0</v>
      </c>
      <c r="FB11" s="296">
        <v>0</v>
      </c>
      <c r="FC11" s="297">
        <v>0</v>
      </c>
      <c r="FD11" s="301"/>
      <c r="FE11" s="296">
        <v>0</v>
      </c>
      <c r="FF11" s="296">
        <v>0</v>
      </c>
      <c r="FG11" s="296">
        <v>0</v>
      </c>
      <c r="FH11" s="296">
        <v>210</v>
      </c>
      <c r="FI11" s="296">
        <v>203</v>
      </c>
      <c r="FJ11" s="299">
        <v>413</v>
      </c>
      <c r="FK11" s="300">
        <v>413</v>
      </c>
      <c r="FL11" s="295">
        <v>0</v>
      </c>
      <c r="FM11" s="296">
        <v>0</v>
      </c>
      <c r="FN11" s="297">
        <v>0</v>
      </c>
      <c r="FO11" s="301"/>
      <c r="FP11" s="296">
        <v>0</v>
      </c>
      <c r="FQ11" s="296">
        <v>0</v>
      </c>
      <c r="FR11" s="296">
        <v>0</v>
      </c>
      <c r="FS11" s="296">
        <v>0</v>
      </c>
      <c r="FT11" s="296">
        <v>0</v>
      </c>
      <c r="FU11" s="299">
        <v>0</v>
      </c>
      <c r="FV11" s="300">
        <v>0</v>
      </c>
      <c r="FW11" s="295">
        <v>0</v>
      </c>
      <c r="FX11" s="296">
        <v>1053</v>
      </c>
      <c r="FY11" s="297">
        <v>1053</v>
      </c>
      <c r="FZ11" s="298">
        <v>0</v>
      </c>
      <c r="GA11" s="296">
        <v>268518</v>
      </c>
      <c r="GB11" s="296">
        <v>478856</v>
      </c>
      <c r="GC11" s="296">
        <v>674387</v>
      </c>
      <c r="GD11" s="296">
        <v>334454</v>
      </c>
      <c r="GE11" s="296">
        <v>239687</v>
      </c>
      <c r="GF11" s="299">
        <v>1995902</v>
      </c>
      <c r="GG11" s="300">
        <v>1996955</v>
      </c>
      <c r="GH11" s="295">
        <v>0</v>
      </c>
      <c r="GI11" s="296">
        <v>0</v>
      </c>
      <c r="GJ11" s="297">
        <v>0</v>
      </c>
      <c r="GK11" s="298">
        <v>0</v>
      </c>
      <c r="GL11" s="296">
        <v>91</v>
      </c>
      <c r="GM11" s="296">
        <v>8334</v>
      </c>
      <c r="GN11" s="296">
        <v>11699</v>
      </c>
      <c r="GO11" s="296">
        <v>350</v>
      </c>
      <c r="GP11" s="296">
        <v>4359</v>
      </c>
      <c r="GQ11" s="299">
        <v>24833</v>
      </c>
      <c r="GR11" s="300">
        <v>24833</v>
      </c>
      <c r="GS11" s="295">
        <v>0</v>
      </c>
      <c r="GT11" s="296">
        <v>0</v>
      </c>
      <c r="GU11" s="297">
        <v>0</v>
      </c>
      <c r="GV11" s="298">
        <v>0</v>
      </c>
      <c r="GW11" s="296">
        <v>0</v>
      </c>
      <c r="GX11" s="296">
        <v>0</v>
      </c>
      <c r="GY11" s="296">
        <v>0</v>
      </c>
      <c r="GZ11" s="296">
        <v>0</v>
      </c>
      <c r="HA11" s="296">
        <v>0</v>
      </c>
      <c r="HB11" s="299">
        <v>0</v>
      </c>
      <c r="HC11" s="300">
        <v>0</v>
      </c>
      <c r="HD11" s="295">
        <v>0</v>
      </c>
      <c r="HE11" s="296">
        <v>0</v>
      </c>
      <c r="HF11" s="297">
        <v>0</v>
      </c>
      <c r="HG11" s="301"/>
      <c r="HH11" s="296">
        <v>0</v>
      </c>
      <c r="HI11" s="296">
        <v>0</v>
      </c>
      <c r="HJ11" s="296">
        <v>0</v>
      </c>
      <c r="HK11" s="296">
        <v>0</v>
      </c>
      <c r="HL11" s="296">
        <v>0</v>
      </c>
      <c r="HM11" s="299">
        <v>0</v>
      </c>
      <c r="HN11" s="300">
        <v>0</v>
      </c>
      <c r="HO11" s="295">
        <v>0</v>
      </c>
      <c r="HP11" s="296">
        <v>1298</v>
      </c>
      <c r="HQ11" s="297">
        <v>1298</v>
      </c>
      <c r="HR11" s="298">
        <v>0</v>
      </c>
      <c r="HS11" s="296">
        <v>2404035</v>
      </c>
      <c r="HT11" s="296">
        <v>3443661</v>
      </c>
      <c r="HU11" s="296">
        <v>13691294</v>
      </c>
      <c r="HV11" s="296">
        <v>19210208</v>
      </c>
      <c r="HW11" s="296">
        <v>9897305</v>
      </c>
      <c r="HX11" s="299">
        <v>48646503</v>
      </c>
      <c r="HY11" s="300">
        <v>48647801</v>
      </c>
    </row>
    <row r="12" spans="2:233" ht="19.8" customHeight="1" x14ac:dyDescent="0.2">
      <c r="B12" s="293" t="s">
        <v>8</v>
      </c>
      <c r="C12" s="295">
        <v>0</v>
      </c>
      <c r="D12" s="296">
        <v>6627</v>
      </c>
      <c r="E12" s="297">
        <v>6627</v>
      </c>
      <c r="F12" s="298">
        <v>0</v>
      </c>
      <c r="G12" s="296">
        <v>711869</v>
      </c>
      <c r="H12" s="296">
        <v>1472770</v>
      </c>
      <c r="I12" s="296">
        <v>5035881</v>
      </c>
      <c r="J12" s="296">
        <v>4327915</v>
      </c>
      <c r="K12" s="296">
        <v>2568128</v>
      </c>
      <c r="L12" s="299">
        <v>14116563</v>
      </c>
      <c r="M12" s="300">
        <v>14123190</v>
      </c>
      <c r="N12" s="295">
        <v>0</v>
      </c>
      <c r="O12" s="296">
        <v>0</v>
      </c>
      <c r="P12" s="297">
        <v>0</v>
      </c>
      <c r="Q12" s="301"/>
      <c r="R12" s="296">
        <v>261000</v>
      </c>
      <c r="S12" s="296">
        <v>397245</v>
      </c>
      <c r="T12" s="296">
        <v>3562361</v>
      </c>
      <c r="U12" s="296">
        <v>3149264</v>
      </c>
      <c r="V12" s="296">
        <v>1865318</v>
      </c>
      <c r="W12" s="299">
        <v>9235188</v>
      </c>
      <c r="X12" s="300">
        <v>9235188</v>
      </c>
      <c r="Y12" s="295">
        <v>0</v>
      </c>
      <c r="Z12" s="296">
        <v>0</v>
      </c>
      <c r="AA12" s="297">
        <v>0</v>
      </c>
      <c r="AB12" s="301"/>
      <c r="AC12" s="296">
        <v>357695</v>
      </c>
      <c r="AD12" s="296">
        <v>828246</v>
      </c>
      <c r="AE12" s="296">
        <v>1109750</v>
      </c>
      <c r="AF12" s="296">
        <v>752977</v>
      </c>
      <c r="AG12" s="296">
        <v>380525</v>
      </c>
      <c r="AH12" s="299">
        <v>3429193</v>
      </c>
      <c r="AI12" s="300">
        <v>3429193</v>
      </c>
      <c r="AJ12" s="295">
        <v>0</v>
      </c>
      <c r="AK12" s="296">
        <v>0</v>
      </c>
      <c r="AL12" s="297">
        <v>0</v>
      </c>
      <c r="AM12" s="301"/>
      <c r="AN12" s="296">
        <v>0</v>
      </c>
      <c r="AO12" s="296">
        <v>0</v>
      </c>
      <c r="AP12" s="296">
        <v>0</v>
      </c>
      <c r="AQ12" s="296">
        <v>0</v>
      </c>
      <c r="AR12" s="296">
        <v>0</v>
      </c>
      <c r="AS12" s="299">
        <v>0</v>
      </c>
      <c r="AT12" s="300">
        <v>0</v>
      </c>
      <c r="AU12" s="295">
        <v>0</v>
      </c>
      <c r="AV12" s="296">
        <v>0</v>
      </c>
      <c r="AW12" s="297">
        <v>0</v>
      </c>
      <c r="AX12" s="301"/>
      <c r="AY12" s="296">
        <v>34350</v>
      </c>
      <c r="AZ12" s="296">
        <v>0</v>
      </c>
      <c r="BA12" s="296">
        <v>0</v>
      </c>
      <c r="BB12" s="296">
        <v>2550</v>
      </c>
      <c r="BC12" s="296">
        <v>116250</v>
      </c>
      <c r="BD12" s="299">
        <v>153150</v>
      </c>
      <c r="BE12" s="300">
        <v>153150</v>
      </c>
      <c r="BF12" s="295">
        <v>0</v>
      </c>
      <c r="BG12" s="296">
        <v>0</v>
      </c>
      <c r="BH12" s="297">
        <v>0</v>
      </c>
      <c r="BI12" s="301"/>
      <c r="BJ12" s="296">
        <v>0</v>
      </c>
      <c r="BK12" s="296">
        <v>5100</v>
      </c>
      <c r="BL12" s="296">
        <v>41870</v>
      </c>
      <c r="BM12" s="296">
        <v>149640</v>
      </c>
      <c r="BN12" s="296">
        <v>118500</v>
      </c>
      <c r="BO12" s="299">
        <v>315110</v>
      </c>
      <c r="BP12" s="300">
        <v>315110</v>
      </c>
      <c r="BQ12" s="295">
        <v>0</v>
      </c>
      <c r="BR12" s="296">
        <v>6627</v>
      </c>
      <c r="BS12" s="297">
        <v>6627</v>
      </c>
      <c r="BT12" s="298">
        <v>0</v>
      </c>
      <c r="BU12" s="296">
        <v>58099</v>
      </c>
      <c r="BV12" s="296">
        <v>242179</v>
      </c>
      <c r="BW12" s="296">
        <v>317860</v>
      </c>
      <c r="BX12" s="296">
        <v>272474</v>
      </c>
      <c r="BY12" s="296">
        <v>87535</v>
      </c>
      <c r="BZ12" s="299">
        <v>978147</v>
      </c>
      <c r="CA12" s="300">
        <v>984774</v>
      </c>
      <c r="CB12" s="295">
        <v>0</v>
      </c>
      <c r="CC12" s="296">
        <v>0</v>
      </c>
      <c r="CD12" s="297">
        <v>0</v>
      </c>
      <c r="CE12" s="298">
        <v>0</v>
      </c>
      <c r="CF12" s="296">
        <v>725</v>
      </c>
      <c r="CG12" s="296">
        <v>0</v>
      </c>
      <c r="CH12" s="296">
        <v>4040</v>
      </c>
      <c r="CI12" s="296">
        <v>1010</v>
      </c>
      <c r="CJ12" s="296">
        <v>0</v>
      </c>
      <c r="CK12" s="299">
        <v>5775</v>
      </c>
      <c r="CL12" s="300">
        <v>5775</v>
      </c>
      <c r="CM12" s="295">
        <v>0</v>
      </c>
      <c r="CN12" s="296">
        <v>0</v>
      </c>
      <c r="CO12" s="297">
        <v>0</v>
      </c>
      <c r="CP12" s="298">
        <v>0</v>
      </c>
      <c r="CQ12" s="296">
        <v>0</v>
      </c>
      <c r="CR12" s="296">
        <v>0</v>
      </c>
      <c r="CS12" s="296">
        <v>0</v>
      </c>
      <c r="CT12" s="296">
        <v>0</v>
      </c>
      <c r="CU12" s="296">
        <v>0</v>
      </c>
      <c r="CV12" s="299">
        <v>0</v>
      </c>
      <c r="CW12" s="300">
        <v>0</v>
      </c>
      <c r="CX12" s="295">
        <v>0</v>
      </c>
      <c r="CY12" s="296">
        <v>0</v>
      </c>
      <c r="CZ12" s="297">
        <v>0</v>
      </c>
      <c r="DA12" s="301"/>
      <c r="DB12" s="296">
        <v>0</v>
      </c>
      <c r="DC12" s="296">
        <v>0</v>
      </c>
      <c r="DD12" s="296">
        <v>0</v>
      </c>
      <c r="DE12" s="296">
        <v>0</v>
      </c>
      <c r="DF12" s="296">
        <v>0</v>
      </c>
      <c r="DG12" s="299">
        <v>0</v>
      </c>
      <c r="DH12" s="300">
        <v>0</v>
      </c>
      <c r="DI12" s="295">
        <v>0</v>
      </c>
      <c r="DJ12" s="296">
        <v>12803</v>
      </c>
      <c r="DK12" s="297">
        <v>12803</v>
      </c>
      <c r="DL12" s="298">
        <v>0</v>
      </c>
      <c r="DM12" s="296">
        <v>549786</v>
      </c>
      <c r="DN12" s="296">
        <v>1183512</v>
      </c>
      <c r="DO12" s="296">
        <v>5521445</v>
      </c>
      <c r="DP12" s="296">
        <v>5130179</v>
      </c>
      <c r="DQ12" s="296">
        <v>2971373</v>
      </c>
      <c r="DR12" s="299">
        <v>15356295</v>
      </c>
      <c r="DS12" s="302">
        <v>15369098</v>
      </c>
      <c r="DT12" s="295">
        <v>0</v>
      </c>
      <c r="DU12" s="296">
        <v>0</v>
      </c>
      <c r="DV12" s="297">
        <v>0</v>
      </c>
      <c r="DW12" s="301"/>
      <c r="DX12" s="296">
        <v>417240</v>
      </c>
      <c r="DY12" s="296">
        <v>697468</v>
      </c>
      <c r="DZ12" s="296">
        <v>4629716</v>
      </c>
      <c r="EA12" s="296">
        <v>4295097</v>
      </c>
      <c r="EB12" s="296">
        <v>2507753</v>
      </c>
      <c r="EC12" s="299">
        <v>12547274</v>
      </c>
      <c r="ED12" s="300">
        <v>12547274</v>
      </c>
      <c r="EE12" s="295">
        <v>0</v>
      </c>
      <c r="EF12" s="296">
        <v>0</v>
      </c>
      <c r="EG12" s="297">
        <v>0</v>
      </c>
      <c r="EH12" s="301"/>
      <c r="EI12" s="296">
        <v>34970</v>
      </c>
      <c r="EJ12" s="296">
        <v>104307</v>
      </c>
      <c r="EK12" s="296">
        <v>103117</v>
      </c>
      <c r="EL12" s="296">
        <v>93599</v>
      </c>
      <c r="EM12" s="296">
        <v>47285</v>
      </c>
      <c r="EN12" s="299">
        <v>383278</v>
      </c>
      <c r="EO12" s="300">
        <v>383278</v>
      </c>
      <c r="EP12" s="295">
        <v>0</v>
      </c>
      <c r="EQ12" s="296">
        <v>0</v>
      </c>
      <c r="ER12" s="297">
        <v>0</v>
      </c>
      <c r="ES12" s="301"/>
      <c r="ET12" s="296">
        <v>0</v>
      </c>
      <c r="EU12" s="296">
        <v>0</v>
      </c>
      <c r="EV12" s="296">
        <v>0</v>
      </c>
      <c r="EW12" s="296">
        <v>0</v>
      </c>
      <c r="EX12" s="296">
        <v>0</v>
      </c>
      <c r="EY12" s="299">
        <v>0</v>
      </c>
      <c r="EZ12" s="300">
        <v>0</v>
      </c>
      <c r="FA12" s="295">
        <v>0</v>
      </c>
      <c r="FB12" s="296">
        <v>0</v>
      </c>
      <c r="FC12" s="297">
        <v>0</v>
      </c>
      <c r="FD12" s="301"/>
      <c r="FE12" s="296">
        <v>11310</v>
      </c>
      <c r="FF12" s="296">
        <v>0</v>
      </c>
      <c r="FG12" s="296">
        <v>0</v>
      </c>
      <c r="FH12" s="296">
        <v>252</v>
      </c>
      <c r="FI12" s="296">
        <v>12150</v>
      </c>
      <c r="FJ12" s="299">
        <v>23712</v>
      </c>
      <c r="FK12" s="300">
        <v>23712</v>
      </c>
      <c r="FL12" s="295">
        <v>0</v>
      </c>
      <c r="FM12" s="296">
        <v>0</v>
      </c>
      <c r="FN12" s="297">
        <v>0</v>
      </c>
      <c r="FO12" s="301"/>
      <c r="FP12" s="296">
        <v>0</v>
      </c>
      <c r="FQ12" s="296">
        <v>41760</v>
      </c>
      <c r="FR12" s="296">
        <v>187308</v>
      </c>
      <c r="FS12" s="296">
        <v>223056</v>
      </c>
      <c r="FT12" s="296">
        <v>223500</v>
      </c>
      <c r="FU12" s="299">
        <v>675624</v>
      </c>
      <c r="FV12" s="300">
        <v>675624</v>
      </c>
      <c r="FW12" s="295">
        <v>0</v>
      </c>
      <c r="FX12" s="296">
        <v>12803</v>
      </c>
      <c r="FY12" s="297">
        <v>12803</v>
      </c>
      <c r="FZ12" s="298">
        <v>0</v>
      </c>
      <c r="GA12" s="296">
        <v>83760</v>
      </c>
      <c r="GB12" s="296">
        <v>339977</v>
      </c>
      <c r="GC12" s="296">
        <v>587942</v>
      </c>
      <c r="GD12" s="296">
        <v>518119</v>
      </c>
      <c r="GE12" s="296">
        <v>180685</v>
      </c>
      <c r="GF12" s="299">
        <v>1710483</v>
      </c>
      <c r="GG12" s="300">
        <v>1723286</v>
      </c>
      <c r="GH12" s="295">
        <v>0</v>
      </c>
      <c r="GI12" s="296">
        <v>0</v>
      </c>
      <c r="GJ12" s="297">
        <v>0</v>
      </c>
      <c r="GK12" s="298">
        <v>0</v>
      </c>
      <c r="GL12" s="296">
        <v>2506</v>
      </c>
      <c r="GM12" s="296">
        <v>0</v>
      </c>
      <c r="GN12" s="296">
        <v>13362</v>
      </c>
      <c r="GO12" s="296">
        <v>56</v>
      </c>
      <c r="GP12" s="296">
        <v>0</v>
      </c>
      <c r="GQ12" s="299">
        <v>15924</v>
      </c>
      <c r="GR12" s="300">
        <v>15924</v>
      </c>
      <c r="GS12" s="295">
        <v>0</v>
      </c>
      <c r="GT12" s="296">
        <v>0</v>
      </c>
      <c r="GU12" s="297">
        <v>0</v>
      </c>
      <c r="GV12" s="298">
        <v>0</v>
      </c>
      <c r="GW12" s="296">
        <v>0</v>
      </c>
      <c r="GX12" s="296">
        <v>0</v>
      </c>
      <c r="GY12" s="296">
        <v>0</v>
      </c>
      <c r="GZ12" s="296">
        <v>0</v>
      </c>
      <c r="HA12" s="296">
        <v>0</v>
      </c>
      <c r="HB12" s="299">
        <v>0</v>
      </c>
      <c r="HC12" s="300">
        <v>0</v>
      </c>
      <c r="HD12" s="295">
        <v>0</v>
      </c>
      <c r="HE12" s="296">
        <v>0</v>
      </c>
      <c r="HF12" s="297">
        <v>0</v>
      </c>
      <c r="HG12" s="301"/>
      <c r="HH12" s="296">
        <v>0</v>
      </c>
      <c r="HI12" s="296">
        <v>0</v>
      </c>
      <c r="HJ12" s="296">
        <v>0</v>
      </c>
      <c r="HK12" s="296">
        <v>0</v>
      </c>
      <c r="HL12" s="296">
        <v>0</v>
      </c>
      <c r="HM12" s="299">
        <v>0</v>
      </c>
      <c r="HN12" s="300">
        <v>0</v>
      </c>
      <c r="HO12" s="295">
        <v>0</v>
      </c>
      <c r="HP12" s="296">
        <v>19430</v>
      </c>
      <c r="HQ12" s="297">
        <v>19430</v>
      </c>
      <c r="HR12" s="298">
        <v>0</v>
      </c>
      <c r="HS12" s="296">
        <v>1261655</v>
      </c>
      <c r="HT12" s="296">
        <v>2656282</v>
      </c>
      <c r="HU12" s="296">
        <v>10557326</v>
      </c>
      <c r="HV12" s="296">
        <v>9458094</v>
      </c>
      <c r="HW12" s="296">
        <v>5539501</v>
      </c>
      <c r="HX12" s="299">
        <v>29472858</v>
      </c>
      <c r="HY12" s="300">
        <v>29492288</v>
      </c>
    </row>
    <row r="13" spans="2:233" ht="19.8" customHeight="1" x14ac:dyDescent="0.2">
      <c r="B13" s="293" t="s">
        <v>9</v>
      </c>
      <c r="C13" s="295">
        <v>-600</v>
      </c>
      <c r="D13" s="296">
        <v>0</v>
      </c>
      <c r="E13" s="297">
        <v>-600</v>
      </c>
      <c r="F13" s="298">
        <v>0</v>
      </c>
      <c r="G13" s="296">
        <v>251584</v>
      </c>
      <c r="H13" s="296">
        <v>295064</v>
      </c>
      <c r="I13" s="296">
        <v>1998970</v>
      </c>
      <c r="J13" s="296">
        <v>3080695</v>
      </c>
      <c r="K13" s="296">
        <v>1584746</v>
      </c>
      <c r="L13" s="299">
        <v>7211059</v>
      </c>
      <c r="M13" s="300">
        <v>7210459</v>
      </c>
      <c r="N13" s="295">
        <v>0</v>
      </c>
      <c r="O13" s="296">
        <v>0</v>
      </c>
      <c r="P13" s="297">
        <v>0</v>
      </c>
      <c r="Q13" s="301"/>
      <c r="R13" s="296">
        <v>100050</v>
      </c>
      <c r="S13" s="296">
        <v>34350</v>
      </c>
      <c r="T13" s="296">
        <v>1310149</v>
      </c>
      <c r="U13" s="296">
        <v>2173045</v>
      </c>
      <c r="V13" s="296">
        <v>1354680</v>
      </c>
      <c r="W13" s="299">
        <v>4972274</v>
      </c>
      <c r="X13" s="300">
        <v>4972274</v>
      </c>
      <c r="Y13" s="295">
        <v>0</v>
      </c>
      <c r="Z13" s="296">
        <v>0</v>
      </c>
      <c r="AA13" s="297">
        <v>0</v>
      </c>
      <c r="AB13" s="301"/>
      <c r="AC13" s="296">
        <v>128410</v>
      </c>
      <c r="AD13" s="296">
        <v>204860</v>
      </c>
      <c r="AE13" s="296">
        <v>494145</v>
      </c>
      <c r="AF13" s="296">
        <v>752380</v>
      </c>
      <c r="AG13" s="296">
        <v>170545</v>
      </c>
      <c r="AH13" s="299">
        <v>1750340</v>
      </c>
      <c r="AI13" s="300">
        <v>1750340</v>
      </c>
      <c r="AJ13" s="295">
        <v>0</v>
      </c>
      <c r="AK13" s="296">
        <v>0</v>
      </c>
      <c r="AL13" s="297">
        <v>0</v>
      </c>
      <c r="AM13" s="301"/>
      <c r="AN13" s="296">
        <v>0</v>
      </c>
      <c r="AO13" s="296">
        <v>0</v>
      </c>
      <c r="AP13" s="296">
        <v>0</v>
      </c>
      <c r="AQ13" s="296">
        <v>960</v>
      </c>
      <c r="AR13" s="296">
        <v>0</v>
      </c>
      <c r="AS13" s="299">
        <v>960</v>
      </c>
      <c r="AT13" s="300">
        <v>960</v>
      </c>
      <c r="AU13" s="295">
        <v>0</v>
      </c>
      <c r="AV13" s="296">
        <v>0</v>
      </c>
      <c r="AW13" s="297">
        <v>0</v>
      </c>
      <c r="AX13" s="301"/>
      <c r="AY13" s="296">
        <v>0</v>
      </c>
      <c r="AZ13" s="296">
        <v>0</v>
      </c>
      <c r="BA13" s="296">
        <v>0</v>
      </c>
      <c r="BB13" s="296">
        <v>5100</v>
      </c>
      <c r="BC13" s="296">
        <v>5100</v>
      </c>
      <c r="BD13" s="299">
        <v>10200</v>
      </c>
      <c r="BE13" s="300">
        <v>10200</v>
      </c>
      <c r="BF13" s="295">
        <v>0</v>
      </c>
      <c r="BG13" s="296">
        <v>0</v>
      </c>
      <c r="BH13" s="297">
        <v>0</v>
      </c>
      <c r="BI13" s="301"/>
      <c r="BJ13" s="296">
        <v>0</v>
      </c>
      <c r="BK13" s="296">
        <v>0</v>
      </c>
      <c r="BL13" s="296">
        <v>0</v>
      </c>
      <c r="BM13" s="296">
        <v>23850</v>
      </c>
      <c r="BN13" s="296">
        <v>0</v>
      </c>
      <c r="BO13" s="299">
        <v>23850</v>
      </c>
      <c r="BP13" s="300">
        <v>23850</v>
      </c>
      <c r="BQ13" s="295">
        <v>-600</v>
      </c>
      <c r="BR13" s="296">
        <v>0</v>
      </c>
      <c r="BS13" s="297">
        <v>-600</v>
      </c>
      <c r="BT13" s="298">
        <v>0</v>
      </c>
      <c r="BU13" s="296">
        <v>19989</v>
      </c>
      <c r="BV13" s="296">
        <v>55659</v>
      </c>
      <c r="BW13" s="296">
        <v>193900</v>
      </c>
      <c r="BX13" s="296">
        <v>122911</v>
      </c>
      <c r="BY13" s="296">
        <v>53366</v>
      </c>
      <c r="BZ13" s="299">
        <v>445825</v>
      </c>
      <c r="CA13" s="300">
        <v>445225</v>
      </c>
      <c r="CB13" s="295">
        <v>0</v>
      </c>
      <c r="CC13" s="296">
        <v>0</v>
      </c>
      <c r="CD13" s="297">
        <v>0</v>
      </c>
      <c r="CE13" s="298">
        <v>0</v>
      </c>
      <c r="CF13" s="296">
        <v>3135</v>
      </c>
      <c r="CG13" s="296">
        <v>195</v>
      </c>
      <c r="CH13" s="296">
        <v>776</v>
      </c>
      <c r="CI13" s="296">
        <v>2449</v>
      </c>
      <c r="CJ13" s="296">
        <v>1055</v>
      </c>
      <c r="CK13" s="299">
        <v>7610</v>
      </c>
      <c r="CL13" s="300">
        <v>7610</v>
      </c>
      <c r="CM13" s="295">
        <v>0</v>
      </c>
      <c r="CN13" s="296">
        <v>0</v>
      </c>
      <c r="CO13" s="297">
        <v>0</v>
      </c>
      <c r="CP13" s="298">
        <v>0</v>
      </c>
      <c r="CQ13" s="296">
        <v>0</v>
      </c>
      <c r="CR13" s="296">
        <v>0</v>
      </c>
      <c r="CS13" s="296">
        <v>0</v>
      </c>
      <c r="CT13" s="296">
        <v>0</v>
      </c>
      <c r="CU13" s="296">
        <v>0</v>
      </c>
      <c r="CV13" s="299">
        <v>0</v>
      </c>
      <c r="CW13" s="300">
        <v>0</v>
      </c>
      <c r="CX13" s="295">
        <v>0</v>
      </c>
      <c r="CY13" s="296">
        <v>0</v>
      </c>
      <c r="CZ13" s="297">
        <v>0</v>
      </c>
      <c r="DA13" s="301"/>
      <c r="DB13" s="296">
        <v>0</v>
      </c>
      <c r="DC13" s="296">
        <v>0</v>
      </c>
      <c r="DD13" s="296">
        <v>0</v>
      </c>
      <c r="DE13" s="296">
        <v>0</v>
      </c>
      <c r="DF13" s="296">
        <v>0</v>
      </c>
      <c r="DG13" s="299">
        <v>0</v>
      </c>
      <c r="DH13" s="300">
        <v>0</v>
      </c>
      <c r="DI13" s="295">
        <v>0</v>
      </c>
      <c r="DJ13" s="296">
        <v>0</v>
      </c>
      <c r="DK13" s="297">
        <v>0</v>
      </c>
      <c r="DL13" s="298">
        <v>0</v>
      </c>
      <c r="DM13" s="296">
        <v>207710</v>
      </c>
      <c r="DN13" s="296">
        <v>152711</v>
      </c>
      <c r="DO13" s="296">
        <v>2188818</v>
      </c>
      <c r="DP13" s="296">
        <v>3290488</v>
      </c>
      <c r="DQ13" s="296">
        <v>2046863</v>
      </c>
      <c r="DR13" s="299">
        <v>7886590</v>
      </c>
      <c r="DS13" s="302">
        <v>7886590</v>
      </c>
      <c r="DT13" s="295">
        <v>0</v>
      </c>
      <c r="DU13" s="296">
        <v>0</v>
      </c>
      <c r="DV13" s="297">
        <v>0</v>
      </c>
      <c r="DW13" s="301"/>
      <c r="DX13" s="296">
        <v>127020</v>
      </c>
      <c r="DY13" s="296">
        <v>25650</v>
      </c>
      <c r="DZ13" s="296">
        <v>1808911</v>
      </c>
      <c r="EA13" s="296">
        <v>2912330</v>
      </c>
      <c r="EB13" s="296">
        <v>1942595</v>
      </c>
      <c r="EC13" s="299">
        <v>6816506</v>
      </c>
      <c r="ED13" s="300">
        <v>6816506</v>
      </c>
      <c r="EE13" s="295">
        <v>0</v>
      </c>
      <c r="EF13" s="296">
        <v>0</v>
      </c>
      <c r="EG13" s="297">
        <v>0</v>
      </c>
      <c r="EH13" s="301"/>
      <c r="EI13" s="296">
        <v>33317</v>
      </c>
      <c r="EJ13" s="296">
        <v>36062</v>
      </c>
      <c r="EK13" s="296">
        <v>28783</v>
      </c>
      <c r="EL13" s="296">
        <v>178958</v>
      </c>
      <c r="EM13" s="296">
        <v>2310</v>
      </c>
      <c r="EN13" s="299">
        <v>279430</v>
      </c>
      <c r="EO13" s="300">
        <v>279430</v>
      </c>
      <c r="EP13" s="295">
        <v>0</v>
      </c>
      <c r="EQ13" s="296">
        <v>0</v>
      </c>
      <c r="ER13" s="297">
        <v>0</v>
      </c>
      <c r="ES13" s="301"/>
      <c r="ET13" s="296">
        <v>0</v>
      </c>
      <c r="EU13" s="296">
        <v>0</v>
      </c>
      <c r="EV13" s="296">
        <v>0</v>
      </c>
      <c r="EW13" s="296">
        <v>210</v>
      </c>
      <c r="EX13" s="296">
        <v>0</v>
      </c>
      <c r="EY13" s="299">
        <v>210</v>
      </c>
      <c r="EZ13" s="300">
        <v>210</v>
      </c>
      <c r="FA13" s="295">
        <v>0</v>
      </c>
      <c r="FB13" s="296">
        <v>0</v>
      </c>
      <c r="FC13" s="297">
        <v>0</v>
      </c>
      <c r="FD13" s="301"/>
      <c r="FE13" s="296">
        <v>0</v>
      </c>
      <c r="FF13" s="296">
        <v>0</v>
      </c>
      <c r="FG13" s="296">
        <v>0</v>
      </c>
      <c r="FH13" s="296">
        <v>420</v>
      </c>
      <c r="FI13" s="296">
        <v>420</v>
      </c>
      <c r="FJ13" s="299">
        <v>840</v>
      </c>
      <c r="FK13" s="300">
        <v>840</v>
      </c>
      <c r="FL13" s="295">
        <v>0</v>
      </c>
      <c r="FM13" s="296">
        <v>0</v>
      </c>
      <c r="FN13" s="297">
        <v>0</v>
      </c>
      <c r="FO13" s="301"/>
      <c r="FP13" s="296">
        <v>0</v>
      </c>
      <c r="FQ13" s="296">
        <v>0</v>
      </c>
      <c r="FR13" s="296">
        <v>0</v>
      </c>
      <c r="FS13" s="296">
        <v>20880</v>
      </c>
      <c r="FT13" s="296">
        <v>0</v>
      </c>
      <c r="FU13" s="299">
        <v>20880</v>
      </c>
      <c r="FV13" s="300">
        <v>20880</v>
      </c>
      <c r="FW13" s="295">
        <v>0</v>
      </c>
      <c r="FX13" s="296">
        <v>0</v>
      </c>
      <c r="FY13" s="297">
        <v>0</v>
      </c>
      <c r="FZ13" s="298">
        <v>0</v>
      </c>
      <c r="GA13" s="296">
        <v>46271</v>
      </c>
      <c r="GB13" s="296">
        <v>90978</v>
      </c>
      <c r="GC13" s="296">
        <v>351054</v>
      </c>
      <c r="GD13" s="296">
        <v>177592</v>
      </c>
      <c r="GE13" s="296">
        <v>101433</v>
      </c>
      <c r="GF13" s="299">
        <v>767328</v>
      </c>
      <c r="GG13" s="300">
        <v>767328</v>
      </c>
      <c r="GH13" s="295">
        <v>0</v>
      </c>
      <c r="GI13" s="296">
        <v>0</v>
      </c>
      <c r="GJ13" s="297">
        <v>0</v>
      </c>
      <c r="GK13" s="298">
        <v>0</v>
      </c>
      <c r="GL13" s="296">
        <v>1102</v>
      </c>
      <c r="GM13" s="296">
        <v>21</v>
      </c>
      <c r="GN13" s="296">
        <v>70</v>
      </c>
      <c r="GO13" s="296">
        <v>98</v>
      </c>
      <c r="GP13" s="296">
        <v>105</v>
      </c>
      <c r="GQ13" s="299">
        <v>1396</v>
      </c>
      <c r="GR13" s="300">
        <v>1396</v>
      </c>
      <c r="GS13" s="295">
        <v>0</v>
      </c>
      <c r="GT13" s="296">
        <v>0</v>
      </c>
      <c r="GU13" s="297">
        <v>0</v>
      </c>
      <c r="GV13" s="298">
        <v>0</v>
      </c>
      <c r="GW13" s="296">
        <v>0</v>
      </c>
      <c r="GX13" s="296">
        <v>0</v>
      </c>
      <c r="GY13" s="296">
        <v>0</v>
      </c>
      <c r="GZ13" s="296">
        <v>0</v>
      </c>
      <c r="HA13" s="296">
        <v>0</v>
      </c>
      <c r="HB13" s="299">
        <v>0</v>
      </c>
      <c r="HC13" s="300">
        <v>0</v>
      </c>
      <c r="HD13" s="295">
        <v>0</v>
      </c>
      <c r="HE13" s="296">
        <v>0</v>
      </c>
      <c r="HF13" s="297">
        <v>0</v>
      </c>
      <c r="HG13" s="301"/>
      <c r="HH13" s="296">
        <v>0</v>
      </c>
      <c r="HI13" s="296">
        <v>0</v>
      </c>
      <c r="HJ13" s="296">
        <v>0</v>
      </c>
      <c r="HK13" s="296">
        <v>0</v>
      </c>
      <c r="HL13" s="296">
        <v>0</v>
      </c>
      <c r="HM13" s="299">
        <v>0</v>
      </c>
      <c r="HN13" s="300">
        <v>0</v>
      </c>
      <c r="HO13" s="295">
        <v>-600</v>
      </c>
      <c r="HP13" s="296">
        <v>0</v>
      </c>
      <c r="HQ13" s="297">
        <v>-600</v>
      </c>
      <c r="HR13" s="298">
        <v>0</v>
      </c>
      <c r="HS13" s="296">
        <v>459294</v>
      </c>
      <c r="HT13" s="296">
        <v>447775</v>
      </c>
      <c r="HU13" s="296">
        <v>4187788</v>
      </c>
      <c r="HV13" s="296">
        <v>6371183</v>
      </c>
      <c r="HW13" s="296">
        <v>3631609</v>
      </c>
      <c r="HX13" s="299">
        <v>15097649</v>
      </c>
      <c r="HY13" s="300">
        <v>15097049</v>
      </c>
    </row>
    <row r="14" spans="2:233" ht="19.8" customHeight="1" x14ac:dyDescent="0.2">
      <c r="B14" s="293" t="s">
        <v>10</v>
      </c>
      <c r="C14" s="295">
        <v>4155</v>
      </c>
      <c r="D14" s="296">
        <v>11090</v>
      </c>
      <c r="E14" s="297">
        <v>15245</v>
      </c>
      <c r="F14" s="298">
        <v>0</v>
      </c>
      <c r="G14" s="296">
        <v>1091811</v>
      </c>
      <c r="H14" s="296">
        <v>1346988</v>
      </c>
      <c r="I14" s="296">
        <v>3554926</v>
      </c>
      <c r="J14" s="296">
        <v>4642763</v>
      </c>
      <c r="K14" s="296">
        <v>4367462</v>
      </c>
      <c r="L14" s="299">
        <v>15003950</v>
      </c>
      <c r="M14" s="300">
        <v>15019195</v>
      </c>
      <c r="N14" s="295">
        <v>0</v>
      </c>
      <c r="O14" s="296">
        <v>0</v>
      </c>
      <c r="P14" s="297">
        <v>0</v>
      </c>
      <c r="Q14" s="301"/>
      <c r="R14" s="296">
        <v>65850</v>
      </c>
      <c r="S14" s="296">
        <v>383725</v>
      </c>
      <c r="T14" s="296">
        <v>2187600</v>
      </c>
      <c r="U14" s="296">
        <v>3402284</v>
      </c>
      <c r="V14" s="296">
        <v>3556205</v>
      </c>
      <c r="W14" s="299">
        <v>9595664</v>
      </c>
      <c r="X14" s="300">
        <v>9595664</v>
      </c>
      <c r="Y14" s="295">
        <v>0</v>
      </c>
      <c r="Z14" s="296">
        <v>0</v>
      </c>
      <c r="AA14" s="297">
        <v>0</v>
      </c>
      <c r="AB14" s="301"/>
      <c r="AC14" s="296">
        <v>869305</v>
      </c>
      <c r="AD14" s="296">
        <v>793104</v>
      </c>
      <c r="AE14" s="296">
        <v>1057500</v>
      </c>
      <c r="AF14" s="296">
        <v>830475</v>
      </c>
      <c r="AG14" s="296">
        <v>507374</v>
      </c>
      <c r="AH14" s="299">
        <v>4057758</v>
      </c>
      <c r="AI14" s="300">
        <v>4057758</v>
      </c>
      <c r="AJ14" s="295">
        <v>0</v>
      </c>
      <c r="AK14" s="296">
        <v>0</v>
      </c>
      <c r="AL14" s="297">
        <v>0</v>
      </c>
      <c r="AM14" s="301"/>
      <c r="AN14" s="296">
        <v>0</v>
      </c>
      <c r="AO14" s="296">
        <v>0</v>
      </c>
      <c r="AP14" s="296">
        <v>0</v>
      </c>
      <c r="AQ14" s="296">
        <v>0</v>
      </c>
      <c r="AR14" s="296">
        <v>2550</v>
      </c>
      <c r="AS14" s="299">
        <v>2550</v>
      </c>
      <c r="AT14" s="300">
        <v>2550</v>
      </c>
      <c r="AU14" s="295">
        <v>0</v>
      </c>
      <c r="AV14" s="296">
        <v>0</v>
      </c>
      <c r="AW14" s="297">
        <v>0</v>
      </c>
      <c r="AX14" s="301"/>
      <c r="AY14" s="296">
        <v>0</v>
      </c>
      <c r="AZ14" s="296">
        <v>0</v>
      </c>
      <c r="BA14" s="296">
        <v>0</v>
      </c>
      <c r="BB14" s="296">
        <v>80885</v>
      </c>
      <c r="BC14" s="296">
        <v>110430</v>
      </c>
      <c r="BD14" s="299">
        <v>191315</v>
      </c>
      <c r="BE14" s="300">
        <v>191315</v>
      </c>
      <c r="BF14" s="295">
        <v>0</v>
      </c>
      <c r="BG14" s="296">
        <v>0</v>
      </c>
      <c r="BH14" s="297">
        <v>0</v>
      </c>
      <c r="BI14" s="301"/>
      <c r="BJ14" s="296">
        <v>0</v>
      </c>
      <c r="BK14" s="296">
        <v>0</v>
      </c>
      <c r="BL14" s="296">
        <v>0</v>
      </c>
      <c r="BM14" s="296">
        <v>90465</v>
      </c>
      <c r="BN14" s="296">
        <v>39300</v>
      </c>
      <c r="BO14" s="299">
        <v>129765</v>
      </c>
      <c r="BP14" s="300">
        <v>129765</v>
      </c>
      <c r="BQ14" s="295">
        <v>4155</v>
      </c>
      <c r="BR14" s="296">
        <v>11090</v>
      </c>
      <c r="BS14" s="297">
        <v>15245</v>
      </c>
      <c r="BT14" s="298">
        <v>0</v>
      </c>
      <c r="BU14" s="296">
        <v>156656</v>
      </c>
      <c r="BV14" s="296">
        <v>162601</v>
      </c>
      <c r="BW14" s="296">
        <v>308798</v>
      </c>
      <c r="BX14" s="296">
        <v>220806</v>
      </c>
      <c r="BY14" s="296">
        <v>150778</v>
      </c>
      <c r="BZ14" s="299">
        <v>999639</v>
      </c>
      <c r="CA14" s="300">
        <v>1014884</v>
      </c>
      <c r="CB14" s="295">
        <v>0</v>
      </c>
      <c r="CC14" s="296">
        <v>0</v>
      </c>
      <c r="CD14" s="297">
        <v>0</v>
      </c>
      <c r="CE14" s="298">
        <v>0</v>
      </c>
      <c r="CF14" s="296">
        <v>0</v>
      </c>
      <c r="CG14" s="296">
        <v>7558</v>
      </c>
      <c r="CH14" s="296">
        <v>1028</v>
      </c>
      <c r="CI14" s="296">
        <v>17848</v>
      </c>
      <c r="CJ14" s="296">
        <v>825</v>
      </c>
      <c r="CK14" s="299">
        <v>27259</v>
      </c>
      <c r="CL14" s="300">
        <v>27259</v>
      </c>
      <c r="CM14" s="295">
        <v>0</v>
      </c>
      <c r="CN14" s="296">
        <v>0</v>
      </c>
      <c r="CO14" s="297">
        <v>0</v>
      </c>
      <c r="CP14" s="298">
        <v>0</v>
      </c>
      <c r="CQ14" s="296">
        <v>0</v>
      </c>
      <c r="CR14" s="296">
        <v>0</v>
      </c>
      <c r="CS14" s="296">
        <v>0</v>
      </c>
      <c r="CT14" s="296">
        <v>0</v>
      </c>
      <c r="CU14" s="296">
        <v>0</v>
      </c>
      <c r="CV14" s="299">
        <v>0</v>
      </c>
      <c r="CW14" s="300">
        <v>0</v>
      </c>
      <c r="CX14" s="295">
        <v>0</v>
      </c>
      <c r="CY14" s="296">
        <v>0</v>
      </c>
      <c r="CZ14" s="297">
        <v>0</v>
      </c>
      <c r="DA14" s="301"/>
      <c r="DB14" s="296">
        <v>0</v>
      </c>
      <c r="DC14" s="296">
        <v>0</v>
      </c>
      <c r="DD14" s="296">
        <v>0</v>
      </c>
      <c r="DE14" s="296">
        <v>0</v>
      </c>
      <c r="DF14" s="296">
        <v>0</v>
      </c>
      <c r="DG14" s="299">
        <v>0</v>
      </c>
      <c r="DH14" s="300">
        <v>0</v>
      </c>
      <c r="DI14" s="295">
        <v>4875</v>
      </c>
      <c r="DJ14" s="296">
        <v>13294</v>
      </c>
      <c r="DK14" s="297">
        <v>18169</v>
      </c>
      <c r="DL14" s="298">
        <v>0</v>
      </c>
      <c r="DM14" s="296">
        <v>537012</v>
      </c>
      <c r="DN14" s="296">
        <v>880031</v>
      </c>
      <c r="DO14" s="296">
        <v>4231044</v>
      </c>
      <c r="DP14" s="296">
        <v>5410392</v>
      </c>
      <c r="DQ14" s="296">
        <v>4224808</v>
      </c>
      <c r="DR14" s="299">
        <v>15283287</v>
      </c>
      <c r="DS14" s="302">
        <v>15301456</v>
      </c>
      <c r="DT14" s="295">
        <v>0</v>
      </c>
      <c r="DU14" s="296">
        <v>0</v>
      </c>
      <c r="DV14" s="297">
        <v>0</v>
      </c>
      <c r="DW14" s="301"/>
      <c r="DX14" s="296">
        <v>118020</v>
      </c>
      <c r="DY14" s="296">
        <v>538076</v>
      </c>
      <c r="DZ14" s="296">
        <v>3578403</v>
      </c>
      <c r="EA14" s="296">
        <v>4712473</v>
      </c>
      <c r="EB14" s="296">
        <v>3832325</v>
      </c>
      <c r="EC14" s="299">
        <v>12779297</v>
      </c>
      <c r="ED14" s="300">
        <v>12779297</v>
      </c>
      <c r="EE14" s="295">
        <v>0</v>
      </c>
      <c r="EF14" s="296">
        <v>0</v>
      </c>
      <c r="EG14" s="297">
        <v>0</v>
      </c>
      <c r="EH14" s="301"/>
      <c r="EI14" s="296">
        <v>215101</v>
      </c>
      <c r="EJ14" s="296">
        <v>33261</v>
      </c>
      <c r="EK14" s="296">
        <v>170433</v>
      </c>
      <c r="EL14" s="296">
        <v>135235</v>
      </c>
      <c r="EM14" s="296">
        <v>75660</v>
      </c>
      <c r="EN14" s="299">
        <v>629690</v>
      </c>
      <c r="EO14" s="300">
        <v>629690</v>
      </c>
      <c r="EP14" s="295">
        <v>0</v>
      </c>
      <c r="EQ14" s="296">
        <v>0</v>
      </c>
      <c r="ER14" s="297">
        <v>0</v>
      </c>
      <c r="ES14" s="301"/>
      <c r="ET14" s="296">
        <v>0</v>
      </c>
      <c r="EU14" s="296">
        <v>0</v>
      </c>
      <c r="EV14" s="296">
        <v>0</v>
      </c>
      <c r="EW14" s="296">
        <v>0</v>
      </c>
      <c r="EX14" s="296">
        <v>0</v>
      </c>
      <c r="EY14" s="299">
        <v>0</v>
      </c>
      <c r="EZ14" s="300">
        <v>0</v>
      </c>
      <c r="FA14" s="295">
        <v>0</v>
      </c>
      <c r="FB14" s="296">
        <v>0</v>
      </c>
      <c r="FC14" s="297">
        <v>0</v>
      </c>
      <c r="FD14" s="301"/>
      <c r="FE14" s="296">
        <v>0</v>
      </c>
      <c r="FF14" s="296">
        <v>0</v>
      </c>
      <c r="FG14" s="296">
        <v>0</v>
      </c>
      <c r="FH14" s="296">
        <v>16421</v>
      </c>
      <c r="FI14" s="296">
        <v>3031</v>
      </c>
      <c r="FJ14" s="299">
        <v>19452</v>
      </c>
      <c r="FK14" s="300">
        <v>19452</v>
      </c>
      <c r="FL14" s="295">
        <v>0</v>
      </c>
      <c r="FM14" s="296">
        <v>0</v>
      </c>
      <c r="FN14" s="297">
        <v>0</v>
      </c>
      <c r="FO14" s="301"/>
      <c r="FP14" s="296">
        <v>0</v>
      </c>
      <c r="FQ14" s="296">
        <v>0</v>
      </c>
      <c r="FR14" s="296">
        <v>0</v>
      </c>
      <c r="FS14" s="296">
        <v>106134</v>
      </c>
      <c r="FT14" s="296">
        <v>77520</v>
      </c>
      <c r="FU14" s="299">
        <v>183654</v>
      </c>
      <c r="FV14" s="300">
        <v>183654</v>
      </c>
      <c r="FW14" s="295">
        <v>4875</v>
      </c>
      <c r="FX14" s="296">
        <v>13294</v>
      </c>
      <c r="FY14" s="297">
        <v>18169</v>
      </c>
      <c r="FZ14" s="298">
        <v>0</v>
      </c>
      <c r="GA14" s="296">
        <v>203891</v>
      </c>
      <c r="GB14" s="296">
        <v>308631</v>
      </c>
      <c r="GC14" s="296">
        <v>482187</v>
      </c>
      <c r="GD14" s="296">
        <v>436226</v>
      </c>
      <c r="GE14" s="296">
        <v>234061</v>
      </c>
      <c r="GF14" s="299">
        <v>1664996</v>
      </c>
      <c r="GG14" s="300">
        <v>1683165</v>
      </c>
      <c r="GH14" s="295">
        <v>0</v>
      </c>
      <c r="GI14" s="296">
        <v>0</v>
      </c>
      <c r="GJ14" s="297">
        <v>0</v>
      </c>
      <c r="GK14" s="298">
        <v>0</v>
      </c>
      <c r="GL14" s="296">
        <v>0</v>
      </c>
      <c r="GM14" s="296">
        <v>63</v>
      </c>
      <c r="GN14" s="296">
        <v>21</v>
      </c>
      <c r="GO14" s="296">
        <v>3903</v>
      </c>
      <c r="GP14" s="296">
        <v>2211</v>
      </c>
      <c r="GQ14" s="299">
        <v>6198</v>
      </c>
      <c r="GR14" s="300">
        <v>6198</v>
      </c>
      <c r="GS14" s="295">
        <v>0</v>
      </c>
      <c r="GT14" s="296">
        <v>0</v>
      </c>
      <c r="GU14" s="297">
        <v>0</v>
      </c>
      <c r="GV14" s="298">
        <v>0</v>
      </c>
      <c r="GW14" s="296">
        <v>0</v>
      </c>
      <c r="GX14" s="296">
        <v>0</v>
      </c>
      <c r="GY14" s="296">
        <v>0</v>
      </c>
      <c r="GZ14" s="296">
        <v>0</v>
      </c>
      <c r="HA14" s="296">
        <v>0</v>
      </c>
      <c r="HB14" s="299">
        <v>0</v>
      </c>
      <c r="HC14" s="300">
        <v>0</v>
      </c>
      <c r="HD14" s="295">
        <v>0</v>
      </c>
      <c r="HE14" s="296">
        <v>0</v>
      </c>
      <c r="HF14" s="297">
        <v>0</v>
      </c>
      <c r="HG14" s="301"/>
      <c r="HH14" s="296">
        <v>0</v>
      </c>
      <c r="HI14" s="296">
        <v>0</v>
      </c>
      <c r="HJ14" s="296">
        <v>0</v>
      </c>
      <c r="HK14" s="296">
        <v>0</v>
      </c>
      <c r="HL14" s="296">
        <v>0</v>
      </c>
      <c r="HM14" s="299">
        <v>0</v>
      </c>
      <c r="HN14" s="300">
        <v>0</v>
      </c>
      <c r="HO14" s="295">
        <v>9030</v>
      </c>
      <c r="HP14" s="296">
        <v>24384</v>
      </c>
      <c r="HQ14" s="297">
        <v>33414</v>
      </c>
      <c r="HR14" s="298">
        <v>0</v>
      </c>
      <c r="HS14" s="296">
        <v>1628823</v>
      </c>
      <c r="HT14" s="296">
        <v>2227019</v>
      </c>
      <c r="HU14" s="296">
        <v>7785970</v>
      </c>
      <c r="HV14" s="296">
        <v>10053155</v>
      </c>
      <c r="HW14" s="296">
        <v>8592270</v>
      </c>
      <c r="HX14" s="299">
        <v>30287237</v>
      </c>
      <c r="HY14" s="300">
        <v>30320651</v>
      </c>
    </row>
    <row r="15" spans="2:233" ht="19.8" customHeight="1" x14ac:dyDescent="0.2">
      <c r="B15" s="293" t="s">
        <v>11</v>
      </c>
      <c r="C15" s="295">
        <v>4520</v>
      </c>
      <c r="D15" s="296">
        <v>3760</v>
      </c>
      <c r="E15" s="297">
        <v>8280</v>
      </c>
      <c r="F15" s="298">
        <v>0</v>
      </c>
      <c r="G15" s="296">
        <v>867553</v>
      </c>
      <c r="H15" s="296">
        <v>912526</v>
      </c>
      <c r="I15" s="296">
        <v>3175016</v>
      </c>
      <c r="J15" s="296">
        <v>4262222</v>
      </c>
      <c r="K15" s="296">
        <v>1907464</v>
      </c>
      <c r="L15" s="299">
        <v>11124781</v>
      </c>
      <c r="M15" s="300">
        <v>11133061</v>
      </c>
      <c r="N15" s="295">
        <v>0</v>
      </c>
      <c r="O15" s="296">
        <v>0</v>
      </c>
      <c r="P15" s="297">
        <v>0</v>
      </c>
      <c r="Q15" s="301"/>
      <c r="R15" s="296">
        <v>0</v>
      </c>
      <c r="S15" s="296">
        <v>116100</v>
      </c>
      <c r="T15" s="296">
        <v>2207525</v>
      </c>
      <c r="U15" s="296">
        <v>2924875</v>
      </c>
      <c r="V15" s="296">
        <v>1309740</v>
      </c>
      <c r="W15" s="299">
        <v>6558240</v>
      </c>
      <c r="X15" s="300">
        <v>6558240</v>
      </c>
      <c r="Y15" s="295">
        <v>0</v>
      </c>
      <c r="Z15" s="296">
        <v>0</v>
      </c>
      <c r="AA15" s="297">
        <v>0</v>
      </c>
      <c r="AB15" s="301"/>
      <c r="AC15" s="296">
        <v>695235</v>
      </c>
      <c r="AD15" s="296">
        <v>639309</v>
      </c>
      <c r="AE15" s="296">
        <v>667020</v>
      </c>
      <c r="AF15" s="296">
        <v>1134770</v>
      </c>
      <c r="AG15" s="296">
        <v>309395</v>
      </c>
      <c r="AH15" s="299">
        <v>3445729</v>
      </c>
      <c r="AI15" s="300">
        <v>3445729</v>
      </c>
      <c r="AJ15" s="295">
        <v>0</v>
      </c>
      <c r="AK15" s="296">
        <v>0</v>
      </c>
      <c r="AL15" s="297">
        <v>0</v>
      </c>
      <c r="AM15" s="301"/>
      <c r="AN15" s="296">
        <v>0</v>
      </c>
      <c r="AO15" s="296">
        <v>0</v>
      </c>
      <c r="AP15" s="296">
        <v>0</v>
      </c>
      <c r="AQ15" s="296">
        <v>0</v>
      </c>
      <c r="AR15" s="296">
        <v>23850</v>
      </c>
      <c r="AS15" s="299">
        <v>23850</v>
      </c>
      <c r="AT15" s="300">
        <v>23850</v>
      </c>
      <c r="AU15" s="295">
        <v>0</v>
      </c>
      <c r="AV15" s="296">
        <v>0</v>
      </c>
      <c r="AW15" s="297">
        <v>0</v>
      </c>
      <c r="AX15" s="301"/>
      <c r="AY15" s="296">
        <v>63975</v>
      </c>
      <c r="AZ15" s="296">
        <v>2550</v>
      </c>
      <c r="BA15" s="296">
        <v>36450</v>
      </c>
      <c r="BB15" s="296">
        <v>69845</v>
      </c>
      <c r="BC15" s="296">
        <v>182900</v>
      </c>
      <c r="BD15" s="299">
        <v>355720</v>
      </c>
      <c r="BE15" s="300">
        <v>355720</v>
      </c>
      <c r="BF15" s="295">
        <v>0</v>
      </c>
      <c r="BG15" s="296">
        <v>0</v>
      </c>
      <c r="BH15" s="297">
        <v>0</v>
      </c>
      <c r="BI15" s="301"/>
      <c r="BJ15" s="296">
        <v>0</v>
      </c>
      <c r="BK15" s="296">
        <v>23850</v>
      </c>
      <c r="BL15" s="296">
        <v>0</v>
      </c>
      <c r="BM15" s="296">
        <v>0</v>
      </c>
      <c r="BN15" s="296">
        <v>0</v>
      </c>
      <c r="BO15" s="299">
        <v>23850</v>
      </c>
      <c r="BP15" s="300">
        <v>23850</v>
      </c>
      <c r="BQ15" s="295">
        <v>4520</v>
      </c>
      <c r="BR15" s="296">
        <v>3760</v>
      </c>
      <c r="BS15" s="297">
        <v>8280</v>
      </c>
      <c r="BT15" s="298">
        <v>0</v>
      </c>
      <c r="BU15" s="296">
        <v>108343</v>
      </c>
      <c r="BV15" s="296">
        <v>115677</v>
      </c>
      <c r="BW15" s="296">
        <v>258072</v>
      </c>
      <c r="BX15" s="296">
        <v>127782</v>
      </c>
      <c r="BY15" s="296">
        <v>78054</v>
      </c>
      <c r="BZ15" s="299">
        <v>687928</v>
      </c>
      <c r="CA15" s="300">
        <v>696208</v>
      </c>
      <c r="CB15" s="295">
        <v>0</v>
      </c>
      <c r="CC15" s="296">
        <v>0</v>
      </c>
      <c r="CD15" s="297">
        <v>0</v>
      </c>
      <c r="CE15" s="298">
        <v>0</v>
      </c>
      <c r="CF15" s="296">
        <v>0</v>
      </c>
      <c r="CG15" s="296">
        <v>15040</v>
      </c>
      <c r="CH15" s="296">
        <v>5949</v>
      </c>
      <c r="CI15" s="296">
        <v>4950</v>
      </c>
      <c r="CJ15" s="296">
        <v>3525</v>
      </c>
      <c r="CK15" s="299">
        <v>29464</v>
      </c>
      <c r="CL15" s="300">
        <v>29464</v>
      </c>
      <c r="CM15" s="295">
        <v>0</v>
      </c>
      <c r="CN15" s="296">
        <v>0</v>
      </c>
      <c r="CO15" s="297">
        <v>0</v>
      </c>
      <c r="CP15" s="298">
        <v>0</v>
      </c>
      <c r="CQ15" s="296">
        <v>0</v>
      </c>
      <c r="CR15" s="296">
        <v>0</v>
      </c>
      <c r="CS15" s="296">
        <v>0</v>
      </c>
      <c r="CT15" s="296">
        <v>0</v>
      </c>
      <c r="CU15" s="296">
        <v>0</v>
      </c>
      <c r="CV15" s="299">
        <v>0</v>
      </c>
      <c r="CW15" s="300">
        <v>0</v>
      </c>
      <c r="CX15" s="295">
        <v>0</v>
      </c>
      <c r="CY15" s="296">
        <v>0</v>
      </c>
      <c r="CZ15" s="297">
        <v>0</v>
      </c>
      <c r="DA15" s="301"/>
      <c r="DB15" s="296">
        <v>0</v>
      </c>
      <c r="DC15" s="296">
        <v>0</v>
      </c>
      <c r="DD15" s="296">
        <v>0</v>
      </c>
      <c r="DE15" s="296">
        <v>0</v>
      </c>
      <c r="DF15" s="296">
        <v>0</v>
      </c>
      <c r="DG15" s="299">
        <v>0</v>
      </c>
      <c r="DH15" s="300">
        <v>0</v>
      </c>
      <c r="DI15" s="295">
        <v>6759</v>
      </c>
      <c r="DJ15" s="296">
        <v>3510</v>
      </c>
      <c r="DK15" s="297">
        <v>10269</v>
      </c>
      <c r="DL15" s="298">
        <v>0</v>
      </c>
      <c r="DM15" s="296">
        <v>282166</v>
      </c>
      <c r="DN15" s="296">
        <v>411862</v>
      </c>
      <c r="DO15" s="296">
        <v>3077822</v>
      </c>
      <c r="DP15" s="296">
        <v>3785461</v>
      </c>
      <c r="DQ15" s="296">
        <v>1793372</v>
      </c>
      <c r="DR15" s="299">
        <v>9350683</v>
      </c>
      <c r="DS15" s="302">
        <v>9360952</v>
      </c>
      <c r="DT15" s="295">
        <v>0</v>
      </c>
      <c r="DU15" s="296">
        <v>0</v>
      </c>
      <c r="DV15" s="297">
        <v>0</v>
      </c>
      <c r="DW15" s="301"/>
      <c r="DX15" s="296">
        <v>0</v>
      </c>
      <c r="DY15" s="296">
        <v>140160</v>
      </c>
      <c r="DZ15" s="296">
        <v>2632638</v>
      </c>
      <c r="EA15" s="296">
        <v>3489375</v>
      </c>
      <c r="EB15" s="296">
        <v>1629011</v>
      </c>
      <c r="EC15" s="299">
        <v>7891184</v>
      </c>
      <c r="ED15" s="300">
        <v>7891184</v>
      </c>
      <c r="EE15" s="295">
        <v>0</v>
      </c>
      <c r="EF15" s="296">
        <v>0</v>
      </c>
      <c r="EG15" s="297">
        <v>0</v>
      </c>
      <c r="EH15" s="301"/>
      <c r="EI15" s="296">
        <v>137895</v>
      </c>
      <c r="EJ15" s="296">
        <v>119838</v>
      </c>
      <c r="EK15" s="296">
        <v>123237</v>
      </c>
      <c r="EL15" s="296">
        <v>148968</v>
      </c>
      <c r="EM15" s="296">
        <v>36767</v>
      </c>
      <c r="EN15" s="299">
        <v>566705</v>
      </c>
      <c r="EO15" s="300">
        <v>566705</v>
      </c>
      <c r="EP15" s="295">
        <v>0</v>
      </c>
      <c r="EQ15" s="296">
        <v>0</v>
      </c>
      <c r="ER15" s="297">
        <v>0</v>
      </c>
      <c r="ES15" s="301"/>
      <c r="ET15" s="296">
        <v>0</v>
      </c>
      <c r="EU15" s="296">
        <v>0</v>
      </c>
      <c r="EV15" s="296">
        <v>0</v>
      </c>
      <c r="EW15" s="296">
        <v>0</v>
      </c>
      <c r="EX15" s="296">
        <v>210</v>
      </c>
      <c r="EY15" s="299">
        <v>210</v>
      </c>
      <c r="EZ15" s="300">
        <v>210</v>
      </c>
      <c r="FA15" s="295">
        <v>0</v>
      </c>
      <c r="FB15" s="296">
        <v>0</v>
      </c>
      <c r="FC15" s="297">
        <v>0</v>
      </c>
      <c r="FD15" s="301"/>
      <c r="FE15" s="296">
        <v>13782</v>
      </c>
      <c r="FF15" s="296">
        <v>210</v>
      </c>
      <c r="FG15" s="296">
        <v>11520</v>
      </c>
      <c r="FH15" s="296">
        <v>22997</v>
      </c>
      <c r="FI15" s="296">
        <v>24202</v>
      </c>
      <c r="FJ15" s="299">
        <v>72711</v>
      </c>
      <c r="FK15" s="300">
        <v>72711</v>
      </c>
      <c r="FL15" s="295">
        <v>0</v>
      </c>
      <c r="FM15" s="296">
        <v>0</v>
      </c>
      <c r="FN15" s="297">
        <v>0</v>
      </c>
      <c r="FO15" s="301"/>
      <c r="FP15" s="296">
        <v>0</v>
      </c>
      <c r="FQ15" s="296">
        <v>20880</v>
      </c>
      <c r="FR15" s="296">
        <v>0</v>
      </c>
      <c r="FS15" s="296">
        <v>0</v>
      </c>
      <c r="FT15" s="296">
        <v>0</v>
      </c>
      <c r="FU15" s="299">
        <v>20880</v>
      </c>
      <c r="FV15" s="300">
        <v>20880</v>
      </c>
      <c r="FW15" s="295">
        <v>6759</v>
      </c>
      <c r="FX15" s="296">
        <v>3510</v>
      </c>
      <c r="FY15" s="297">
        <v>10269</v>
      </c>
      <c r="FZ15" s="298">
        <v>0</v>
      </c>
      <c r="GA15" s="296">
        <v>130489</v>
      </c>
      <c r="GB15" s="296">
        <v>130648</v>
      </c>
      <c r="GC15" s="296">
        <v>303359</v>
      </c>
      <c r="GD15" s="296">
        <v>123960</v>
      </c>
      <c r="GE15" s="296">
        <v>99602</v>
      </c>
      <c r="GF15" s="299">
        <v>788058</v>
      </c>
      <c r="GG15" s="300">
        <v>798327</v>
      </c>
      <c r="GH15" s="295">
        <v>0</v>
      </c>
      <c r="GI15" s="296">
        <v>0</v>
      </c>
      <c r="GJ15" s="297">
        <v>0</v>
      </c>
      <c r="GK15" s="298">
        <v>0</v>
      </c>
      <c r="GL15" s="296">
        <v>0</v>
      </c>
      <c r="GM15" s="296">
        <v>126</v>
      </c>
      <c r="GN15" s="296">
        <v>7068</v>
      </c>
      <c r="GO15" s="296">
        <v>161</v>
      </c>
      <c r="GP15" s="296">
        <v>3580</v>
      </c>
      <c r="GQ15" s="299">
        <v>10935</v>
      </c>
      <c r="GR15" s="300">
        <v>10935</v>
      </c>
      <c r="GS15" s="295">
        <v>0</v>
      </c>
      <c r="GT15" s="296">
        <v>0</v>
      </c>
      <c r="GU15" s="297">
        <v>0</v>
      </c>
      <c r="GV15" s="298">
        <v>0</v>
      </c>
      <c r="GW15" s="296">
        <v>0</v>
      </c>
      <c r="GX15" s="296">
        <v>0</v>
      </c>
      <c r="GY15" s="296">
        <v>0</v>
      </c>
      <c r="GZ15" s="296">
        <v>0</v>
      </c>
      <c r="HA15" s="296">
        <v>0</v>
      </c>
      <c r="HB15" s="299">
        <v>0</v>
      </c>
      <c r="HC15" s="300">
        <v>0</v>
      </c>
      <c r="HD15" s="295">
        <v>0</v>
      </c>
      <c r="HE15" s="296">
        <v>0</v>
      </c>
      <c r="HF15" s="297">
        <v>0</v>
      </c>
      <c r="HG15" s="301"/>
      <c r="HH15" s="296">
        <v>0</v>
      </c>
      <c r="HI15" s="296">
        <v>0</v>
      </c>
      <c r="HJ15" s="296">
        <v>0</v>
      </c>
      <c r="HK15" s="296">
        <v>0</v>
      </c>
      <c r="HL15" s="296">
        <v>0</v>
      </c>
      <c r="HM15" s="299">
        <v>0</v>
      </c>
      <c r="HN15" s="300">
        <v>0</v>
      </c>
      <c r="HO15" s="295">
        <v>11279</v>
      </c>
      <c r="HP15" s="296">
        <v>7270</v>
      </c>
      <c r="HQ15" s="297">
        <v>18549</v>
      </c>
      <c r="HR15" s="298">
        <v>0</v>
      </c>
      <c r="HS15" s="296">
        <v>1149719</v>
      </c>
      <c r="HT15" s="296">
        <v>1324388</v>
      </c>
      <c r="HU15" s="296">
        <v>6252838</v>
      </c>
      <c r="HV15" s="296">
        <v>8047683</v>
      </c>
      <c r="HW15" s="296">
        <v>3700836</v>
      </c>
      <c r="HX15" s="299">
        <v>20475464</v>
      </c>
      <c r="HY15" s="300">
        <v>20494013</v>
      </c>
    </row>
    <row r="16" spans="2:233" ht="19.8" customHeight="1" x14ac:dyDescent="0.2">
      <c r="B16" s="293" t="s">
        <v>12</v>
      </c>
      <c r="C16" s="295">
        <v>8505</v>
      </c>
      <c r="D16" s="296">
        <v>7995</v>
      </c>
      <c r="E16" s="297">
        <v>16500</v>
      </c>
      <c r="F16" s="298">
        <v>0</v>
      </c>
      <c r="G16" s="296">
        <v>307511</v>
      </c>
      <c r="H16" s="296">
        <v>462057</v>
      </c>
      <c r="I16" s="296">
        <v>2621522</v>
      </c>
      <c r="J16" s="296">
        <v>3717287</v>
      </c>
      <c r="K16" s="296">
        <v>2193764</v>
      </c>
      <c r="L16" s="299">
        <v>9302141</v>
      </c>
      <c r="M16" s="300">
        <v>9318641</v>
      </c>
      <c r="N16" s="295">
        <v>0</v>
      </c>
      <c r="O16" s="296">
        <v>0</v>
      </c>
      <c r="P16" s="297">
        <v>0</v>
      </c>
      <c r="Q16" s="301"/>
      <c r="R16" s="296">
        <v>34200</v>
      </c>
      <c r="S16" s="296">
        <v>44250</v>
      </c>
      <c r="T16" s="296">
        <v>1444453</v>
      </c>
      <c r="U16" s="296">
        <v>2496880</v>
      </c>
      <c r="V16" s="296">
        <v>1625666</v>
      </c>
      <c r="W16" s="299">
        <v>5645449</v>
      </c>
      <c r="X16" s="300">
        <v>5645449</v>
      </c>
      <c r="Y16" s="295">
        <v>0</v>
      </c>
      <c r="Z16" s="296">
        <v>0</v>
      </c>
      <c r="AA16" s="297">
        <v>0</v>
      </c>
      <c r="AB16" s="301"/>
      <c r="AC16" s="296">
        <v>222553</v>
      </c>
      <c r="AD16" s="296">
        <v>297300</v>
      </c>
      <c r="AE16" s="296">
        <v>785166</v>
      </c>
      <c r="AF16" s="296">
        <v>882114</v>
      </c>
      <c r="AG16" s="296">
        <v>356527</v>
      </c>
      <c r="AH16" s="299">
        <v>2543660</v>
      </c>
      <c r="AI16" s="300">
        <v>2543660</v>
      </c>
      <c r="AJ16" s="295">
        <v>0</v>
      </c>
      <c r="AK16" s="296">
        <v>0</v>
      </c>
      <c r="AL16" s="297">
        <v>0</v>
      </c>
      <c r="AM16" s="301"/>
      <c r="AN16" s="296">
        <v>0</v>
      </c>
      <c r="AO16" s="296">
        <v>0</v>
      </c>
      <c r="AP16" s="296">
        <v>0</v>
      </c>
      <c r="AQ16" s="296">
        <v>0</v>
      </c>
      <c r="AR16" s="296">
        <v>0</v>
      </c>
      <c r="AS16" s="299">
        <v>0</v>
      </c>
      <c r="AT16" s="300">
        <v>0</v>
      </c>
      <c r="AU16" s="295">
        <v>0</v>
      </c>
      <c r="AV16" s="296">
        <v>0</v>
      </c>
      <c r="AW16" s="297">
        <v>0</v>
      </c>
      <c r="AX16" s="301"/>
      <c r="AY16" s="296">
        <v>0</v>
      </c>
      <c r="AZ16" s="296">
        <v>0</v>
      </c>
      <c r="BA16" s="296">
        <v>0</v>
      </c>
      <c r="BB16" s="296">
        <v>36750</v>
      </c>
      <c r="BC16" s="296">
        <v>60840</v>
      </c>
      <c r="BD16" s="299">
        <v>97590</v>
      </c>
      <c r="BE16" s="300">
        <v>97590</v>
      </c>
      <c r="BF16" s="295">
        <v>0</v>
      </c>
      <c r="BG16" s="296">
        <v>0</v>
      </c>
      <c r="BH16" s="297">
        <v>0</v>
      </c>
      <c r="BI16" s="301"/>
      <c r="BJ16" s="296">
        <v>2550</v>
      </c>
      <c r="BK16" s="296">
        <v>0</v>
      </c>
      <c r="BL16" s="296">
        <v>229650</v>
      </c>
      <c r="BM16" s="296">
        <v>70950</v>
      </c>
      <c r="BN16" s="296">
        <v>2550</v>
      </c>
      <c r="BO16" s="299">
        <v>305700</v>
      </c>
      <c r="BP16" s="300">
        <v>305700</v>
      </c>
      <c r="BQ16" s="295">
        <v>8505</v>
      </c>
      <c r="BR16" s="296">
        <v>7995</v>
      </c>
      <c r="BS16" s="297">
        <v>16500</v>
      </c>
      <c r="BT16" s="298">
        <v>0</v>
      </c>
      <c r="BU16" s="296">
        <v>48208</v>
      </c>
      <c r="BV16" s="296">
        <v>114319</v>
      </c>
      <c r="BW16" s="296">
        <v>162253</v>
      </c>
      <c r="BX16" s="296">
        <v>230448</v>
      </c>
      <c r="BY16" s="296">
        <v>148181</v>
      </c>
      <c r="BZ16" s="299">
        <v>703409</v>
      </c>
      <c r="CA16" s="300">
        <v>719909</v>
      </c>
      <c r="CB16" s="295">
        <v>0</v>
      </c>
      <c r="CC16" s="296">
        <v>0</v>
      </c>
      <c r="CD16" s="297">
        <v>0</v>
      </c>
      <c r="CE16" s="298">
        <v>0</v>
      </c>
      <c r="CF16" s="296">
        <v>0</v>
      </c>
      <c r="CG16" s="296">
        <v>6188</v>
      </c>
      <c r="CH16" s="296">
        <v>0</v>
      </c>
      <c r="CI16" s="296">
        <v>145</v>
      </c>
      <c r="CJ16" s="296">
        <v>0</v>
      </c>
      <c r="CK16" s="299">
        <v>6333</v>
      </c>
      <c r="CL16" s="300">
        <v>6333</v>
      </c>
      <c r="CM16" s="295">
        <v>0</v>
      </c>
      <c r="CN16" s="296">
        <v>0</v>
      </c>
      <c r="CO16" s="297">
        <v>0</v>
      </c>
      <c r="CP16" s="298">
        <v>0</v>
      </c>
      <c r="CQ16" s="296">
        <v>0</v>
      </c>
      <c r="CR16" s="296">
        <v>0</v>
      </c>
      <c r="CS16" s="296">
        <v>0</v>
      </c>
      <c r="CT16" s="296">
        <v>0</v>
      </c>
      <c r="CU16" s="296">
        <v>0</v>
      </c>
      <c r="CV16" s="299">
        <v>0</v>
      </c>
      <c r="CW16" s="300">
        <v>0</v>
      </c>
      <c r="CX16" s="295">
        <v>0</v>
      </c>
      <c r="CY16" s="296">
        <v>0</v>
      </c>
      <c r="CZ16" s="297">
        <v>0</v>
      </c>
      <c r="DA16" s="301"/>
      <c r="DB16" s="296">
        <v>0</v>
      </c>
      <c r="DC16" s="296">
        <v>0</v>
      </c>
      <c r="DD16" s="296">
        <v>0</v>
      </c>
      <c r="DE16" s="296">
        <v>0</v>
      </c>
      <c r="DF16" s="296">
        <v>0</v>
      </c>
      <c r="DG16" s="299">
        <v>0</v>
      </c>
      <c r="DH16" s="300">
        <v>0</v>
      </c>
      <c r="DI16" s="295">
        <v>9669</v>
      </c>
      <c r="DJ16" s="296">
        <v>10822</v>
      </c>
      <c r="DK16" s="297">
        <v>20491</v>
      </c>
      <c r="DL16" s="298">
        <v>0</v>
      </c>
      <c r="DM16" s="296">
        <v>196132</v>
      </c>
      <c r="DN16" s="296">
        <v>394269</v>
      </c>
      <c r="DO16" s="296">
        <v>2751540</v>
      </c>
      <c r="DP16" s="296">
        <v>3798192</v>
      </c>
      <c r="DQ16" s="296">
        <v>2171017</v>
      </c>
      <c r="DR16" s="299">
        <v>9311150</v>
      </c>
      <c r="DS16" s="302">
        <v>9331641</v>
      </c>
      <c r="DT16" s="295">
        <v>0</v>
      </c>
      <c r="DU16" s="296">
        <v>0</v>
      </c>
      <c r="DV16" s="297">
        <v>0</v>
      </c>
      <c r="DW16" s="301"/>
      <c r="DX16" s="296">
        <v>56460</v>
      </c>
      <c r="DY16" s="296">
        <v>175260</v>
      </c>
      <c r="DZ16" s="296">
        <v>2040617</v>
      </c>
      <c r="EA16" s="296">
        <v>3169185</v>
      </c>
      <c r="EB16" s="296">
        <v>1915327</v>
      </c>
      <c r="EC16" s="299">
        <v>7356849</v>
      </c>
      <c r="ED16" s="300">
        <v>7356849</v>
      </c>
      <c r="EE16" s="295">
        <v>0</v>
      </c>
      <c r="EF16" s="296">
        <v>0</v>
      </c>
      <c r="EG16" s="297">
        <v>0</v>
      </c>
      <c r="EH16" s="301"/>
      <c r="EI16" s="296">
        <v>48495</v>
      </c>
      <c r="EJ16" s="296">
        <v>25830</v>
      </c>
      <c r="EK16" s="296">
        <v>107451</v>
      </c>
      <c r="EL16" s="296">
        <v>152387</v>
      </c>
      <c r="EM16" s="296">
        <v>51935</v>
      </c>
      <c r="EN16" s="299">
        <v>386098</v>
      </c>
      <c r="EO16" s="300">
        <v>386098</v>
      </c>
      <c r="EP16" s="295">
        <v>0</v>
      </c>
      <c r="EQ16" s="296">
        <v>0</v>
      </c>
      <c r="ER16" s="297">
        <v>0</v>
      </c>
      <c r="ES16" s="301"/>
      <c r="ET16" s="296">
        <v>0</v>
      </c>
      <c r="EU16" s="296">
        <v>0</v>
      </c>
      <c r="EV16" s="296">
        <v>0</v>
      </c>
      <c r="EW16" s="296">
        <v>0</v>
      </c>
      <c r="EX16" s="296">
        <v>0</v>
      </c>
      <c r="EY16" s="299">
        <v>0</v>
      </c>
      <c r="EZ16" s="300">
        <v>0</v>
      </c>
      <c r="FA16" s="295">
        <v>0</v>
      </c>
      <c r="FB16" s="296">
        <v>0</v>
      </c>
      <c r="FC16" s="297">
        <v>0</v>
      </c>
      <c r="FD16" s="301"/>
      <c r="FE16" s="296">
        <v>0</v>
      </c>
      <c r="FF16" s="296">
        <v>0</v>
      </c>
      <c r="FG16" s="296">
        <v>0</v>
      </c>
      <c r="FH16" s="296">
        <v>630</v>
      </c>
      <c r="FI16" s="296">
        <v>1260</v>
      </c>
      <c r="FJ16" s="299">
        <v>1890</v>
      </c>
      <c r="FK16" s="300">
        <v>1890</v>
      </c>
      <c r="FL16" s="295">
        <v>0</v>
      </c>
      <c r="FM16" s="296">
        <v>0</v>
      </c>
      <c r="FN16" s="297">
        <v>0</v>
      </c>
      <c r="FO16" s="301"/>
      <c r="FP16" s="296">
        <v>20880</v>
      </c>
      <c r="FQ16" s="296">
        <v>0</v>
      </c>
      <c r="FR16" s="296">
        <v>288480</v>
      </c>
      <c r="FS16" s="296">
        <v>133800</v>
      </c>
      <c r="FT16" s="296">
        <v>20880</v>
      </c>
      <c r="FU16" s="299">
        <v>464040</v>
      </c>
      <c r="FV16" s="300">
        <v>464040</v>
      </c>
      <c r="FW16" s="295">
        <v>9669</v>
      </c>
      <c r="FX16" s="296">
        <v>10822</v>
      </c>
      <c r="FY16" s="297">
        <v>20491</v>
      </c>
      <c r="FZ16" s="298">
        <v>0</v>
      </c>
      <c r="GA16" s="296">
        <v>70297</v>
      </c>
      <c r="GB16" s="296">
        <v>188530</v>
      </c>
      <c r="GC16" s="296">
        <v>314992</v>
      </c>
      <c r="GD16" s="296">
        <v>342169</v>
      </c>
      <c r="GE16" s="296">
        <v>181615</v>
      </c>
      <c r="GF16" s="299">
        <v>1097603</v>
      </c>
      <c r="GG16" s="300">
        <v>1118094</v>
      </c>
      <c r="GH16" s="295">
        <v>0</v>
      </c>
      <c r="GI16" s="296">
        <v>0</v>
      </c>
      <c r="GJ16" s="297">
        <v>0</v>
      </c>
      <c r="GK16" s="298">
        <v>0</v>
      </c>
      <c r="GL16" s="296">
        <v>0</v>
      </c>
      <c r="GM16" s="296">
        <v>4649</v>
      </c>
      <c r="GN16" s="296">
        <v>0</v>
      </c>
      <c r="GO16" s="296">
        <v>21</v>
      </c>
      <c r="GP16" s="296">
        <v>0</v>
      </c>
      <c r="GQ16" s="299">
        <v>4670</v>
      </c>
      <c r="GR16" s="300">
        <v>4670</v>
      </c>
      <c r="GS16" s="295">
        <v>0</v>
      </c>
      <c r="GT16" s="296">
        <v>0</v>
      </c>
      <c r="GU16" s="297">
        <v>0</v>
      </c>
      <c r="GV16" s="298">
        <v>0</v>
      </c>
      <c r="GW16" s="296">
        <v>0</v>
      </c>
      <c r="GX16" s="296">
        <v>0</v>
      </c>
      <c r="GY16" s="296">
        <v>0</v>
      </c>
      <c r="GZ16" s="296">
        <v>0</v>
      </c>
      <c r="HA16" s="296">
        <v>0</v>
      </c>
      <c r="HB16" s="299">
        <v>0</v>
      </c>
      <c r="HC16" s="300">
        <v>0</v>
      </c>
      <c r="HD16" s="295">
        <v>0</v>
      </c>
      <c r="HE16" s="296">
        <v>0</v>
      </c>
      <c r="HF16" s="297">
        <v>0</v>
      </c>
      <c r="HG16" s="301"/>
      <c r="HH16" s="296">
        <v>0</v>
      </c>
      <c r="HI16" s="296">
        <v>0</v>
      </c>
      <c r="HJ16" s="296">
        <v>0</v>
      </c>
      <c r="HK16" s="296">
        <v>0</v>
      </c>
      <c r="HL16" s="296">
        <v>0</v>
      </c>
      <c r="HM16" s="299">
        <v>0</v>
      </c>
      <c r="HN16" s="300">
        <v>0</v>
      </c>
      <c r="HO16" s="295">
        <v>18174</v>
      </c>
      <c r="HP16" s="296">
        <v>18817</v>
      </c>
      <c r="HQ16" s="297">
        <v>36991</v>
      </c>
      <c r="HR16" s="298">
        <v>0</v>
      </c>
      <c r="HS16" s="296">
        <v>503643</v>
      </c>
      <c r="HT16" s="296">
        <v>856326</v>
      </c>
      <c r="HU16" s="296">
        <v>5373062</v>
      </c>
      <c r="HV16" s="296">
        <v>7515479</v>
      </c>
      <c r="HW16" s="296">
        <v>4364781</v>
      </c>
      <c r="HX16" s="299">
        <v>18613291</v>
      </c>
      <c r="HY16" s="300">
        <v>18650282</v>
      </c>
    </row>
    <row r="17" spans="2:233" ht="19.8" customHeight="1" x14ac:dyDescent="0.2">
      <c r="B17" s="293" t="s">
        <v>13</v>
      </c>
      <c r="C17" s="295">
        <v>0</v>
      </c>
      <c r="D17" s="296">
        <v>0</v>
      </c>
      <c r="E17" s="297">
        <v>0</v>
      </c>
      <c r="F17" s="298">
        <v>0</v>
      </c>
      <c r="G17" s="296">
        <v>76730</v>
      </c>
      <c r="H17" s="296">
        <v>158775</v>
      </c>
      <c r="I17" s="296">
        <v>508654</v>
      </c>
      <c r="J17" s="296">
        <v>941160</v>
      </c>
      <c r="K17" s="296">
        <v>755385</v>
      </c>
      <c r="L17" s="299">
        <v>2440704</v>
      </c>
      <c r="M17" s="300">
        <v>2440704</v>
      </c>
      <c r="N17" s="295">
        <v>0</v>
      </c>
      <c r="O17" s="296">
        <v>0</v>
      </c>
      <c r="P17" s="297">
        <v>0</v>
      </c>
      <c r="Q17" s="301"/>
      <c r="R17" s="296">
        <v>2550</v>
      </c>
      <c r="S17" s="296">
        <v>0</v>
      </c>
      <c r="T17" s="296">
        <v>356070</v>
      </c>
      <c r="U17" s="296">
        <v>867125</v>
      </c>
      <c r="V17" s="296">
        <v>663765</v>
      </c>
      <c r="W17" s="299">
        <v>1889510</v>
      </c>
      <c r="X17" s="300">
        <v>1889510</v>
      </c>
      <c r="Y17" s="295">
        <v>0</v>
      </c>
      <c r="Z17" s="296">
        <v>0</v>
      </c>
      <c r="AA17" s="297">
        <v>0</v>
      </c>
      <c r="AB17" s="301"/>
      <c r="AC17" s="296">
        <v>70950</v>
      </c>
      <c r="AD17" s="296">
        <v>137700</v>
      </c>
      <c r="AE17" s="296">
        <v>104495</v>
      </c>
      <c r="AF17" s="296">
        <v>29445</v>
      </c>
      <c r="AG17" s="296">
        <v>76200</v>
      </c>
      <c r="AH17" s="299">
        <v>418790</v>
      </c>
      <c r="AI17" s="300">
        <v>418790</v>
      </c>
      <c r="AJ17" s="295">
        <v>0</v>
      </c>
      <c r="AK17" s="296">
        <v>0</v>
      </c>
      <c r="AL17" s="297">
        <v>0</v>
      </c>
      <c r="AM17" s="301"/>
      <c r="AN17" s="296">
        <v>0</v>
      </c>
      <c r="AO17" s="296">
        <v>0</v>
      </c>
      <c r="AP17" s="296">
        <v>0</v>
      </c>
      <c r="AQ17" s="296">
        <v>0</v>
      </c>
      <c r="AR17" s="296">
        <v>0</v>
      </c>
      <c r="AS17" s="299">
        <v>0</v>
      </c>
      <c r="AT17" s="300">
        <v>0</v>
      </c>
      <c r="AU17" s="295">
        <v>0</v>
      </c>
      <c r="AV17" s="296">
        <v>0</v>
      </c>
      <c r="AW17" s="297">
        <v>0</v>
      </c>
      <c r="AX17" s="301"/>
      <c r="AY17" s="296">
        <v>0</v>
      </c>
      <c r="AZ17" s="296">
        <v>0</v>
      </c>
      <c r="BA17" s="296">
        <v>0</v>
      </c>
      <c r="BB17" s="296">
        <v>0</v>
      </c>
      <c r="BC17" s="296">
        <v>0</v>
      </c>
      <c r="BD17" s="299">
        <v>0</v>
      </c>
      <c r="BE17" s="300">
        <v>0</v>
      </c>
      <c r="BF17" s="295">
        <v>0</v>
      </c>
      <c r="BG17" s="296">
        <v>0</v>
      </c>
      <c r="BH17" s="297">
        <v>0</v>
      </c>
      <c r="BI17" s="301"/>
      <c r="BJ17" s="296">
        <v>0</v>
      </c>
      <c r="BK17" s="296">
        <v>0</v>
      </c>
      <c r="BL17" s="296">
        <v>0</v>
      </c>
      <c r="BM17" s="296">
        <v>0</v>
      </c>
      <c r="BN17" s="296">
        <v>0</v>
      </c>
      <c r="BO17" s="299">
        <v>0</v>
      </c>
      <c r="BP17" s="300">
        <v>0</v>
      </c>
      <c r="BQ17" s="295">
        <v>0</v>
      </c>
      <c r="BR17" s="296">
        <v>0</v>
      </c>
      <c r="BS17" s="297">
        <v>0</v>
      </c>
      <c r="BT17" s="298">
        <v>0</v>
      </c>
      <c r="BU17" s="296">
        <v>3230</v>
      </c>
      <c r="BV17" s="296">
        <v>18900</v>
      </c>
      <c r="BW17" s="296">
        <v>47219</v>
      </c>
      <c r="BX17" s="296">
        <v>44325</v>
      </c>
      <c r="BY17" s="296">
        <v>10930</v>
      </c>
      <c r="BZ17" s="299">
        <v>124604</v>
      </c>
      <c r="CA17" s="300">
        <v>124604</v>
      </c>
      <c r="CB17" s="295">
        <v>0</v>
      </c>
      <c r="CC17" s="296">
        <v>0</v>
      </c>
      <c r="CD17" s="297">
        <v>0</v>
      </c>
      <c r="CE17" s="298">
        <v>0</v>
      </c>
      <c r="CF17" s="296">
        <v>0</v>
      </c>
      <c r="CG17" s="296">
        <v>2175</v>
      </c>
      <c r="CH17" s="296">
        <v>870</v>
      </c>
      <c r="CI17" s="296">
        <v>265</v>
      </c>
      <c r="CJ17" s="296">
        <v>4490</v>
      </c>
      <c r="CK17" s="299">
        <v>7800</v>
      </c>
      <c r="CL17" s="300">
        <v>7800</v>
      </c>
      <c r="CM17" s="295">
        <v>0</v>
      </c>
      <c r="CN17" s="296">
        <v>0</v>
      </c>
      <c r="CO17" s="297">
        <v>0</v>
      </c>
      <c r="CP17" s="298">
        <v>0</v>
      </c>
      <c r="CQ17" s="296">
        <v>0</v>
      </c>
      <c r="CR17" s="296">
        <v>0</v>
      </c>
      <c r="CS17" s="296">
        <v>0</v>
      </c>
      <c r="CT17" s="296">
        <v>0</v>
      </c>
      <c r="CU17" s="296">
        <v>0</v>
      </c>
      <c r="CV17" s="299">
        <v>0</v>
      </c>
      <c r="CW17" s="300">
        <v>0</v>
      </c>
      <c r="CX17" s="295">
        <v>0</v>
      </c>
      <c r="CY17" s="296">
        <v>0</v>
      </c>
      <c r="CZ17" s="297">
        <v>0</v>
      </c>
      <c r="DA17" s="301"/>
      <c r="DB17" s="296">
        <v>0</v>
      </c>
      <c r="DC17" s="296">
        <v>0</v>
      </c>
      <c r="DD17" s="296">
        <v>0</v>
      </c>
      <c r="DE17" s="296">
        <v>0</v>
      </c>
      <c r="DF17" s="296">
        <v>0</v>
      </c>
      <c r="DG17" s="299">
        <v>0</v>
      </c>
      <c r="DH17" s="300">
        <v>0</v>
      </c>
      <c r="DI17" s="295">
        <v>0</v>
      </c>
      <c r="DJ17" s="296">
        <v>0</v>
      </c>
      <c r="DK17" s="297">
        <v>0</v>
      </c>
      <c r="DL17" s="298">
        <v>0</v>
      </c>
      <c r="DM17" s="296">
        <v>45543</v>
      </c>
      <c r="DN17" s="296">
        <v>37343</v>
      </c>
      <c r="DO17" s="296">
        <v>627715</v>
      </c>
      <c r="DP17" s="296">
        <v>1041457</v>
      </c>
      <c r="DQ17" s="296">
        <v>765386</v>
      </c>
      <c r="DR17" s="299">
        <v>2517444</v>
      </c>
      <c r="DS17" s="302">
        <v>2517444</v>
      </c>
      <c r="DT17" s="295">
        <v>0</v>
      </c>
      <c r="DU17" s="296">
        <v>0</v>
      </c>
      <c r="DV17" s="297">
        <v>0</v>
      </c>
      <c r="DW17" s="301"/>
      <c r="DX17" s="296">
        <v>20880</v>
      </c>
      <c r="DY17" s="296">
        <v>0</v>
      </c>
      <c r="DZ17" s="296">
        <v>509735</v>
      </c>
      <c r="EA17" s="296">
        <v>936841</v>
      </c>
      <c r="EB17" s="296">
        <v>682202</v>
      </c>
      <c r="EC17" s="299">
        <v>2149658</v>
      </c>
      <c r="ED17" s="300">
        <v>2149658</v>
      </c>
      <c r="EE17" s="295">
        <v>0</v>
      </c>
      <c r="EF17" s="296">
        <v>0</v>
      </c>
      <c r="EG17" s="297">
        <v>0</v>
      </c>
      <c r="EH17" s="301"/>
      <c r="EI17" s="296">
        <v>11580</v>
      </c>
      <c r="EJ17" s="296">
        <v>2072</v>
      </c>
      <c r="EK17" s="296">
        <v>36677</v>
      </c>
      <c r="EL17" s="296">
        <v>987</v>
      </c>
      <c r="EM17" s="296">
        <v>33030</v>
      </c>
      <c r="EN17" s="299">
        <v>84346</v>
      </c>
      <c r="EO17" s="300">
        <v>84346</v>
      </c>
      <c r="EP17" s="295">
        <v>0</v>
      </c>
      <c r="EQ17" s="296">
        <v>0</v>
      </c>
      <c r="ER17" s="297">
        <v>0</v>
      </c>
      <c r="ES17" s="301"/>
      <c r="ET17" s="296">
        <v>0</v>
      </c>
      <c r="EU17" s="296">
        <v>0</v>
      </c>
      <c r="EV17" s="296">
        <v>0</v>
      </c>
      <c r="EW17" s="296">
        <v>0</v>
      </c>
      <c r="EX17" s="296">
        <v>0</v>
      </c>
      <c r="EY17" s="299">
        <v>0</v>
      </c>
      <c r="EZ17" s="300">
        <v>0</v>
      </c>
      <c r="FA17" s="295">
        <v>0</v>
      </c>
      <c r="FB17" s="296">
        <v>0</v>
      </c>
      <c r="FC17" s="297">
        <v>0</v>
      </c>
      <c r="FD17" s="301"/>
      <c r="FE17" s="296">
        <v>0</v>
      </c>
      <c r="FF17" s="296">
        <v>0</v>
      </c>
      <c r="FG17" s="296">
        <v>0</v>
      </c>
      <c r="FH17" s="296">
        <v>0</v>
      </c>
      <c r="FI17" s="296">
        <v>0</v>
      </c>
      <c r="FJ17" s="299">
        <v>0</v>
      </c>
      <c r="FK17" s="300">
        <v>0</v>
      </c>
      <c r="FL17" s="295">
        <v>0</v>
      </c>
      <c r="FM17" s="296">
        <v>0</v>
      </c>
      <c r="FN17" s="297">
        <v>0</v>
      </c>
      <c r="FO17" s="301"/>
      <c r="FP17" s="296">
        <v>0</v>
      </c>
      <c r="FQ17" s="296">
        <v>0</v>
      </c>
      <c r="FR17" s="296">
        <v>0</v>
      </c>
      <c r="FS17" s="296">
        <v>0</v>
      </c>
      <c r="FT17" s="296">
        <v>0</v>
      </c>
      <c r="FU17" s="299">
        <v>0</v>
      </c>
      <c r="FV17" s="300">
        <v>0</v>
      </c>
      <c r="FW17" s="295">
        <v>0</v>
      </c>
      <c r="FX17" s="296">
        <v>0</v>
      </c>
      <c r="FY17" s="297">
        <v>0</v>
      </c>
      <c r="FZ17" s="298">
        <v>0</v>
      </c>
      <c r="GA17" s="296">
        <v>13083</v>
      </c>
      <c r="GB17" s="296">
        <v>35159</v>
      </c>
      <c r="GC17" s="296">
        <v>81247</v>
      </c>
      <c r="GD17" s="296">
        <v>103608</v>
      </c>
      <c r="GE17" s="296">
        <v>50112</v>
      </c>
      <c r="GF17" s="299">
        <v>283209</v>
      </c>
      <c r="GG17" s="300">
        <v>283209</v>
      </c>
      <c r="GH17" s="295">
        <v>0</v>
      </c>
      <c r="GI17" s="296">
        <v>0</v>
      </c>
      <c r="GJ17" s="297">
        <v>0</v>
      </c>
      <c r="GK17" s="298">
        <v>0</v>
      </c>
      <c r="GL17" s="296">
        <v>0</v>
      </c>
      <c r="GM17" s="296">
        <v>112</v>
      </c>
      <c r="GN17" s="296">
        <v>56</v>
      </c>
      <c r="GO17" s="296">
        <v>21</v>
      </c>
      <c r="GP17" s="296">
        <v>42</v>
      </c>
      <c r="GQ17" s="299">
        <v>231</v>
      </c>
      <c r="GR17" s="300">
        <v>231</v>
      </c>
      <c r="GS17" s="295">
        <v>0</v>
      </c>
      <c r="GT17" s="296">
        <v>0</v>
      </c>
      <c r="GU17" s="297">
        <v>0</v>
      </c>
      <c r="GV17" s="298">
        <v>0</v>
      </c>
      <c r="GW17" s="296">
        <v>0</v>
      </c>
      <c r="GX17" s="296">
        <v>0</v>
      </c>
      <c r="GY17" s="296">
        <v>0</v>
      </c>
      <c r="GZ17" s="296">
        <v>0</v>
      </c>
      <c r="HA17" s="296">
        <v>0</v>
      </c>
      <c r="HB17" s="299">
        <v>0</v>
      </c>
      <c r="HC17" s="300">
        <v>0</v>
      </c>
      <c r="HD17" s="295">
        <v>0</v>
      </c>
      <c r="HE17" s="296">
        <v>0</v>
      </c>
      <c r="HF17" s="297">
        <v>0</v>
      </c>
      <c r="HG17" s="301"/>
      <c r="HH17" s="296">
        <v>0</v>
      </c>
      <c r="HI17" s="296">
        <v>0</v>
      </c>
      <c r="HJ17" s="296">
        <v>0</v>
      </c>
      <c r="HK17" s="296">
        <v>0</v>
      </c>
      <c r="HL17" s="296">
        <v>0</v>
      </c>
      <c r="HM17" s="299">
        <v>0</v>
      </c>
      <c r="HN17" s="300">
        <v>0</v>
      </c>
      <c r="HO17" s="295">
        <v>0</v>
      </c>
      <c r="HP17" s="296">
        <v>0</v>
      </c>
      <c r="HQ17" s="297">
        <v>0</v>
      </c>
      <c r="HR17" s="298">
        <v>0</v>
      </c>
      <c r="HS17" s="296">
        <v>122273</v>
      </c>
      <c r="HT17" s="296">
        <v>196118</v>
      </c>
      <c r="HU17" s="296">
        <v>1136369</v>
      </c>
      <c r="HV17" s="296">
        <v>1982617</v>
      </c>
      <c r="HW17" s="296">
        <v>1520771</v>
      </c>
      <c r="HX17" s="299">
        <v>4958148</v>
      </c>
      <c r="HY17" s="300">
        <v>4958148</v>
      </c>
    </row>
    <row r="18" spans="2:233" ht="19.8" customHeight="1" x14ac:dyDescent="0.2">
      <c r="B18" s="293" t="s">
        <v>15</v>
      </c>
      <c r="C18" s="295">
        <v>0</v>
      </c>
      <c r="D18" s="296">
        <v>2814</v>
      </c>
      <c r="E18" s="297">
        <v>2814</v>
      </c>
      <c r="F18" s="298">
        <v>0</v>
      </c>
      <c r="G18" s="296">
        <v>208886</v>
      </c>
      <c r="H18" s="296">
        <v>484459</v>
      </c>
      <c r="I18" s="296">
        <v>1564192</v>
      </c>
      <c r="J18" s="296">
        <v>2098626</v>
      </c>
      <c r="K18" s="296">
        <v>1200714</v>
      </c>
      <c r="L18" s="299">
        <v>5556877</v>
      </c>
      <c r="M18" s="300">
        <v>5559691</v>
      </c>
      <c r="N18" s="295">
        <v>0</v>
      </c>
      <c r="O18" s="296">
        <v>0</v>
      </c>
      <c r="P18" s="297">
        <v>0</v>
      </c>
      <c r="Q18" s="301"/>
      <c r="R18" s="296">
        <v>0</v>
      </c>
      <c r="S18" s="296">
        <v>34350</v>
      </c>
      <c r="T18" s="296">
        <v>1022880</v>
      </c>
      <c r="U18" s="296">
        <v>1294370</v>
      </c>
      <c r="V18" s="296">
        <v>884310</v>
      </c>
      <c r="W18" s="299">
        <v>3235910</v>
      </c>
      <c r="X18" s="300">
        <v>3235910</v>
      </c>
      <c r="Y18" s="295">
        <v>0</v>
      </c>
      <c r="Z18" s="296">
        <v>0</v>
      </c>
      <c r="AA18" s="297">
        <v>0</v>
      </c>
      <c r="AB18" s="301"/>
      <c r="AC18" s="296">
        <v>206455</v>
      </c>
      <c r="AD18" s="296">
        <v>388222</v>
      </c>
      <c r="AE18" s="296">
        <v>342090</v>
      </c>
      <c r="AF18" s="296">
        <v>490740</v>
      </c>
      <c r="AG18" s="296">
        <v>121455</v>
      </c>
      <c r="AH18" s="299">
        <v>1548962</v>
      </c>
      <c r="AI18" s="300">
        <v>1548962</v>
      </c>
      <c r="AJ18" s="295">
        <v>0</v>
      </c>
      <c r="AK18" s="296">
        <v>0</v>
      </c>
      <c r="AL18" s="297">
        <v>0</v>
      </c>
      <c r="AM18" s="301"/>
      <c r="AN18" s="296">
        <v>0</v>
      </c>
      <c r="AO18" s="296">
        <v>0</v>
      </c>
      <c r="AP18" s="296">
        <v>0</v>
      </c>
      <c r="AQ18" s="296">
        <v>0</v>
      </c>
      <c r="AR18" s="296">
        <v>2550</v>
      </c>
      <c r="AS18" s="299">
        <v>2550</v>
      </c>
      <c r="AT18" s="300">
        <v>2550</v>
      </c>
      <c r="AU18" s="295">
        <v>0</v>
      </c>
      <c r="AV18" s="296">
        <v>0</v>
      </c>
      <c r="AW18" s="297">
        <v>0</v>
      </c>
      <c r="AX18" s="301"/>
      <c r="AY18" s="296">
        <v>0</v>
      </c>
      <c r="AZ18" s="296">
        <v>0</v>
      </c>
      <c r="BA18" s="296">
        <v>0</v>
      </c>
      <c r="BB18" s="296">
        <v>0</v>
      </c>
      <c r="BC18" s="296">
        <v>0</v>
      </c>
      <c r="BD18" s="299">
        <v>0</v>
      </c>
      <c r="BE18" s="300">
        <v>0</v>
      </c>
      <c r="BF18" s="295">
        <v>0</v>
      </c>
      <c r="BG18" s="296">
        <v>0</v>
      </c>
      <c r="BH18" s="297">
        <v>0</v>
      </c>
      <c r="BI18" s="301"/>
      <c r="BJ18" s="296">
        <v>0</v>
      </c>
      <c r="BK18" s="296">
        <v>0</v>
      </c>
      <c r="BL18" s="296">
        <v>129000</v>
      </c>
      <c r="BM18" s="296">
        <v>98405</v>
      </c>
      <c r="BN18" s="296">
        <v>62470</v>
      </c>
      <c r="BO18" s="299">
        <v>289875</v>
      </c>
      <c r="BP18" s="300">
        <v>289875</v>
      </c>
      <c r="BQ18" s="295">
        <v>0</v>
      </c>
      <c r="BR18" s="296">
        <v>2814</v>
      </c>
      <c r="BS18" s="297">
        <v>2814</v>
      </c>
      <c r="BT18" s="298">
        <v>0</v>
      </c>
      <c r="BU18" s="296">
        <v>290</v>
      </c>
      <c r="BV18" s="296">
        <v>60162</v>
      </c>
      <c r="BW18" s="296">
        <v>63114</v>
      </c>
      <c r="BX18" s="296">
        <v>213226</v>
      </c>
      <c r="BY18" s="296">
        <v>129929</v>
      </c>
      <c r="BZ18" s="299">
        <v>466721</v>
      </c>
      <c r="CA18" s="300">
        <v>469535</v>
      </c>
      <c r="CB18" s="295">
        <v>0</v>
      </c>
      <c r="CC18" s="296">
        <v>0</v>
      </c>
      <c r="CD18" s="297">
        <v>0</v>
      </c>
      <c r="CE18" s="298">
        <v>0</v>
      </c>
      <c r="CF18" s="296">
        <v>2141</v>
      </c>
      <c r="CG18" s="296">
        <v>1725</v>
      </c>
      <c r="CH18" s="296">
        <v>7108</v>
      </c>
      <c r="CI18" s="296">
        <v>1885</v>
      </c>
      <c r="CJ18" s="296">
        <v>0</v>
      </c>
      <c r="CK18" s="299">
        <v>12859</v>
      </c>
      <c r="CL18" s="300">
        <v>12859</v>
      </c>
      <c r="CM18" s="295">
        <v>0</v>
      </c>
      <c r="CN18" s="296">
        <v>0</v>
      </c>
      <c r="CO18" s="297">
        <v>0</v>
      </c>
      <c r="CP18" s="298">
        <v>0</v>
      </c>
      <c r="CQ18" s="296">
        <v>0</v>
      </c>
      <c r="CR18" s="296">
        <v>0</v>
      </c>
      <c r="CS18" s="296">
        <v>0</v>
      </c>
      <c r="CT18" s="296">
        <v>0</v>
      </c>
      <c r="CU18" s="296">
        <v>0</v>
      </c>
      <c r="CV18" s="299">
        <v>0</v>
      </c>
      <c r="CW18" s="300">
        <v>0</v>
      </c>
      <c r="CX18" s="295">
        <v>0</v>
      </c>
      <c r="CY18" s="296">
        <v>0</v>
      </c>
      <c r="CZ18" s="297">
        <v>0</v>
      </c>
      <c r="DA18" s="301"/>
      <c r="DB18" s="296">
        <v>0</v>
      </c>
      <c r="DC18" s="296">
        <v>0</v>
      </c>
      <c r="DD18" s="296">
        <v>0</v>
      </c>
      <c r="DE18" s="296">
        <v>0</v>
      </c>
      <c r="DF18" s="296">
        <v>0</v>
      </c>
      <c r="DG18" s="299">
        <v>0</v>
      </c>
      <c r="DH18" s="300">
        <v>0</v>
      </c>
      <c r="DI18" s="295">
        <v>0</v>
      </c>
      <c r="DJ18" s="296">
        <v>2565</v>
      </c>
      <c r="DK18" s="297">
        <v>2565</v>
      </c>
      <c r="DL18" s="298">
        <v>0</v>
      </c>
      <c r="DM18" s="296">
        <v>16397</v>
      </c>
      <c r="DN18" s="296">
        <v>135760</v>
      </c>
      <c r="DO18" s="296">
        <v>1565523</v>
      </c>
      <c r="DP18" s="296">
        <v>1829595</v>
      </c>
      <c r="DQ18" s="296">
        <v>1165485</v>
      </c>
      <c r="DR18" s="299">
        <v>4712760</v>
      </c>
      <c r="DS18" s="302">
        <v>4715325</v>
      </c>
      <c r="DT18" s="295">
        <v>0</v>
      </c>
      <c r="DU18" s="296">
        <v>0</v>
      </c>
      <c r="DV18" s="297">
        <v>0</v>
      </c>
      <c r="DW18" s="301"/>
      <c r="DX18" s="296">
        <v>0</v>
      </c>
      <c r="DY18" s="296">
        <v>25650</v>
      </c>
      <c r="DZ18" s="296">
        <v>1196494</v>
      </c>
      <c r="EA18" s="296">
        <v>1386864</v>
      </c>
      <c r="EB18" s="296">
        <v>878178</v>
      </c>
      <c r="EC18" s="299">
        <v>3487186</v>
      </c>
      <c r="ED18" s="300">
        <v>3487186</v>
      </c>
      <c r="EE18" s="295">
        <v>0</v>
      </c>
      <c r="EF18" s="296">
        <v>0</v>
      </c>
      <c r="EG18" s="297">
        <v>0</v>
      </c>
      <c r="EH18" s="301"/>
      <c r="EI18" s="296">
        <v>13508</v>
      </c>
      <c r="EJ18" s="296">
        <v>48173</v>
      </c>
      <c r="EK18" s="296">
        <v>24798</v>
      </c>
      <c r="EL18" s="296">
        <v>27090</v>
      </c>
      <c r="EM18" s="296">
        <v>22371</v>
      </c>
      <c r="EN18" s="299">
        <v>135940</v>
      </c>
      <c r="EO18" s="300">
        <v>135940</v>
      </c>
      <c r="EP18" s="295">
        <v>0</v>
      </c>
      <c r="EQ18" s="296">
        <v>0</v>
      </c>
      <c r="ER18" s="297">
        <v>0</v>
      </c>
      <c r="ES18" s="301"/>
      <c r="ET18" s="296">
        <v>0</v>
      </c>
      <c r="EU18" s="296">
        <v>0</v>
      </c>
      <c r="EV18" s="296">
        <v>0</v>
      </c>
      <c r="EW18" s="296">
        <v>0</v>
      </c>
      <c r="EX18" s="296">
        <v>210</v>
      </c>
      <c r="EY18" s="299">
        <v>210</v>
      </c>
      <c r="EZ18" s="300">
        <v>210</v>
      </c>
      <c r="FA18" s="295">
        <v>0</v>
      </c>
      <c r="FB18" s="296">
        <v>0</v>
      </c>
      <c r="FC18" s="297">
        <v>0</v>
      </c>
      <c r="FD18" s="301"/>
      <c r="FE18" s="296">
        <v>0</v>
      </c>
      <c r="FF18" s="296">
        <v>0</v>
      </c>
      <c r="FG18" s="296">
        <v>0</v>
      </c>
      <c r="FH18" s="296">
        <v>0</v>
      </c>
      <c r="FI18" s="296">
        <v>0</v>
      </c>
      <c r="FJ18" s="299">
        <v>0</v>
      </c>
      <c r="FK18" s="300">
        <v>0</v>
      </c>
      <c r="FL18" s="295">
        <v>0</v>
      </c>
      <c r="FM18" s="296">
        <v>0</v>
      </c>
      <c r="FN18" s="297">
        <v>0</v>
      </c>
      <c r="FO18" s="301"/>
      <c r="FP18" s="296">
        <v>0</v>
      </c>
      <c r="FQ18" s="296">
        <v>0</v>
      </c>
      <c r="FR18" s="296">
        <v>209748</v>
      </c>
      <c r="FS18" s="296">
        <v>176746</v>
      </c>
      <c r="FT18" s="296">
        <v>118404</v>
      </c>
      <c r="FU18" s="299">
        <v>504898</v>
      </c>
      <c r="FV18" s="300">
        <v>504898</v>
      </c>
      <c r="FW18" s="295">
        <v>0</v>
      </c>
      <c r="FX18" s="296">
        <v>2565</v>
      </c>
      <c r="FY18" s="297">
        <v>2565</v>
      </c>
      <c r="FZ18" s="298">
        <v>0</v>
      </c>
      <c r="GA18" s="296">
        <v>2784</v>
      </c>
      <c r="GB18" s="296">
        <v>60128</v>
      </c>
      <c r="GC18" s="296">
        <v>127566</v>
      </c>
      <c r="GD18" s="296">
        <v>238804</v>
      </c>
      <c r="GE18" s="296">
        <v>146322</v>
      </c>
      <c r="GF18" s="299">
        <v>575604</v>
      </c>
      <c r="GG18" s="300">
        <v>578169</v>
      </c>
      <c r="GH18" s="295">
        <v>0</v>
      </c>
      <c r="GI18" s="296">
        <v>0</v>
      </c>
      <c r="GJ18" s="297">
        <v>0</v>
      </c>
      <c r="GK18" s="298">
        <v>0</v>
      </c>
      <c r="GL18" s="296">
        <v>105</v>
      </c>
      <c r="GM18" s="296">
        <v>1809</v>
      </c>
      <c r="GN18" s="296">
        <v>6917</v>
      </c>
      <c r="GO18" s="296">
        <v>91</v>
      </c>
      <c r="GP18" s="296">
        <v>0</v>
      </c>
      <c r="GQ18" s="299">
        <v>8922</v>
      </c>
      <c r="GR18" s="300">
        <v>8922</v>
      </c>
      <c r="GS18" s="295">
        <v>0</v>
      </c>
      <c r="GT18" s="296">
        <v>0</v>
      </c>
      <c r="GU18" s="297">
        <v>0</v>
      </c>
      <c r="GV18" s="298">
        <v>0</v>
      </c>
      <c r="GW18" s="296">
        <v>0</v>
      </c>
      <c r="GX18" s="296">
        <v>0</v>
      </c>
      <c r="GY18" s="296">
        <v>0</v>
      </c>
      <c r="GZ18" s="296">
        <v>0</v>
      </c>
      <c r="HA18" s="296">
        <v>0</v>
      </c>
      <c r="HB18" s="299">
        <v>0</v>
      </c>
      <c r="HC18" s="300">
        <v>0</v>
      </c>
      <c r="HD18" s="295">
        <v>0</v>
      </c>
      <c r="HE18" s="296">
        <v>0</v>
      </c>
      <c r="HF18" s="297">
        <v>0</v>
      </c>
      <c r="HG18" s="301"/>
      <c r="HH18" s="296">
        <v>0</v>
      </c>
      <c r="HI18" s="296">
        <v>0</v>
      </c>
      <c r="HJ18" s="296">
        <v>0</v>
      </c>
      <c r="HK18" s="296">
        <v>0</v>
      </c>
      <c r="HL18" s="296">
        <v>0</v>
      </c>
      <c r="HM18" s="299">
        <v>0</v>
      </c>
      <c r="HN18" s="300">
        <v>0</v>
      </c>
      <c r="HO18" s="295">
        <v>0</v>
      </c>
      <c r="HP18" s="296">
        <v>5379</v>
      </c>
      <c r="HQ18" s="297">
        <v>5379</v>
      </c>
      <c r="HR18" s="298">
        <v>0</v>
      </c>
      <c r="HS18" s="296">
        <v>225283</v>
      </c>
      <c r="HT18" s="296">
        <v>620219</v>
      </c>
      <c r="HU18" s="296">
        <v>3129715</v>
      </c>
      <c r="HV18" s="296">
        <v>3928221</v>
      </c>
      <c r="HW18" s="296">
        <v>2366199</v>
      </c>
      <c r="HX18" s="299">
        <v>10269637</v>
      </c>
      <c r="HY18" s="300">
        <v>10275016</v>
      </c>
    </row>
    <row r="19" spans="2:233" ht="19.8" customHeight="1" x14ac:dyDescent="0.2">
      <c r="B19" s="293" t="s">
        <v>16</v>
      </c>
      <c r="C19" s="295">
        <v>0</v>
      </c>
      <c r="D19" s="296">
        <v>0</v>
      </c>
      <c r="E19" s="297">
        <v>0</v>
      </c>
      <c r="F19" s="298">
        <v>0</v>
      </c>
      <c r="G19" s="296">
        <v>355092</v>
      </c>
      <c r="H19" s="296">
        <v>1024009</v>
      </c>
      <c r="I19" s="296">
        <v>2799379</v>
      </c>
      <c r="J19" s="296">
        <v>3602551</v>
      </c>
      <c r="K19" s="296">
        <v>2332917</v>
      </c>
      <c r="L19" s="299">
        <v>10113948</v>
      </c>
      <c r="M19" s="300">
        <v>10113948</v>
      </c>
      <c r="N19" s="295">
        <v>0</v>
      </c>
      <c r="O19" s="296">
        <v>0</v>
      </c>
      <c r="P19" s="297">
        <v>0</v>
      </c>
      <c r="Q19" s="301"/>
      <c r="R19" s="296">
        <v>67740</v>
      </c>
      <c r="S19" s="296">
        <v>176988</v>
      </c>
      <c r="T19" s="296">
        <v>1784320</v>
      </c>
      <c r="U19" s="296">
        <v>2099597</v>
      </c>
      <c r="V19" s="296">
        <v>1753593</v>
      </c>
      <c r="W19" s="299">
        <v>5882238</v>
      </c>
      <c r="X19" s="300">
        <v>5882238</v>
      </c>
      <c r="Y19" s="295">
        <v>0</v>
      </c>
      <c r="Z19" s="296">
        <v>0</v>
      </c>
      <c r="AA19" s="297">
        <v>0</v>
      </c>
      <c r="AB19" s="301"/>
      <c r="AC19" s="296">
        <v>238175</v>
      </c>
      <c r="AD19" s="296">
        <v>765698</v>
      </c>
      <c r="AE19" s="296">
        <v>669505</v>
      </c>
      <c r="AF19" s="296">
        <v>1059833</v>
      </c>
      <c r="AG19" s="296">
        <v>290492</v>
      </c>
      <c r="AH19" s="299">
        <v>3023703</v>
      </c>
      <c r="AI19" s="300">
        <v>3023703</v>
      </c>
      <c r="AJ19" s="295">
        <v>0</v>
      </c>
      <c r="AK19" s="296">
        <v>0</v>
      </c>
      <c r="AL19" s="297">
        <v>0</v>
      </c>
      <c r="AM19" s="301"/>
      <c r="AN19" s="296">
        <v>0</v>
      </c>
      <c r="AO19" s="296">
        <v>0</v>
      </c>
      <c r="AP19" s="296">
        <v>0</v>
      </c>
      <c r="AQ19" s="296">
        <v>0</v>
      </c>
      <c r="AR19" s="296">
        <v>2550</v>
      </c>
      <c r="AS19" s="299">
        <v>2550</v>
      </c>
      <c r="AT19" s="300">
        <v>2550</v>
      </c>
      <c r="AU19" s="295">
        <v>0</v>
      </c>
      <c r="AV19" s="296">
        <v>0</v>
      </c>
      <c r="AW19" s="297">
        <v>0</v>
      </c>
      <c r="AX19" s="301"/>
      <c r="AY19" s="296">
        <v>0</v>
      </c>
      <c r="AZ19" s="296">
        <v>13740</v>
      </c>
      <c r="BA19" s="296">
        <v>66000</v>
      </c>
      <c r="BB19" s="296">
        <v>140795</v>
      </c>
      <c r="BC19" s="296">
        <v>71100</v>
      </c>
      <c r="BD19" s="299">
        <v>291635</v>
      </c>
      <c r="BE19" s="300">
        <v>291635</v>
      </c>
      <c r="BF19" s="295">
        <v>0</v>
      </c>
      <c r="BG19" s="296">
        <v>0</v>
      </c>
      <c r="BH19" s="297">
        <v>0</v>
      </c>
      <c r="BI19" s="301"/>
      <c r="BJ19" s="296">
        <v>2550</v>
      </c>
      <c r="BK19" s="296">
        <v>26400</v>
      </c>
      <c r="BL19" s="296">
        <v>89410</v>
      </c>
      <c r="BM19" s="296">
        <v>216065</v>
      </c>
      <c r="BN19" s="296">
        <v>130055</v>
      </c>
      <c r="BO19" s="299">
        <v>464480</v>
      </c>
      <c r="BP19" s="300">
        <v>464480</v>
      </c>
      <c r="BQ19" s="295">
        <v>0</v>
      </c>
      <c r="BR19" s="296">
        <v>0</v>
      </c>
      <c r="BS19" s="297">
        <v>0</v>
      </c>
      <c r="BT19" s="298">
        <v>0</v>
      </c>
      <c r="BU19" s="296">
        <v>46627</v>
      </c>
      <c r="BV19" s="296">
        <v>40755</v>
      </c>
      <c r="BW19" s="296">
        <v>189049</v>
      </c>
      <c r="BX19" s="296">
        <v>76475</v>
      </c>
      <c r="BY19" s="296">
        <v>62557</v>
      </c>
      <c r="BZ19" s="299">
        <v>415463</v>
      </c>
      <c r="CA19" s="300">
        <v>415463</v>
      </c>
      <c r="CB19" s="295">
        <v>0</v>
      </c>
      <c r="CC19" s="296">
        <v>0</v>
      </c>
      <c r="CD19" s="297">
        <v>0</v>
      </c>
      <c r="CE19" s="298">
        <v>0</v>
      </c>
      <c r="CF19" s="296">
        <v>0</v>
      </c>
      <c r="CG19" s="296">
        <v>428</v>
      </c>
      <c r="CH19" s="296">
        <v>1095</v>
      </c>
      <c r="CI19" s="296">
        <v>9786</v>
      </c>
      <c r="CJ19" s="296">
        <v>22570</v>
      </c>
      <c r="CK19" s="299">
        <v>33879</v>
      </c>
      <c r="CL19" s="300">
        <v>33879</v>
      </c>
      <c r="CM19" s="295">
        <v>0</v>
      </c>
      <c r="CN19" s="296">
        <v>0</v>
      </c>
      <c r="CO19" s="297">
        <v>0</v>
      </c>
      <c r="CP19" s="298">
        <v>0</v>
      </c>
      <c r="CQ19" s="296">
        <v>0</v>
      </c>
      <c r="CR19" s="296">
        <v>0</v>
      </c>
      <c r="CS19" s="296">
        <v>0</v>
      </c>
      <c r="CT19" s="296">
        <v>0</v>
      </c>
      <c r="CU19" s="296">
        <v>0</v>
      </c>
      <c r="CV19" s="299">
        <v>0</v>
      </c>
      <c r="CW19" s="300">
        <v>0</v>
      </c>
      <c r="CX19" s="295">
        <v>0</v>
      </c>
      <c r="CY19" s="296">
        <v>0</v>
      </c>
      <c r="CZ19" s="297">
        <v>0</v>
      </c>
      <c r="DA19" s="301"/>
      <c r="DB19" s="296">
        <v>0</v>
      </c>
      <c r="DC19" s="296">
        <v>0</v>
      </c>
      <c r="DD19" s="296">
        <v>0</v>
      </c>
      <c r="DE19" s="296">
        <v>0</v>
      </c>
      <c r="DF19" s="296">
        <v>0</v>
      </c>
      <c r="DG19" s="299">
        <v>0</v>
      </c>
      <c r="DH19" s="300">
        <v>0</v>
      </c>
      <c r="DI19" s="295">
        <v>0</v>
      </c>
      <c r="DJ19" s="296">
        <v>0</v>
      </c>
      <c r="DK19" s="297">
        <v>0</v>
      </c>
      <c r="DL19" s="298">
        <v>0</v>
      </c>
      <c r="DM19" s="296">
        <v>377687</v>
      </c>
      <c r="DN19" s="296">
        <v>727336</v>
      </c>
      <c r="DO19" s="296">
        <v>3192455</v>
      </c>
      <c r="DP19" s="296">
        <v>3799315</v>
      </c>
      <c r="DQ19" s="296">
        <v>2563580</v>
      </c>
      <c r="DR19" s="299">
        <v>10660373</v>
      </c>
      <c r="DS19" s="302">
        <v>10660373</v>
      </c>
      <c r="DT19" s="295">
        <v>0</v>
      </c>
      <c r="DU19" s="296">
        <v>0</v>
      </c>
      <c r="DV19" s="297">
        <v>0</v>
      </c>
      <c r="DW19" s="301"/>
      <c r="DX19" s="296">
        <v>109290</v>
      </c>
      <c r="DY19" s="296">
        <v>354886</v>
      </c>
      <c r="DZ19" s="296">
        <v>2503699</v>
      </c>
      <c r="EA19" s="296">
        <v>2973982</v>
      </c>
      <c r="EB19" s="296">
        <v>2130137</v>
      </c>
      <c r="EC19" s="299">
        <v>8071994</v>
      </c>
      <c r="ED19" s="300">
        <v>8071994</v>
      </c>
      <c r="EE19" s="295">
        <v>0</v>
      </c>
      <c r="EF19" s="296">
        <v>0</v>
      </c>
      <c r="EG19" s="297">
        <v>0</v>
      </c>
      <c r="EH19" s="301"/>
      <c r="EI19" s="296">
        <v>176730</v>
      </c>
      <c r="EJ19" s="296">
        <v>247603</v>
      </c>
      <c r="EK19" s="296">
        <v>220734</v>
      </c>
      <c r="EL19" s="296">
        <v>318678</v>
      </c>
      <c r="EM19" s="296">
        <v>77311</v>
      </c>
      <c r="EN19" s="299">
        <v>1041056</v>
      </c>
      <c r="EO19" s="300">
        <v>1041056</v>
      </c>
      <c r="EP19" s="295">
        <v>0</v>
      </c>
      <c r="EQ19" s="296">
        <v>0</v>
      </c>
      <c r="ER19" s="297">
        <v>0</v>
      </c>
      <c r="ES19" s="301"/>
      <c r="ET19" s="296">
        <v>0</v>
      </c>
      <c r="EU19" s="296">
        <v>0</v>
      </c>
      <c r="EV19" s="296">
        <v>0</v>
      </c>
      <c r="EW19" s="296">
        <v>0</v>
      </c>
      <c r="EX19" s="296">
        <v>210</v>
      </c>
      <c r="EY19" s="299">
        <v>210</v>
      </c>
      <c r="EZ19" s="300">
        <v>210</v>
      </c>
      <c r="FA19" s="295">
        <v>0</v>
      </c>
      <c r="FB19" s="296">
        <v>0</v>
      </c>
      <c r="FC19" s="297">
        <v>0</v>
      </c>
      <c r="FD19" s="301"/>
      <c r="FE19" s="296">
        <v>0</v>
      </c>
      <c r="FF19" s="296">
        <v>4524</v>
      </c>
      <c r="FG19" s="296">
        <v>11520</v>
      </c>
      <c r="FH19" s="296">
        <v>24047</v>
      </c>
      <c r="FI19" s="296">
        <v>11940</v>
      </c>
      <c r="FJ19" s="299">
        <v>52031</v>
      </c>
      <c r="FK19" s="300">
        <v>52031</v>
      </c>
      <c r="FL19" s="295">
        <v>0</v>
      </c>
      <c r="FM19" s="296">
        <v>0</v>
      </c>
      <c r="FN19" s="297">
        <v>0</v>
      </c>
      <c r="FO19" s="301"/>
      <c r="FP19" s="296">
        <v>20880</v>
      </c>
      <c r="FQ19" s="296">
        <v>41760</v>
      </c>
      <c r="FR19" s="296">
        <v>158076</v>
      </c>
      <c r="FS19" s="296">
        <v>343954</v>
      </c>
      <c r="FT19" s="296">
        <v>212326</v>
      </c>
      <c r="FU19" s="299">
        <v>776996</v>
      </c>
      <c r="FV19" s="300">
        <v>776996</v>
      </c>
      <c r="FW19" s="295">
        <v>0</v>
      </c>
      <c r="FX19" s="296">
        <v>0</v>
      </c>
      <c r="FY19" s="297">
        <v>0</v>
      </c>
      <c r="FZ19" s="298">
        <v>0</v>
      </c>
      <c r="GA19" s="296">
        <v>70787</v>
      </c>
      <c r="GB19" s="296">
        <v>78535</v>
      </c>
      <c r="GC19" s="296">
        <v>298370</v>
      </c>
      <c r="GD19" s="296">
        <v>125545</v>
      </c>
      <c r="GE19" s="296">
        <v>97262</v>
      </c>
      <c r="GF19" s="299">
        <v>670499</v>
      </c>
      <c r="GG19" s="300">
        <v>670499</v>
      </c>
      <c r="GH19" s="295">
        <v>0</v>
      </c>
      <c r="GI19" s="296">
        <v>0</v>
      </c>
      <c r="GJ19" s="297">
        <v>0</v>
      </c>
      <c r="GK19" s="298">
        <v>0</v>
      </c>
      <c r="GL19" s="296">
        <v>0</v>
      </c>
      <c r="GM19" s="296">
        <v>28</v>
      </c>
      <c r="GN19" s="296">
        <v>56</v>
      </c>
      <c r="GO19" s="296">
        <v>13109</v>
      </c>
      <c r="GP19" s="296">
        <v>34394</v>
      </c>
      <c r="GQ19" s="299">
        <v>47587</v>
      </c>
      <c r="GR19" s="300">
        <v>47587</v>
      </c>
      <c r="GS19" s="295">
        <v>0</v>
      </c>
      <c r="GT19" s="296">
        <v>0</v>
      </c>
      <c r="GU19" s="297">
        <v>0</v>
      </c>
      <c r="GV19" s="298">
        <v>0</v>
      </c>
      <c r="GW19" s="296">
        <v>0</v>
      </c>
      <c r="GX19" s="296">
        <v>0</v>
      </c>
      <c r="GY19" s="296">
        <v>0</v>
      </c>
      <c r="GZ19" s="296">
        <v>0</v>
      </c>
      <c r="HA19" s="296">
        <v>0</v>
      </c>
      <c r="HB19" s="299">
        <v>0</v>
      </c>
      <c r="HC19" s="300">
        <v>0</v>
      </c>
      <c r="HD19" s="295">
        <v>0</v>
      </c>
      <c r="HE19" s="296">
        <v>0</v>
      </c>
      <c r="HF19" s="297">
        <v>0</v>
      </c>
      <c r="HG19" s="301"/>
      <c r="HH19" s="296">
        <v>0</v>
      </c>
      <c r="HI19" s="296">
        <v>0</v>
      </c>
      <c r="HJ19" s="296">
        <v>0</v>
      </c>
      <c r="HK19" s="296">
        <v>0</v>
      </c>
      <c r="HL19" s="296">
        <v>0</v>
      </c>
      <c r="HM19" s="299">
        <v>0</v>
      </c>
      <c r="HN19" s="300">
        <v>0</v>
      </c>
      <c r="HO19" s="295">
        <v>0</v>
      </c>
      <c r="HP19" s="296">
        <v>0</v>
      </c>
      <c r="HQ19" s="297">
        <v>0</v>
      </c>
      <c r="HR19" s="298">
        <v>0</v>
      </c>
      <c r="HS19" s="296">
        <v>732779</v>
      </c>
      <c r="HT19" s="296">
        <v>1751345</v>
      </c>
      <c r="HU19" s="296">
        <v>5991834</v>
      </c>
      <c r="HV19" s="296">
        <v>7401866</v>
      </c>
      <c r="HW19" s="296">
        <v>4896497</v>
      </c>
      <c r="HX19" s="299">
        <v>20774321</v>
      </c>
      <c r="HY19" s="300">
        <v>20774321</v>
      </c>
    </row>
    <row r="20" spans="2:233" ht="19.8" customHeight="1" x14ac:dyDescent="0.2">
      <c r="B20" s="293" t="s">
        <v>17</v>
      </c>
      <c r="C20" s="295">
        <v>0</v>
      </c>
      <c r="D20" s="296">
        <v>580</v>
      </c>
      <c r="E20" s="297">
        <v>580</v>
      </c>
      <c r="F20" s="298">
        <v>0</v>
      </c>
      <c r="G20" s="296">
        <v>221035</v>
      </c>
      <c r="H20" s="296">
        <v>951710</v>
      </c>
      <c r="I20" s="296">
        <v>2504385</v>
      </c>
      <c r="J20" s="296">
        <v>3232953</v>
      </c>
      <c r="K20" s="296">
        <v>2488887</v>
      </c>
      <c r="L20" s="299">
        <v>9398970</v>
      </c>
      <c r="M20" s="300">
        <v>9399550</v>
      </c>
      <c r="N20" s="295">
        <v>0</v>
      </c>
      <c r="O20" s="296">
        <v>0</v>
      </c>
      <c r="P20" s="297">
        <v>0</v>
      </c>
      <c r="Q20" s="301"/>
      <c r="R20" s="296">
        <v>52800</v>
      </c>
      <c r="S20" s="296">
        <v>229800</v>
      </c>
      <c r="T20" s="296">
        <v>1515115</v>
      </c>
      <c r="U20" s="296">
        <v>2383053</v>
      </c>
      <c r="V20" s="296">
        <v>1728015</v>
      </c>
      <c r="W20" s="299">
        <v>5908783</v>
      </c>
      <c r="X20" s="300">
        <v>5908783</v>
      </c>
      <c r="Y20" s="295">
        <v>0</v>
      </c>
      <c r="Z20" s="296">
        <v>0</v>
      </c>
      <c r="AA20" s="297">
        <v>0</v>
      </c>
      <c r="AB20" s="301"/>
      <c r="AC20" s="296">
        <v>102300</v>
      </c>
      <c r="AD20" s="296">
        <v>547375</v>
      </c>
      <c r="AE20" s="296">
        <v>658265</v>
      </c>
      <c r="AF20" s="296">
        <v>452600</v>
      </c>
      <c r="AG20" s="296">
        <v>289412</v>
      </c>
      <c r="AH20" s="299">
        <v>2049952</v>
      </c>
      <c r="AI20" s="300">
        <v>2049952</v>
      </c>
      <c r="AJ20" s="295">
        <v>0</v>
      </c>
      <c r="AK20" s="296">
        <v>0</v>
      </c>
      <c r="AL20" s="297">
        <v>0</v>
      </c>
      <c r="AM20" s="301"/>
      <c r="AN20" s="296">
        <v>0</v>
      </c>
      <c r="AO20" s="296">
        <v>0</v>
      </c>
      <c r="AP20" s="296">
        <v>0</v>
      </c>
      <c r="AQ20" s="296">
        <v>0</v>
      </c>
      <c r="AR20" s="296">
        <v>34200</v>
      </c>
      <c r="AS20" s="299">
        <v>34200</v>
      </c>
      <c r="AT20" s="300">
        <v>34200</v>
      </c>
      <c r="AU20" s="295">
        <v>0</v>
      </c>
      <c r="AV20" s="296">
        <v>0</v>
      </c>
      <c r="AW20" s="297">
        <v>0</v>
      </c>
      <c r="AX20" s="301"/>
      <c r="AY20" s="296">
        <v>0</v>
      </c>
      <c r="AZ20" s="296">
        <v>0</v>
      </c>
      <c r="BA20" s="296">
        <v>0</v>
      </c>
      <c r="BB20" s="296">
        <v>2550</v>
      </c>
      <c r="BC20" s="296">
        <v>55830</v>
      </c>
      <c r="BD20" s="299">
        <v>58380</v>
      </c>
      <c r="BE20" s="300">
        <v>58380</v>
      </c>
      <c r="BF20" s="295">
        <v>0</v>
      </c>
      <c r="BG20" s="296">
        <v>0</v>
      </c>
      <c r="BH20" s="297">
        <v>0</v>
      </c>
      <c r="BI20" s="301"/>
      <c r="BJ20" s="296">
        <v>0</v>
      </c>
      <c r="BK20" s="296">
        <v>2380</v>
      </c>
      <c r="BL20" s="296">
        <v>192300</v>
      </c>
      <c r="BM20" s="296">
        <v>140955</v>
      </c>
      <c r="BN20" s="296">
        <v>244350</v>
      </c>
      <c r="BO20" s="299">
        <v>579985</v>
      </c>
      <c r="BP20" s="300">
        <v>579985</v>
      </c>
      <c r="BQ20" s="295">
        <v>0</v>
      </c>
      <c r="BR20" s="296">
        <v>580</v>
      </c>
      <c r="BS20" s="297">
        <v>580</v>
      </c>
      <c r="BT20" s="298">
        <v>0</v>
      </c>
      <c r="BU20" s="296">
        <v>63675</v>
      </c>
      <c r="BV20" s="296">
        <v>152305</v>
      </c>
      <c r="BW20" s="296">
        <v>138270</v>
      </c>
      <c r="BX20" s="296">
        <v>253795</v>
      </c>
      <c r="BY20" s="296">
        <v>94645</v>
      </c>
      <c r="BZ20" s="299">
        <v>702690</v>
      </c>
      <c r="CA20" s="300">
        <v>703270</v>
      </c>
      <c r="CB20" s="295">
        <v>0</v>
      </c>
      <c r="CC20" s="296">
        <v>0</v>
      </c>
      <c r="CD20" s="297">
        <v>0</v>
      </c>
      <c r="CE20" s="298">
        <v>0</v>
      </c>
      <c r="CF20" s="296">
        <v>2260</v>
      </c>
      <c r="CG20" s="296">
        <v>19850</v>
      </c>
      <c r="CH20" s="296">
        <v>435</v>
      </c>
      <c r="CI20" s="296">
        <v>0</v>
      </c>
      <c r="CJ20" s="296">
        <v>42435</v>
      </c>
      <c r="CK20" s="299">
        <v>64980</v>
      </c>
      <c r="CL20" s="300">
        <v>64980</v>
      </c>
      <c r="CM20" s="295">
        <v>0</v>
      </c>
      <c r="CN20" s="296">
        <v>0</v>
      </c>
      <c r="CO20" s="297">
        <v>0</v>
      </c>
      <c r="CP20" s="298">
        <v>0</v>
      </c>
      <c r="CQ20" s="296">
        <v>0</v>
      </c>
      <c r="CR20" s="296">
        <v>0</v>
      </c>
      <c r="CS20" s="296">
        <v>0</v>
      </c>
      <c r="CT20" s="296">
        <v>0</v>
      </c>
      <c r="CU20" s="296">
        <v>0</v>
      </c>
      <c r="CV20" s="299">
        <v>0</v>
      </c>
      <c r="CW20" s="300">
        <v>0</v>
      </c>
      <c r="CX20" s="295">
        <v>0</v>
      </c>
      <c r="CY20" s="296">
        <v>0</v>
      </c>
      <c r="CZ20" s="297">
        <v>0</v>
      </c>
      <c r="DA20" s="301"/>
      <c r="DB20" s="296">
        <v>0</v>
      </c>
      <c r="DC20" s="296">
        <v>0</v>
      </c>
      <c r="DD20" s="296">
        <v>0</v>
      </c>
      <c r="DE20" s="296">
        <v>0</v>
      </c>
      <c r="DF20" s="296">
        <v>0</v>
      </c>
      <c r="DG20" s="299">
        <v>0</v>
      </c>
      <c r="DH20" s="300">
        <v>0</v>
      </c>
      <c r="DI20" s="295">
        <v>0</v>
      </c>
      <c r="DJ20" s="296">
        <v>4176</v>
      </c>
      <c r="DK20" s="297">
        <v>4176</v>
      </c>
      <c r="DL20" s="298">
        <v>0</v>
      </c>
      <c r="DM20" s="296">
        <v>155946</v>
      </c>
      <c r="DN20" s="296">
        <v>419056</v>
      </c>
      <c r="DO20" s="296">
        <v>2881653</v>
      </c>
      <c r="DP20" s="296">
        <v>3814662</v>
      </c>
      <c r="DQ20" s="296">
        <v>2606347</v>
      </c>
      <c r="DR20" s="299">
        <v>9877664</v>
      </c>
      <c r="DS20" s="302">
        <v>9881840</v>
      </c>
      <c r="DT20" s="295">
        <v>0</v>
      </c>
      <c r="DU20" s="296">
        <v>0</v>
      </c>
      <c r="DV20" s="297">
        <v>0</v>
      </c>
      <c r="DW20" s="301"/>
      <c r="DX20" s="296">
        <v>70860</v>
      </c>
      <c r="DY20" s="296">
        <v>204540</v>
      </c>
      <c r="DZ20" s="296">
        <v>2334195</v>
      </c>
      <c r="EA20" s="296">
        <v>3251936</v>
      </c>
      <c r="EB20" s="296">
        <v>2051750</v>
      </c>
      <c r="EC20" s="299">
        <v>7913281</v>
      </c>
      <c r="ED20" s="300">
        <v>7913281</v>
      </c>
      <c r="EE20" s="295">
        <v>0</v>
      </c>
      <c r="EF20" s="296">
        <v>0</v>
      </c>
      <c r="EG20" s="297">
        <v>0</v>
      </c>
      <c r="EH20" s="301"/>
      <c r="EI20" s="296">
        <v>2520</v>
      </c>
      <c r="EJ20" s="296">
        <v>42571</v>
      </c>
      <c r="EK20" s="296">
        <v>58550</v>
      </c>
      <c r="EL20" s="296">
        <v>16872</v>
      </c>
      <c r="EM20" s="296">
        <v>25732</v>
      </c>
      <c r="EN20" s="299">
        <v>146245</v>
      </c>
      <c r="EO20" s="300">
        <v>146245</v>
      </c>
      <c r="EP20" s="295">
        <v>0</v>
      </c>
      <c r="EQ20" s="296">
        <v>0</v>
      </c>
      <c r="ER20" s="297">
        <v>0</v>
      </c>
      <c r="ES20" s="301"/>
      <c r="ET20" s="296">
        <v>0</v>
      </c>
      <c r="EU20" s="296">
        <v>0</v>
      </c>
      <c r="EV20" s="296">
        <v>0</v>
      </c>
      <c r="EW20" s="296">
        <v>0</v>
      </c>
      <c r="EX20" s="296">
        <v>210</v>
      </c>
      <c r="EY20" s="299">
        <v>210</v>
      </c>
      <c r="EZ20" s="300">
        <v>210</v>
      </c>
      <c r="FA20" s="295">
        <v>0</v>
      </c>
      <c r="FB20" s="296">
        <v>0</v>
      </c>
      <c r="FC20" s="297">
        <v>0</v>
      </c>
      <c r="FD20" s="301"/>
      <c r="FE20" s="296">
        <v>0</v>
      </c>
      <c r="FF20" s="296">
        <v>0</v>
      </c>
      <c r="FG20" s="296">
        <v>0</v>
      </c>
      <c r="FH20" s="296">
        <v>210</v>
      </c>
      <c r="FI20" s="296">
        <v>840</v>
      </c>
      <c r="FJ20" s="299">
        <v>1050</v>
      </c>
      <c r="FK20" s="300">
        <v>1050</v>
      </c>
      <c r="FL20" s="295">
        <v>0</v>
      </c>
      <c r="FM20" s="296">
        <v>0</v>
      </c>
      <c r="FN20" s="297">
        <v>0</v>
      </c>
      <c r="FO20" s="301"/>
      <c r="FP20" s="296">
        <v>0</v>
      </c>
      <c r="FQ20" s="296">
        <v>10530</v>
      </c>
      <c r="FR20" s="296">
        <v>273150</v>
      </c>
      <c r="FS20" s="296">
        <v>232374</v>
      </c>
      <c r="FT20" s="296">
        <v>381240</v>
      </c>
      <c r="FU20" s="299">
        <v>897294</v>
      </c>
      <c r="FV20" s="300">
        <v>897294</v>
      </c>
      <c r="FW20" s="295">
        <v>0</v>
      </c>
      <c r="FX20" s="296">
        <v>4176</v>
      </c>
      <c r="FY20" s="297">
        <v>4176</v>
      </c>
      <c r="FZ20" s="298">
        <v>0</v>
      </c>
      <c r="GA20" s="296">
        <v>82496</v>
      </c>
      <c r="GB20" s="296">
        <v>159313</v>
      </c>
      <c r="GC20" s="296">
        <v>215737</v>
      </c>
      <c r="GD20" s="296">
        <v>313270</v>
      </c>
      <c r="GE20" s="296">
        <v>132279</v>
      </c>
      <c r="GF20" s="299">
        <v>903095</v>
      </c>
      <c r="GG20" s="300">
        <v>907271</v>
      </c>
      <c r="GH20" s="295">
        <v>0</v>
      </c>
      <c r="GI20" s="296">
        <v>0</v>
      </c>
      <c r="GJ20" s="297">
        <v>0</v>
      </c>
      <c r="GK20" s="298">
        <v>0</v>
      </c>
      <c r="GL20" s="296">
        <v>70</v>
      </c>
      <c r="GM20" s="296">
        <v>2102</v>
      </c>
      <c r="GN20" s="296">
        <v>21</v>
      </c>
      <c r="GO20" s="296">
        <v>0</v>
      </c>
      <c r="GP20" s="296">
        <v>14296</v>
      </c>
      <c r="GQ20" s="299">
        <v>16489</v>
      </c>
      <c r="GR20" s="300">
        <v>16489</v>
      </c>
      <c r="GS20" s="295">
        <v>0</v>
      </c>
      <c r="GT20" s="296">
        <v>0</v>
      </c>
      <c r="GU20" s="297">
        <v>0</v>
      </c>
      <c r="GV20" s="298">
        <v>0</v>
      </c>
      <c r="GW20" s="296">
        <v>0</v>
      </c>
      <c r="GX20" s="296">
        <v>0</v>
      </c>
      <c r="GY20" s="296">
        <v>0</v>
      </c>
      <c r="GZ20" s="296">
        <v>0</v>
      </c>
      <c r="HA20" s="296">
        <v>0</v>
      </c>
      <c r="HB20" s="299">
        <v>0</v>
      </c>
      <c r="HC20" s="300">
        <v>0</v>
      </c>
      <c r="HD20" s="295">
        <v>0</v>
      </c>
      <c r="HE20" s="296">
        <v>0</v>
      </c>
      <c r="HF20" s="297">
        <v>0</v>
      </c>
      <c r="HG20" s="301"/>
      <c r="HH20" s="296">
        <v>0</v>
      </c>
      <c r="HI20" s="296">
        <v>0</v>
      </c>
      <c r="HJ20" s="296">
        <v>0</v>
      </c>
      <c r="HK20" s="296">
        <v>0</v>
      </c>
      <c r="HL20" s="296">
        <v>0</v>
      </c>
      <c r="HM20" s="299">
        <v>0</v>
      </c>
      <c r="HN20" s="300">
        <v>0</v>
      </c>
      <c r="HO20" s="295">
        <v>0</v>
      </c>
      <c r="HP20" s="296">
        <v>4756</v>
      </c>
      <c r="HQ20" s="297">
        <v>4756</v>
      </c>
      <c r="HR20" s="298">
        <v>0</v>
      </c>
      <c r="HS20" s="296">
        <v>376981</v>
      </c>
      <c r="HT20" s="296">
        <v>1370766</v>
      </c>
      <c r="HU20" s="296">
        <v>5386038</v>
      </c>
      <c r="HV20" s="296">
        <v>7047615</v>
      </c>
      <c r="HW20" s="296">
        <v>5095234</v>
      </c>
      <c r="HX20" s="299">
        <v>19276634</v>
      </c>
      <c r="HY20" s="300">
        <v>19281390</v>
      </c>
    </row>
    <row r="21" spans="2:233" ht="19.8" customHeight="1" x14ac:dyDescent="0.2">
      <c r="B21" s="293" t="s">
        <v>18</v>
      </c>
      <c r="C21" s="295">
        <v>0</v>
      </c>
      <c r="D21" s="296">
        <v>630</v>
      </c>
      <c r="E21" s="297">
        <v>630</v>
      </c>
      <c r="F21" s="298">
        <v>0</v>
      </c>
      <c r="G21" s="296">
        <v>271480</v>
      </c>
      <c r="H21" s="296">
        <v>582534</v>
      </c>
      <c r="I21" s="296">
        <v>2260106</v>
      </c>
      <c r="J21" s="296">
        <v>3747305</v>
      </c>
      <c r="K21" s="296">
        <v>2904900</v>
      </c>
      <c r="L21" s="299">
        <v>9766325</v>
      </c>
      <c r="M21" s="300">
        <v>9766955</v>
      </c>
      <c r="N21" s="295">
        <v>0</v>
      </c>
      <c r="O21" s="296">
        <v>0</v>
      </c>
      <c r="P21" s="297">
        <v>0</v>
      </c>
      <c r="Q21" s="301"/>
      <c r="R21" s="296">
        <v>27000</v>
      </c>
      <c r="S21" s="296">
        <v>99920</v>
      </c>
      <c r="T21" s="296">
        <v>1464831</v>
      </c>
      <c r="U21" s="296">
        <v>2710965</v>
      </c>
      <c r="V21" s="296">
        <v>2128340</v>
      </c>
      <c r="W21" s="299">
        <v>6431056</v>
      </c>
      <c r="X21" s="300">
        <v>6431056</v>
      </c>
      <c r="Y21" s="295">
        <v>0</v>
      </c>
      <c r="Z21" s="296">
        <v>0</v>
      </c>
      <c r="AA21" s="297">
        <v>0</v>
      </c>
      <c r="AB21" s="301"/>
      <c r="AC21" s="296">
        <v>196355</v>
      </c>
      <c r="AD21" s="296">
        <v>332895</v>
      </c>
      <c r="AE21" s="296">
        <v>491005</v>
      </c>
      <c r="AF21" s="296">
        <v>652910</v>
      </c>
      <c r="AG21" s="296">
        <v>460095</v>
      </c>
      <c r="AH21" s="299">
        <v>2133260</v>
      </c>
      <c r="AI21" s="300">
        <v>2133260</v>
      </c>
      <c r="AJ21" s="295">
        <v>0</v>
      </c>
      <c r="AK21" s="296">
        <v>0</v>
      </c>
      <c r="AL21" s="297">
        <v>0</v>
      </c>
      <c r="AM21" s="301"/>
      <c r="AN21" s="296">
        <v>0</v>
      </c>
      <c r="AO21" s="296">
        <v>0</v>
      </c>
      <c r="AP21" s="296">
        <v>0</v>
      </c>
      <c r="AQ21" s="296">
        <v>2550</v>
      </c>
      <c r="AR21" s="296">
        <v>71250</v>
      </c>
      <c r="AS21" s="299">
        <v>73800</v>
      </c>
      <c r="AT21" s="300">
        <v>73800</v>
      </c>
      <c r="AU21" s="295">
        <v>0</v>
      </c>
      <c r="AV21" s="296">
        <v>0</v>
      </c>
      <c r="AW21" s="297">
        <v>0</v>
      </c>
      <c r="AX21" s="301"/>
      <c r="AY21" s="296">
        <v>0</v>
      </c>
      <c r="AZ21" s="296">
        <v>0</v>
      </c>
      <c r="BA21" s="296">
        <v>0</v>
      </c>
      <c r="BB21" s="296">
        <v>27195</v>
      </c>
      <c r="BC21" s="296">
        <v>150165</v>
      </c>
      <c r="BD21" s="299">
        <v>177360</v>
      </c>
      <c r="BE21" s="300">
        <v>177360</v>
      </c>
      <c r="BF21" s="295">
        <v>0</v>
      </c>
      <c r="BG21" s="296">
        <v>0</v>
      </c>
      <c r="BH21" s="297">
        <v>0</v>
      </c>
      <c r="BI21" s="301"/>
      <c r="BJ21" s="296">
        <v>0</v>
      </c>
      <c r="BK21" s="296">
        <v>17690</v>
      </c>
      <c r="BL21" s="296">
        <v>41850</v>
      </c>
      <c r="BM21" s="296">
        <v>107550</v>
      </c>
      <c r="BN21" s="296">
        <v>5100</v>
      </c>
      <c r="BO21" s="299">
        <v>172190</v>
      </c>
      <c r="BP21" s="300">
        <v>172190</v>
      </c>
      <c r="BQ21" s="295">
        <v>0</v>
      </c>
      <c r="BR21" s="296">
        <v>630</v>
      </c>
      <c r="BS21" s="297">
        <v>630</v>
      </c>
      <c r="BT21" s="298">
        <v>0</v>
      </c>
      <c r="BU21" s="296">
        <v>46435</v>
      </c>
      <c r="BV21" s="296">
        <v>132029</v>
      </c>
      <c r="BW21" s="296">
        <v>262420</v>
      </c>
      <c r="BX21" s="296">
        <v>234275</v>
      </c>
      <c r="BY21" s="296">
        <v>89950</v>
      </c>
      <c r="BZ21" s="299">
        <v>765109</v>
      </c>
      <c r="CA21" s="300">
        <v>765739</v>
      </c>
      <c r="CB21" s="295">
        <v>0</v>
      </c>
      <c r="CC21" s="296">
        <v>0</v>
      </c>
      <c r="CD21" s="297">
        <v>0</v>
      </c>
      <c r="CE21" s="298">
        <v>0</v>
      </c>
      <c r="CF21" s="296">
        <v>1690</v>
      </c>
      <c r="CG21" s="296">
        <v>0</v>
      </c>
      <c r="CH21" s="296">
        <v>0</v>
      </c>
      <c r="CI21" s="296">
        <v>11860</v>
      </c>
      <c r="CJ21" s="296">
        <v>0</v>
      </c>
      <c r="CK21" s="299">
        <v>13550</v>
      </c>
      <c r="CL21" s="300">
        <v>13550</v>
      </c>
      <c r="CM21" s="295">
        <v>0</v>
      </c>
      <c r="CN21" s="296">
        <v>0</v>
      </c>
      <c r="CO21" s="297">
        <v>0</v>
      </c>
      <c r="CP21" s="298">
        <v>0</v>
      </c>
      <c r="CQ21" s="296">
        <v>0</v>
      </c>
      <c r="CR21" s="296">
        <v>0</v>
      </c>
      <c r="CS21" s="296">
        <v>0</v>
      </c>
      <c r="CT21" s="296">
        <v>0</v>
      </c>
      <c r="CU21" s="296">
        <v>0</v>
      </c>
      <c r="CV21" s="299">
        <v>0</v>
      </c>
      <c r="CW21" s="300">
        <v>0</v>
      </c>
      <c r="CX21" s="295">
        <v>0</v>
      </c>
      <c r="CY21" s="296">
        <v>0</v>
      </c>
      <c r="CZ21" s="297">
        <v>0</v>
      </c>
      <c r="DA21" s="301"/>
      <c r="DB21" s="296">
        <v>0</v>
      </c>
      <c r="DC21" s="296">
        <v>0</v>
      </c>
      <c r="DD21" s="296">
        <v>0</v>
      </c>
      <c r="DE21" s="296">
        <v>0</v>
      </c>
      <c r="DF21" s="296">
        <v>0</v>
      </c>
      <c r="DG21" s="299">
        <v>0</v>
      </c>
      <c r="DH21" s="300">
        <v>0</v>
      </c>
      <c r="DI21" s="295">
        <v>0</v>
      </c>
      <c r="DJ21" s="296">
        <v>4176</v>
      </c>
      <c r="DK21" s="297">
        <v>4176</v>
      </c>
      <c r="DL21" s="298">
        <v>0</v>
      </c>
      <c r="DM21" s="296">
        <v>190448</v>
      </c>
      <c r="DN21" s="296">
        <v>469269</v>
      </c>
      <c r="DO21" s="296">
        <v>3088806</v>
      </c>
      <c r="DP21" s="296">
        <v>4571236</v>
      </c>
      <c r="DQ21" s="296">
        <v>3060634</v>
      </c>
      <c r="DR21" s="299">
        <v>11380393</v>
      </c>
      <c r="DS21" s="302">
        <v>11384569</v>
      </c>
      <c r="DT21" s="295">
        <v>0</v>
      </c>
      <c r="DU21" s="296">
        <v>0</v>
      </c>
      <c r="DV21" s="297">
        <v>0</v>
      </c>
      <c r="DW21" s="301"/>
      <c r="DX21" s="296">
        <v>61560</v>
      </c>
      <c r="DY21" s="296">
        <v>158862</v>
      </c>
      <c r="DZ21" s="296">
        <v>2435047</v>
      </c>
      <c r="EA21" s="296">
        <v>3769923</v>
      </c>
      <c r="EB21" s="296">
        <v>2750463</v>
      </c>
      <c r="EC21" s="299">
        <v>9175855</v>
      </c>
      <c r="ED21" s="300">
        <v>9175855</v>
      </c>
      <c r="EE21" s="295">
        <v>0</v>
      </c>
      <c r="EF21" s="296">
        <v>0</v>
      </c>
      <c r="EG21" s="297">
        <v>0</v>
      </c>
      <c r="EH21" s="301"/>
      <c r="EI21" s="296">
        <v>44257</v>
      </c>
      <c r="EJ21" s="296">
        <v>39686</v>
      </c>
      <c r="EK21" s="296">
        <v>128557</v>
      </c>
      <c r="EL21" s="296">
        <v>120446</v>
      </c>
      <c r="EM21" s="296">
        <v>92617</v>
      </c>
      <c r="EN21" s="299">
        <v>425563</v>
      </c>
      <c r="EO21" s="300">
        <v>425563</v>
      </c>
      <c r="EP21" s="295">
        <v>0</v>
      </c>
      <c r="EQ21" s="296">
        <v>0</v>
      </c>
      <c r="ER21" s="297">
        <v>0</v>
      </c>
      <c r="ES21" s="301"/>
      <c r="ET21" s="296">
        <v>0</v>
      </c>
      <c r="EU21" s="296">
        <v>0</v>
      </c>
      <c r="EV21" s="296">
        <v>0</v>
      </c>
      <c r="EW21" s="296">
        <v>210</v>
      </c>
      <c r="EX21" s="296">
        <v>22200</v>
      </c>
      <c r="EY21" s="299">
        <v>22410</v>
      </c>
      <c r="EZ21" s="300">
        <v>22410</v>
      </c>
      <c r="FA21" s="295">
        <v>0</v>
      </c>
      <c r="FB21" s="296">
        <v>0</v>
      </c>
      <c r="FC21" s="297">
        <v>0</v>
      </c>
      <c r="FD21" s="301"/>
      <c r="FE21" s="296">
        <v>0</v>
      </c>
      <c r="FF21" s="296">
        <v>0</v>
      </c>
      <c r="FG21" s="296">
        <v>0</v>
      </c>
      <c r="FH21" s="296">
        <v>434</v>
      </c>
      <c r="FI21" s="296">
        <v>2107</v>
      </c>
      <c r="FJ21" s="299">
        <v>2541</v>
      </c>
      <c r="FK21" s="300">
        <v>2541</v>
      </c>
      <c r="FL21" s="295">
        <v>0</v>
      </c>
      <c r="FM21" s="296">
        <v>0</v>
      </c>
      <c r="FN21" s="297">
        <v>0</v>
      </c>
      <c r="FO21" s="301"/>
      <c r="FP21" s="296">
        <v>0</v>
      </c>
      <c r="FQ21" s="296">
        <v>27278</v>
      </c>
      <c r="FR21" s="296">
        <v>119100</v>
      </c>
      <c r="FS21" s="296">
        <v>259080</v>
      </c>
      <c r="FT21" s="296">
        <v>41760</v>
      </c>
      <c r="FU21" s="299">
        <v>447218</v>
      </c>
      <c r="FV21" s="300">
        <v>447218</v>
      </c>
      <c r="FW21" s="295">
        <v>0</v>
      </c>
      <c r="FX21" s="296">
        <v>4176</v>
      </c>
      <c r="FY21" s="297">
        <v>4176</v>
      </c>
      <c r="FZ21" s="298">
        <v>0</v>
      </c>
      <c r="GA21" s="296">
        <v>82275</v>
      </c>
      <c r="GB21" s="296">
        <v>243443</v>
      </c>
      <c r="GC21" s="296">
        <v>406102</v>
      </c>
      <c r="GD21" s="296">
        <v>415885</v>
      </c>
      <c r="GE21" s="296">
        <v>151487</v>
      </c>
      <c r="GF21" s="299">
        <v>1299192</v>
      </c>
      <c r="GG21" s="300">
        <v>1303368</v>
      </c>
      <c r="GH21" s="295">
        <v>0</v>
      </c>
      <c r="GI21" s="296">
        <v>0</v>
      </c>
      <c r="GJ21" s="297">
        <v>0</v>
      </c>
      <c r="GK21" s="298">
        <v>0</v>
      </c>
      <c r="GL21" s="296">
        <v>2356</v>
      </c>
      <c r="GM21" s="296">
        <v>0</v>
      </c>
      <c r="GN21" s="296">
        <v>0</v>
      </c>
      <c r="GO21" s="296">
        <v>5258</v>
      </c>
      <c r="GP21" s="296">
        <v>0</v>
      </c>
      <c r="GQ21" s="299">
        <v>7614</v>
      </c>
      <c r="GR21" s="300">
        <v>7614</v>
      </c>
      <c r="GS21" s="295">
        <v>0</v>
      </c>
      <c r="GT21" s="296">
        <v>0</v>
      </c>
      <c r="GU21" s="297">
        <v>0</v>
      </c>
      <c r="GV21" s="298">
        <v>0</v>
      </c>
      <c r="GW21" s="296">
        <v>0</v>
      </c>
      <c r="GX21" s="296">
        <v>0</v>
      </c>
      <c r="GY21" s="296">
        <v>0</v>
      </c>
      <c r="GZ21" s="296">
        <v>0</v>
      </c>
      <c r="HA21" s="296">
        <v>0</v>
      </c>
      <c r="HB21" s="299">
        <v>0</v>
      </c>
      <c r="HC21" s="300">
        <v>0</v>
      </c>
      <c r="HD21" s="295">
        <v>0</v>
      </c>
      <c r="HE21" s="296">
        <v>0</v>
      </c>
      <c r="HF21" s="297">
        <v>0</v>
      </c>
      <c r="HG21" s="301"/>
      <c r="HH21" s="296">
        <v>0</v>
      </c>
      <c r="HI21" s="296">
        <v>0</v>
      </c>
      <c r="HJ21" s="296">
        <v>0</v>
      </c>
      <c r="HK21" s="296">
        <v>0</v>
      </c>
      <c r="HL21" s="296">
        <v>0</v>
      </c>
      <c r="HM21" s="299">
        <v>0</v>
      </c>
      <c r="HN21" s="300">
        <v>0</v>
      </c>
      <c r="HO21" s="295">
        <v>0</v>
      </c>
      <c r="HP21" s="296">
        <v>4806</v>
      </c>
      <c r="HQ21" s="297">
        <v>4806</v>
      </c>
      <c r="HR21" s="298">
        <v>0</v>
      </c>
      <c r="HS21" s="296">
        <v>461928</v>
      </c>
      <c r="HT21" s="296">
        <v>1051803</v>
      </c>
      <c r="HU21" s="296">
        <v>5348912</v>
      </c>
      <c r="HV21" s="296">
        <v>8318541</v>
      </c>
      <c r="HW21" s="296">
        <v>5965534</v>
      </c>
      <c r="HX21" s="299">
        <v>21146718</v>
      </c>
      <c r="HY21" s="300">
        <v>21151524</v>
      </c>
    </row>
    <row r="22" spans="2:233" ht="19.8" customHeight="1" x14ac:dyDescent="0.2">
      <c r="B22" s="293" t="s">
        <v>19</v>
      </c>
      <c r="C22" s="295">
        <v>0</v>
      </c>
      <c r="D22" s="296">
        <v>1500</v>
      </c>
      <c r="E22" s="297">
        <v>1500</v>
      </c>
      <c r="F22" s="298">
        <v>0</v>
      </c>
      <c r="G22" s="296">
        <v>159715</v>
      </c>
      <c r="H22" s="296">
        <v>350625</v>
      </c>
      <c r="I22" s="296">
        <v>1554999</v>
      </c>
      <c r="J22" s="296">
        <v>1337033</v>
      </c>
      <c r="K22" s="296">
        <v>1077030</v>
      </c>
      <c r="L22" s="299">
        <v>4479402</v>
      </c>
      <c r="M22" s="300">
        <v>4480902</v>
      </c>
      <c r="N22" s="295">
        <v>0</v>
      </c>
      <c r="O22" s="296">
        <v>0</v>
      </c>
      <c r="P22" s="297">
        <v>0</v>
      </c>
      <c r="Q22" s="301"/>
      <c r="R22" s="296">
        <v>0</v>
      </c>
      <c r="S22" s="296">
        <v>78750</v>
      </c>
      <c r="T22" s="296">
        <v>1144040</v>
      </c>
      <c r="U22" s="296">
        <v>947275</v>
      </c>
      <c r="V22" s="296">
        <v>853415</v>
      </c>
      <c r="W22" s="299">
        <v>3023480</v>
      </c>
      <c r="X22" s="300">
        <v>3023480</v>
      </c>
      <c r="Y22" s="295">
        <v>0</v>
      </c>
      <c r="Z22" s="296">
        <v>0</v>
      </c>
      <c r="AA22" s="297">
        <v>0</v>
      </c>
      <c r="AB22" s="301"/>
      <c r="AC22" s="296">
        <v>122955</v>
      </c>
      <c r="AD22" s="296">
        <v>218085</v>
      </c>
      <c r="AE22" s="296">
        <v>319044</v>
      </c>
      <c r="AF22" s="296">
        <v>316335</v>
      </c>
      <c r="AG22" s="296">
        <v>154700</v>
      </c>
      <c r="AH22" s="299">
        <v>1131119</v>
      </c>
      <c r="AI22" s="300">
        <v>1131119</v>
      </c>
      <c r="AJ22" s="295">
        <v>0</v>
      </c>
      <c r="AK22" s="296">
        <v>0</v>
      </c>
      <c r="AL22" s="297">
        <v>0</v>
      </c>
      <c r="AM22" s="301"/>
      <c r="AN22" s="296">
        <v>0</v>
      </c>
      <c r="AO22" s="296">
        <v>0</v>
      </c>
      <c r="AP22" s="296">
        <v>0</v>
      </c>
      <c r="AQ22" s="296">
        <v>0</v>
      </c>
      <c r="AR22" s="296">
        <v>0</v>
      </c>
      <c r="AS22" s="299">
        <v>0</v>
      </c>
      <c r="AT22" s="300">
        <v>0</v>
      </c>
      <c r="AU22" s="295">
        <v>0</v>
      </c>
      <c r="AV22" s="296">
        <v>0</v>
      </c>
      <c r="AW22" s="297">
        <v>0</v>
      </c>
      <c r="AX22" s="301"/>
      <c r="AY22" s="296">
        <v>0</v>
      </c>
      <c r="AZ22" s="296">
        <v>0</v>
      </c>
      <c r="BA22" s="296">
        <v>0</v>
      </c>
      <c r="BB22" s="296">
        <v>0</v>
      </c>
      <c r="BC22" s="296">
        <v>55500</v>
      </c>
      <c r="BD22" s="299">
        <v>55500</v>
      </c>
      <c r="BE22" s="300">
        <v>55500</v>
      </c>
      <c r="BF22" s="295">
        <v>0</v>
      </c>
      <c r="BG22" s="296">
        <v>0</v>
      </c>
      <c r="BH22" s="297">
        <v>0</v>
      </c>
      <c r="BI22" s="301"/>
      <c r="BJ22" s="296">
        <v>0</v>
      </c>
      <c r="BK22" s="296">
        <v>0</v>
      </c>
      <c r="BL22" s="296">
        <v>0</v>
      </c>
      <c r="BM22" s="296">
        <v>0</v>
      </c>
      <c r="BN22" s="296">
        <v>0</v>
      </c>
      <c r="BO22" s="299">
        <v>0</v>
      </c>
      <c r="BP22" s="300">
        <v>0</v>
      </c>
      <c r="BQ22" s="295">
        <v>0</v>
      </c>
      <c r="BR22" s="296">
        <v>1500</v>
      </c>
      <c r="BS22" s="297">
        <v>1500</v>
      </c>
      <c r="BT22" s="298">
        <v>0</v>
      </c>
      <c r="BU22" s="296">
        <v>34330</v>
      </c>
      <c r="BV22" s="296">
        <v>52195</v>
      </c>
      <c r="BW22" s="296">
        <v>91915</v>
      </c>
      <c r="BX22" s="296">
        <v>71828</v>
      </c>
      <c r="BY22" s="296">
        <v>13415</v>
      </c>
      <c r="BZ22" s="299">
        <v>263683</v>
      </c>
      <c r="CA22" s="300">
        <v>265183</v>
      </c>
      <c r="CB22" s="295">
        <v>0</v>
      </c>
      <c r="CC22" s="296">
        <v>0</v>
      </c>
      <c r="CD22" s="297">
        <v>0</v>
      </c>
      <c r="CE22" s="298">
        <v>0</v>
      </c>
      <c r="CF22" s="296">
        <v>2430</v>
      </c>
      <c r="CG22" s="296">
        <v>1595</v>
      </c>
      <c r="CH22" s="296">
        <v>0</v>
      </c>
      <c r="CI22" s="296">
        <v>1595</v>
      </c>
      <c r="CJ22" s="296">
        <v>0</v>
      </c>
      <c r="CK22" s="299">
        <v>5620</v>
      </c>
      <c r="CL22" s="300">
        <v>5620</v>
      </c>
      <c r="CM22" s="295">
        <v>0</v>
      </c>
      <c r="CN22" s="296">
        <v>0</v>
      </c>
      <c r="CO22" s="297">
        <v>0</v>
      </c>
      <c r="CP22" s="298">
        <v>0</v>
      </c>
      <c r="CQ22" s="296">
        <v>0</v>
      </c>
      <c r="CR22" s="296">
        <v>0</v>
      </c>
      <c r="CS22" s="296">
        <v>0</v>
      </c>
      <c r="CT22" s="296">
        <v>0</v>
      </c>
      <c r="CU22" s="296">
        <v>0</v>
      </c>
      <c r="CV22" s="299">
        <v>0</v>
      </c>
      <c r="CW22" s="300">
        <v>0</v>
      </c>
      <c r="CX22" s="295">
        <v>0</v>
      </c>
      <c r="CY22" s="296">
        <v>0</v>
      </c>
      <c r="CZ22" s="297">
        <v>0</v>
      </c>
      <c r="DA22" s="301"/>
      <c r="DB22" s="296">
        <v>0</v>
      </c>
      <c r="DC22" s="296">
        <v>0</v>
      </c>
      <c r="DD22" s="296">
        <v>0</v>
      </c>
      <c r="DE22" s="296">
        <v>0</v>
      </c>
      <c r="DF22" s="296">
        <v>0</v>
      </c>
      <c r="DG22" s="299">
        <v>0</v>
      </c>
      <c r="DH22" s="300">
        <v>0</v>
      </c>
      <c r="DI22" s="295">
        <v>0</v>
      </c>
      <c r="DJ22" s="296">
        <v>1502</v>
      </c>
      <c r="DK22" s="297">
        <v>1502</v>
      </c>
      <c r="DL22" s="298">
        <v>0</v>
      </c>
      <c r="DM22" s="296">
        <v>46325</v>
      </c>
      <c r="DN22" s="296">
        <v>218298</v>
      </c>
      <c r="DO22" s="296">
        <v>1617145</v>
      </c>
      <c r="DP22" s="296">
        <v>1571049</v>
      </c>
      <c r="DQ22" s="296">
        <v>1002995</v>
      </c>
      <c r="DR22" s="299">
        <v>4455812</v>
      </c>
      <c r="DS22" s="302">
        <v>4457314</v>
      </c>
      <c r="DT22" s="295">
        <v>0</v>
      </c>
      <c r="DU22" s="296">
        <v>0</v>
      </c>
      <c r="DV22" s="297">
        <v>0</v>
      </c>
      <c r="DW22" s="301"/>
      <c r="DX22" s="296">
        <v>0</v>
      </c>
      <c r="DY22" s="296">
        <v>137820</v>
      </c>
      <c r="DZ22" s="296">
        <v>1447589</v>
      </c>
      <c r="EA22" s="296">
        <v>1425996</v>
      </c>
      <c r="EB22" s="296">
        <v>969792</v>
      </c>
      <c r="EC22" s="299">
        <v>3981197</v>
      </c>
      <c r="ED22" s="300">
        <v>3981197</v>
      </c>
      <c r="EE22" s="295">
        <v>0</v>
      </c>
      <c r="EF22" s="296">
        <v>0</v>
      </c>
      <c r="EG22" s="297">
        <v>0</v>
      </c>
      <c r="EH22" s="301"/>
      <c r="EI22" s="296">
        <v>12836</v>
      </c>
      <c r="EJ22" s="296">
        <v>32229</v>
      </c>
      <c r="EK22" s="296">
        <v>57505</v>
      </c>
      <c r="EL22" s="296">
        <v>44291</v>
      </c>
      <c r="EM22" s="296">
        <v>12920</v>
      </c>
      <c r="EN22" s="299">
        <v>159781</v>
      </c>
      <c r="EO22" s="300">
        <v>159781</v>
      </c>
      <c r="EP22" s="295">
        <v>0</v>
      </c>
      <c r="EQ22" s="296">
        <v>0</v>
      </c>
      <c r="ER22" s="297">
        <v>0</v>
      </c>
      <c r="ES22" s="301"/>
      <c r="ET22" s="296">
        <v>0</v>
      </c>
      <c r="EU22" s="296">
        <v>0</v>
      </c>
      <c r="EV22" s="296">
        <v>0</v>
      </c>
      <c r="EW22" s="296">
        <v>0</v>
      </c>
      <c r="EX22" s="296">
        <v>0</v>
      </c>
      <c r="EY22" s="299">
        <v>0</v>
      </c>
      <c r="EZ22" s="300">
        <v>0</v>
      </c>
      <c r="FA22" s="295">
        <v>0</v>
      </c>
      <c r="FB22" s="296">
        <v>0</v>
      </c>
      <c r="FC22" s="297">
        <v>0</v>
      </c>
      <c r="FD22" s="301"/>
      <c r="FE22" s="296">
        <v>0</v>
      </c>
      <c r="FF22" s="296">
        <v>0</v>
      </c>
      <c r="FG22" s="296">
        <v>0</v>
      </c>
      <c r="FH22" s="296">
        <v>0</v>
      </c>
      <c r="FI22" s="296">
        <v>420</v>
      </c>
      <c r="FJ22" s="299">
        <v>420</v>
      </c>
      <c r="FK22" s="300">
        <v>420</v>
      </c>
      <c r="FL22" s="295">
        <v>0</v>
      </c>
      <c r="FM22" s="296">
        <v>0</v>
      </c>
      <c r="FN22" s="297">
        <v>0</v>
      </c>
      <c r="FO22" s="301"/>
      <c r="FP22" s="296">
        <v>0</v>
      </c>
      <c r="FQ22" s="296">
        <v>0</v>
      </c>
      <c r="FR22" s="296">
        <v>0</v>
      </c>
      <c r="FS22" s="296">
        <v>0</v>
      </c>
      <c r="FT22" s="296">
        <v>0</v>
      </c>
      <c r="FU22" s="299">
        <v>0</v>
      </c>
      <c r="FV22" s="300">
        <v>0</v>
      </c>
      <c r="FW22" s="295">
        <v>0</v>
      </c>
      <c r="FX22" s="296">
        <v>1502</v>
      </c>
      <c r="FY22" s="297">
        <v>1502</v>
      </c>
      <c r="FZ22" s="298">
        <v>0</v>
      </c>
      <c r="GA22" s="296">
        <v>30267</v>
      </c>
      <c r="GB22" s="296">
        <v>42163</v>
      </c>
      <c r="GC22" s="296">
        <v>112051</v>
      </c>
      <c r="GD22" s="296">
        <v>92170</v>
      </c>
      <c r="GE22" s="296">
        <v>19863</v>
      </c>
      <c r="GF22" s="299">
        <v>296514</v>
      </c>
      <c r="GG22" s="300">
        <v>298016</v>
      </c>
      <c r="GH22" s="295">
        <v>0</v>
      </c>
      <c r="GI22" s="296">
        <v>0</v>
      </c>
      <c r="GJ22" s="297">
        <v>0</v>
      </c>
      <c r="GK22" s="298">
        <v>0</v>
      </c>
      <c r="GL22" s="296">
        <v>3222</v>
      </c>
      <c r="GM22" s="296">
        <v>6086</v>
      </c>
      <c r="GN22" s="296">
        <v>0</v>
      </c>
      <c r="GO22" s="296">
        <v>8592</v>
      </c>
      <c r="GP22" s="296">
        <v>0</v>
      </c>
      <c r="GQ22" s="299">
        <v>17900</v>
      </c>
      <c r="GR22" s="300">
        <v>17900</v>
      </c>
      <c r="GS22" s="295">
        <v>0</v>
      </c>
      <c r="GT22" s="296">
        <v>0</v>
      </c>
      <c r="GU22" s="297">
        <v>0</v>
      </c>
      <c r="GV22" s="298">
        <v>0</v>
      </c>
      <c r="GW22" s="296">
        <v>0</v>
      </c>
      <c r="GX22" s="296">
        <v>0</v>
      </c>
      <c r="GY22" s="296">
        <v>0</v>
      </c>
      <c r="GZ22" s="296">
        <v>0</v>
      </c>
      <c r="HA22" s="296">
        <v>0</v>
      </c>
      <c r="HB22" s="299">
        <v>0</v>
      </c>
      <c r="HC22" s="300">
        <v>0</v>
      </c>
      <c r="HD22" s="295">
        <v>0</v>
      </c>
      <c r="HE22" s="296">
        <v>0</v>
      </c>
      <c r="HF22" s="297">
        <v>0</v>
      </c>
      <c r="HG22" s="301"/>
      <c r="HH22" s="296">
        <v>0</v>
      </c>
      <c r="HI22" s="296">
        <v>0</v>
      </c>
      <c r="HJ22" s="296">
        <v>0</v>
      </c>
      <c r="HK22" s="296">
        <v>0</v>
      </c>
      <c r="HL22" s="296">
        <v>0</v>
      </c>
      <c r="HM22" s="299">
        <v>0</v>
      </c>
      <c r="HN22" s="300">
        <v>0</v>
      </c>
      <c r="HO22" s="295">
        <v>0</v>
      </c>
      <c r="HP22" s="296">
        <v>3002</v>
      </c>
      <c r="HQ22" s="297">
        <v>3002</v>
      </c>
      <c r="HR22" s="298">
        <v>0</v>
      </c>
      <c r="HS22" s="296">
        <v>206040</v>
      </c>
      <c r="HT22" s="296">
        <v>568923</v>
      </c>
      <c r="HU22" s="296">
        <v>3172144</v>
      </c>
      <c r="HV22" s="296">
        <v>2908082</v>
      </c>
      <c r="HW22" s="296">
        <v>2080025</v>
      </c>
      <c r="HX22" s="299">
        <v>8935214</v>
      </c>
      <c r="HY22" s="300">
        <v>8938216</v>
      </c>
    </row>
    <row r="23" spans="2:233" ht="19.8" customHeight="1" x14ac:dyDescent="0.2">
      <c r="B23" s="293" t="s">
        <v>20</v>
      </c>
      <c r="C23" s="295">
        <v>0</v>
      </c>
      <c r="D23" s="296">
        <v>0</v>
      </c>
      <c r="E23" s="297">
        <v>0</v>
      </c>
      <c r="F23" s="298">
        <v>0</v>
      </c>
      <c r="G23" s="296">
        <v>164825</v>
      </c>
      <c r="H23" s="296">
        <v>384060</v>
      </c>
      <c r="I23" s="296">
        <v>1445425</v>
      </c>
      <c r="J23" s="296">
        <v>1755625</v>
      </c>
      <c r="K23" s="296">
        <v>710460</v>
      </c>
      <c r="L23" s="299">
        <v>4460395</v>
      </c>
      <c r="M23" s="300">
        <v>4460395</v>
      </c>
      <c r="N23" s="295">
        <v>0</v>
      </c>
      <c r="O23" s="296">
        <v>0</v>
      </c>
      <c r="P23" s="297">
        <v>0</v>
      </c>
      <c r="Q23" s="301"/>
      <c r="R23" s="296">
        <v>31415</v>
      </c>
      <c r="S23" s="296">
        <v>168300</v>
      </c>
      <c r="T23" s="296">
        <v>1040795</v>
      </c>
      <c r="U23" s="296">
        <v>1458475</v>
      </c>
      <c r="V23" s="296">
        <v>552605</v>
      </c>
      <c r="W23" s="299">
        <v>3251590</v>
      </c>
      <c r="X23" s="300">
        <v>3251590</v>
      </c>
      <c r="Y23" s="295">
        <v>0</v>
      </c>
      <c r="Z23" s="296">
        <v>0</v>
      </c>
      <c r="AA23" s="297">
        <v>0</v>
      </c>
      <c r="AB23" s="301"/>
      <c r="AC23" s="296">
        <v>76200</v>
      </c>
      <c r="AD23" s="296">
        <v>182560</v>
      </c>
      <c r="AE23" s="296">
        <v>219230</v>
      </c>
      <c r="AF23" s="296">
        <v>202135</v>
      </c>
      <c r="AG23" s="296">
        <v>76650</v>
      </c>
      <c r="AH23" s="299">
        <v>756775</v>
      </c>
      <c r="AI23" s="300">
        <v>756775</v>
      </c>
      <c r="AJ23" s="295">
        <v>0</v>
      </c>
      <c r="AK23" s="296">
        <v>0</v>
      </c>
      <c r="AL23" s="297">
        <v>0</v>
      </c>
      <c r="AM23" s="301"/>
      <c r="AN23" s="296">
        <v>0</v>
      </c>
      <c r="AO23" s="296">
        <v>0</v>
      </c>
      <c r="AP23" s="296">
        <v>0</v>
      </c>
      <c r="AQ23" s="296">
        <v>0</v>
      </c>
      <c r="AR23" s="296">
        <v>0</v>
      </c>
      <c r="AS23" s="299">
        <v>0</v>
      </c>
      <c r="AT23" s="300">
        <v>0</v>
      </c>
      <c r="AU23" s="295">
        <v>0</v>
      </c>
      <c r="AV23" s="296">
        <v>0</v>
      </c>
      <c r="AW23" s="297">
        <v>0</v>
      </c>
      <c r="AX23" s="301"/>
      <c r="AY23" s="296">
        <v>0</v>
      </c>
      <c r="AZ23" s="296">
        <v>0</v>
      </c>
      <c r="BA23" s="296">
        <v>2550</v>
      </c>
      <c r="BB23" s="296">
        <v>0</v>
      </c>
      <c r="BC23" s="296">
        <v>2550</v>
      </c>
      <c r="BD23" s="299">
        <v>5100</v>
      </c>
      <c r="BE23" s="300">
        <v>5100</v>
      </c>
      <c r="BF23" s="295">
        <v>0</v>
      </c>
      <c r="BG23" s="296">
        <v>0</v>
      </c>
      <c r="BH23" s="297">
        <v>0</v>
      </c>
      <c r="BI23" s="301"/>
      <c r="BJ23" s="296">
        <v>0</v>
      </c>
      <c r="BK23" s="296">
        <v>0</v>
      </c>
      <c r="BL23" s="296">
        <v>0</v>
      </c>
      <c r="BM23" s="296">
        <v>0</v>
      </c>
      <c r="BN23" s="296">
        <v>0</v>
      </c>
      <c r="BO23" s="299">
        <v>0</v>
      </c>
      <c r="BP23" s="300">
        <v>0</v>
      </c>
      <c r="BQ23" s="295">
        <v>0</v>
      </c>
      <c r="BR23" s="296">
        <v>0</v>
      </c>
      <c r="BS23" s="297">
        <v>0</v>
      </c>
      <c r="BT23" s="298">
        <v>0</v>
      </c>
      <c r="BU23" s="296">
        <v>57210</v>
      </c>
      <c r="BV23" s="296">
        <v>32765</v>
      </c>
      <c r="BW23" s="296">
        <v>180095</v>
      </c>
      <c r="BX23" s="296">
        <v>93875</v>
      </c>
      <c r="BY23" s="296">
        <v>78655</v>
      </c>
      <c r="BZ23" s="299">
        <v>442600</v>
      </c>
      <c r="CA23" s="300">
        <v>442600</v>
      </c>
      <c r="CB23" s="295">
        <v>0</v>
      </c>
      <c r="CC23" s="296">
        <v>0</v>
      </c>
      <c r="CD23" s="297">
        <v>0</v>
      </c>
      <c r="CE23" s="298">
        <v>0</v>
      </c>
      <c r="CF23" s="296">
        <v>0</v>
      </c>
      <c r="CG23" s="296">
        <v>435</v>
      </c>
      <c r="CH23" s="296">
        <v>2755</v>
      </c>
      <c r="CI23" s="296">
        <v>1140</v>
      </c>
      <c r="CJ23" s="296">
        <v>0</v>
      </c>
      <c r="CK23" s="299">
        <v>4330</v>
      </c>
      <c r="CL23" s="300">
        <v>4330</v>
      </c>
      <c r="CM23" s="295">
        <v>0</v>
      </c>
      <c r="CN23" s="296">
        <v>0</v>
      </c>
      <c r="CO23" s="297">
        <v>0</v>
      </c>
      <c r="CP23" s="298">
        <v>0</v>
      </c>
      <c r="CQ23" s="296">
        <v>0</v>
      </c>
      <c r="CR23" s="296">
        <v>0</v>
      </c>
      <c r="CS23" s="296">
        <v>0</v>
      </c>
      <c r="CT23" s="296">
        <v>0</v>
      </c>
      <c r="CU23" s="296">
        <v>0</v>
      </c>
      <c r="CV23" s="299">
        <v>0</v>
      </c>
      <c r="CW23" s="300">
        <v>0</v>
      </c>
      <c r="CX23" s="295">
        <v>0</v>
      </c>
      <c r="CY23" s="296">
        <v>0</v>
      </c>
      <c r="CZ23" s="297">
        <v>0</v>
      </c>
      <c r="DA23" s="301"/>
      <c r="DB23" s="296">
        <v>0</v>
      </c>
      <c r="DC23" s="296">
        <v>0</v>
      </c>
      <c r="DD23" s="296">
        <v>0</v>
      </c>
      <c r="DE23" s="296">
        <v>0</v>
      </c>
      <c r="DF23" s="296">
        <v>0</v>
      </c>
      <c r="DG23" s="299">
        <v>0</v>
      </c>
      <c r="DH23" s="300">
        <v>0</v>
      </c>
      <c r="DI23" s="295">
        <v>0</v>
      </c>
      <c r="DJ23" s="296">
        <v>0</v>
      </c>
      <c r="DK23" s="297">
        <v>0</v>
      </c>
      <c r="DL23" s="298">
        <v>0</v>
      </c>
      <c r="DM23" s="296">
        <v>168964</v>
      </c>
      <c r="DN23" s="296">
        <v>447247</v>
      </c>
      <c r="DO23" s="296">
        <v>1996648</v>
      </c>
      <c r="DP23" s="296">
        <v>2186474</v>
      </c>
      <c r="DQ23" s="296">
        <v>1018915</v>
      </c>
      <c r="DR23" s="299">
        <v>5818248</v>
      </c>
      <c r="DS23" s="302">
        <v>5818248</v>
      </c>
      <c r="DT23" s="295">
        <v>0</v>
      </c>
      <c r="DU23" s="296">
        <v>0</v>
      </c>
      <c r="DV23" s="297">
        <v>0</v>
      </c>
      <c r="DW23" s="301"/>
      <c r="DX23" s="296">
        <v>60510</v>
      </c>
      <c r="DY23" s="296">
        <v>323760</v>
      </c>
      <c r="DZ23" s="296">
        <v>1622886</v>
      </c>
      <c r="EA23" s="296">
        <v>2001849</v>
      </c>
      <c r="EB23" s="296">
        <v>887073</v>
      </c>
      <c r="EC23" s="299">
        <v>4896078</v>
      </c>
      <c r="ED23" s="300">
        <v>4896078</v>
      </c>
      <c r="EE23" s="295">
        <v>0</v>
      </c>
      <c r="EF23" s="296">
        <v>0</v>
      </c>
      <c r="EG23" s="297">
        <v>0</v>
      </c>
      <c r="EH23" s="301"/>
      <c r="EI23" s="296">
        <v>12360</v>
      </c>
      <c r="EJ23" s="296">
        <v>35275</v>
      </c>
      <c r="EK23" s="296">
        <v>35366</v>
      </c>
      <c r="EL23" s="296">
        <v>3150</v>
      </c>
      <c r="EM23" s="296">
        <v>1050</v>
      </c>
      <c r="EN23" s="299">
        <v>87201</v>
      </c>
      <c r="EO23" s="300">
        <v>87201</v>
      </c>
      <c r="EP23" s="295">
        <v>0</v>
      </c>
      <c r="EQ23" s="296">
        <v>0</v>
      </c>
      <c r="ER23" s="297">
        <v>0</v>
      </c>
      <c r="ES23" s="301"/>
      <c r="ET23" s="296">
        <v>0</v>
      </c>
      <c r="EU23" s="296">
        <v>0</v>
      </c>
      <c r="EV23" s="296">
        <v>0</v>
      </c>
      <c r="EW23" s="296">
        <v>0</v>
      </c>
      <c r="EX23" s="296">
        <v>0</v>
      </c>
      <c r="EY23" s="299">
        <v>0</v>
      </c>
      <c r="EZ23" s="300">
        <v>0</v>
      </c>
      <c r="FA23" s="295">
        <v>0</v>
      </c>
      <c r="FB23" s="296">
        <v>0</v>
      </c>
      <c r="FC23" s="297">
        <v>0</v>
      </c>
      <c r="FD23" s="301"/>
      <c r="FE23" s="296">
        <v>0</v>
      </c>
      <c r="FF23" s="296">
        <v>0</v>
      </c>
      <c r="FG23" s="296">
        <v>210</v>
      </c>
      <c r="FH23" s="296">
        <v>0</v>
      </c>
      <c r="FI23" s="296">
        <v>210</v>
      </c>
      <c r="FJ23" s="299">
        <v>420</v>
      </c>
      <c r="FK23" s="300">
        <v>420</v>
      </c>
      <c r="FL23" s="295">
        <v>0</v>
      </c>
      <c r="FM23" s="296">
        <v>0</v>
      </c>
      <c r="FN23" s="297">
        <v>0</v>
      </c>
      <c r="FO23" s="301"/>
      <c r="FP23" s="296">
        <v>0</v>
      </c>
      <c r="FQ23" s="296">
        <v>0</v>
      </c>
      <c r="FR23" s="296">
        <v>0</v>
      </c>
      <c r="FS23" s="296">
        <v>0</v>
      </c>
      <c r="FT23" s="296">
        <v>0</v>
      </c>
      <c r="FU23" s="299">
        <v>0</v>
      </c>
      <c r="FV23" s="300">
        <v>0</v>
      </c>
      <c r="FW23" s="295">
        <v>0</v>
      </c>
      <c r="FX23" s="296">
        <v>0</v>
      </c>
      <c r="FY23" s="297">
        <v>0</v>
      </c>
      <c r="FZ23" s="298">
        <v>0</v>
      </c>
      <c r="GA23" s="296">
        <v>96094</v>
      </c>
      <c r="GB23" s="296">
        <v>86780</v>
      </c>
      <c r="GC23" s="296">
        <v>331384</v>
      </c>
      <c r="GD23" s="296">
        <v>180401</v>
      </c>
      <c r="GE23" s="296">
        <v>130582</v>
      </c>
      <c r="GF23" s="299">
        <v>825241</v>
      </c>
      <c r="GG23" s="300">
        <v>825241</v>
      </c>
      <c r="GH23" s="295">
        <v>0</v>
      </c>
      <c r="GI23" s="296">
        <v>0</v>
      </c>
      <c r="GJ23" s="297">
        <v>0</v>
      </c>
      <c r="GK23" s="298">
        <v>0</v>
      </c>
      <c r="GL23" s="296">
        <v>0</v>
      </c>
      <c r="GM23" s="296">
        <v>1432</v>
      </c>
      <c r="GN23" s="296">
        <v>6802</v>
      </c>
      <c r="GO23" s="296">
        <v>1074</v>
      </c>
      <c r="GP23" s="296">
        <v>0</v>
      </c>
      <c r="GQ23" s="299">
        <v>9308</v>
      </c>
      <c r="GR23" s="300">
        <v>9308</v>
      </c>
      <c r="GS23" s="295">
        <v>0</v>
      </c>
      <c r="GT23" s="296">
        <v>0</v>
      </c>
      <c r="GU23" s="297">
        <v>0</v>
      </c>
      <c r="GV23" s="298">
        <v>0</v>
      </c>
      <c r="GW23" s="296">
        <v>0</v>
      </c>
      <c r="GX23" s="296">
        <v>0</v>
      </c>
      <c r="GY23" s="296">
        <v>0</v>
      </c>
      <c r="GZ23" s="296">
        <v>0</v>
      </c>
      <c r="HA23" s="296">
        <v>0</v>
      </c>
      <c r="HB23" s="299">
        <v>0</v>
      </c>
      <c r="HC23" s="300">
        <v>0</v>
      </c>
      <c r="HD23" s="295">
        <v>0</v>
      </c>
      <c r="HE23" s="296">
        <v>0</v>
      </c>
      <c r="HF23" s="297">
        <v>0</v>
      </c>
      <c r="HG23" s="301"/>
      <c r="HH23" s="296">
        <v>0</v>
      </c>
      <c r="HI23" s="296">
        <v>0</v>
      </c>
      <c r="HJ23" s="296">
        <v>0</v>
      </c>
      <c r="HK23" s="296">
        <v>0</v>
      </c>
      <c r="HL23" s="296">
        <v>0</v>
      </c>
      <c r="HM23" s="299">
        <v>0</v>
      </c>
      <c r="HN23" s="300">
        <v>0</v>
      </c>
      <c r="HO23" s="295">
        <v>0</v>
      </c>
      <c r="HP23" s="296">
        <v>0</v>
      </c>
      <c r="HQ23" s="297">
        <v>0</v>
      </c>
      <c r="HR23" s="298">
        <v>0</v>
      </c>
      <c r="HS23" s="296">
        <v>333789</v>
      </c>
      <c r="HT23" s="296">
        <v>831307</v>
      </c>
      <c r="HU23" s="296">
        <v>3442073</v>
      </c>
      <c r="HV23" s="296">
        <v>3942099</v>
      </c>
      <c r="HW23" s="296">
        <v>1729375</v>
      </c>
      <c r="HX23" s="299">
        <v>10278643</v>
      </c>
      <c r="HY23" s="300">
        <v>10278643</v>
      </c>
    </row>
    <row r="24" spans="2:233" ht="19.8" customHeight="1" x14ac:dyDescent="0.2">
      <c r="B24" s="293" t="s">
        <v>21</v>
      </c>
      <c r="C24" s="295">
        <v>0</v>
      </c>
      <c r="D24" s="296">
        <v>0</v>
      </c>
      <c r="E24" s="297">
        <v>0</v>
      </c>
      <c r="F24" s="298">
        <v>0</v>
      </c>
      <c r="G24" s="296">
        <v>171789</v>
      </c>
      <c r="H24" s="296">
        <v>401882</v>
      </c>
      <c r="I24" s="296">
        <v>1932569</v>
      </c>
      <c r="J24" s="296">
        <v>1827850</v>
      </c>
      <c r="K24" s="296">
        <v>1279291</v>
      </c>
      <c r="L24" s="299">
        <v>5613381</v>
      </c>
      <c r="M24" s="300">
        <v>5613381</v>
      </c>
      <c r="N24" s="295">
        <v>0</v>
      </c>
      <c r="O24" s="296">
        <v>0</v>
      </c>
      <c r="P24" s="297">
        <v>0</v>
      </c>
      <c r="Q24" s="301"/>
      <c r="R24" s="296">
        <v>2550</v>
      </c>
      <c r="S24" s="296">
        <v>174205</v>
      </c>
      <c r="T24" s="296">
        <v>1616770</v>
      </c>
      <c r="U24" s="296">
        <v>1410926</v>
      </c>
      <c r="V24" s="296">
        <v>951336</v>
      </c>
      <c r="W24" s="299">
        <v>4155787</v>
      </c>
      <c r="X24" s="300">
        <v>4155787</v>
      </c>
      <c r="Y24" s="295">
        <v>0</v>
      </c>
      <c r="Z24" s="296">
        <v>0</v>
      </c>
      <c r="AA24" s="297">
        <v>0</v>
      </c>
      <c r="AB24" s="301"/>
      <c r="AC24" s="296">
        <v>154415</v>
      </c>
      <c r="AD24" s="296">
        <v>144875</v>
      </c>
      <c r="AE24" s="296">
        <v>187180</v>
      </c>
      <c r="AF24" s="296">
        <v>225371</v>
      </c>
      <c r="AG24" s="296">
        <v>218850</v>
      </c>
      <c r="AH24" s="299">
        <v>930691</v>
      </c>
      <c r="AI24" s="300">
        <v>930691</v>
      </c>
      <c r="AJ24" s="295">
        <v>0</v>
      </c>
      <c r="AK24" s="296">
        <v>0</v>
      </c>
      <c r="AL24" s="297">
        <v>0</v>
      </c>
      <c r="AM24" s="301"/>
      <c r="AN24" s="296">
        <v>0</v>
      </c>
      <c r="AO24" s="296">
        <v>0</v>
      </c>
      <c r="AP24" s="296">
        <v>2550</v>
      </c>
      <c r="AQ24" s="296">
        <v>31650</v>
      </c>
      <c r="AR24" s="296">
        <v>4845</v>
      </c>
      <c r="AS24" s="299">
        <v>39045</v>
      </c>
      <c r="AT24" s="300">
        <v>39045</v>
      </c>
      <c r="AU24" s="295">
        <v>0</v>
      </c>
      <c r="AV24" s="296">
        <v>0</v>
      </c>
      <c r="AW24" s="297">
        <v>0</v>
      </c>
      <c r="AX24" s="301"/>
      <c r="AY24" s="296">
        <v>0</v>
      </c>
      <c r="AZ24" s="296">
        <v>0</v>
      </c>
      <c r="BA24" s="296">
        <v>34350</v>
      </c>
      <c r="BB24" s="296">
        <v>28950</v>
      </c>
      <c r="BC24" s="296">
        <v>72160</v>
      </c>
      <c r="BD24" s="299">
        <v>135460</v>
      </c>
      <c r="BE24" s="300">
        <v>135460</v>
      </c>
      <c r="BF24" s="295">
        <v>0</v>
      </c>
      <c r="BG24" s="296">
        <v>0</v>
      </c>
      <c r="BH24" s="297">
        <v>0</v>
      </c>
      <c r="BI24" s="301"/>
      <c r="BJ24" s="296">
        <v>0</v>
      </c>
      <c r="BK24" s="296">
        <v>0</v>
      </c>
      <c r="BL24" s="296">
        <v>0</v>
      </c>
      <c r="BM24" s="296">
        <v>0</v>
      </c>
      <c r="BN24" s="296">
        <v>0</v>
      </c>
      <c r="BO24" s="299">
        <v>0</v>
      </c>
      <c r="BP24" s="300">
        <v>0</v>
      </c>
      <c r="BQ24" s="295">
        <v>0</v>
      </c>
      <c r="BR24" s="296">
        <v>0</v>
      </c>
      <c r="BS24" s="297">
        <v>0</v>
      </c>
      <c r="BT24" s="298">
        <v>0</v>
      </c>
      <c r="BU24" s="296">
        <v>14824</v>
      </c>
      <c r="BV24" s="296">
        <v>82802</v>
      </c>
      <c r="BW24" s="296">
        <v>88604</v>
      </c>
      <c r="BX24" s="296">
        <v>130953</v>
      </c>
      <c r="BY24" s="296">
        <v>32100</v>
      </c>
      <c r="BZ24" s="299">
        <v>349283</v>
      </c>
      <c r="CA24" s="300">
        <v>349283</v>
      </c>
      <c r="CB24" s="295">
        <v>0</v>
      </c>
      <c r="CC24" s="296">
        <v>0</v>
      </c>
      <c r="CD24" s="297">
        <v>0</v>
      </c>
      <c r="CE24" s="298">
        <v>0</v>
      </c>
      <c r="CF24" s="296">
        <v>0</v>
      </c>
      <c r="CG24" s="296">
        <v>0</v>
      </c>
      <c r="CH24" s="296">
        <v>3115</v>
      </c>
      <c r="CI24" s="296">
        <v>0</v>
      </c>
      <c r="CJ24" s="296">
        <v>0</v>
      </c>
      <c r="CK24" s="299">
        <v>3115</v>
      </c>
      <c r="CL24" s="300">
        <v>3115</v>
      </c>
      <c r="CM24" s="295">
        <v>0</v>
      </c>
      <c r="CN24" s="296">
        <v>0</v>
      </c>
      <c r="CO24" s="297">
        <v>0</v>
      </c>
      <c r="CP24" s="298">
        <v>0</v>
      </c>
      <c r="CQ24" s="296">
        <v>0</v>
      </c>
      <c r="CR24" s="296">
        <v>0</v>
      </c>
      <c r="CS24" s="296">
        <v>0</v>
      </c>
      <c r="CT24" s="296">
        <v>0</v>
      </c>
      <c r="CU24" s="296">
        <v>0</v>
      </c>
      <c r="CV24" s="299">
        <v>0</v>
      </c>
      <c r="CW24" s="300">
        <v>0</v>
      </c>
      <c r="CX24" s="295">
        <v>0</v>
      </c>
      <c r="CY24" s="296">
        <v>0</v>
      </c>
      <c r="CZ24" s="297">
        <v>0</v>
      </c>
      <c r="DA24" s="301"/>
      <c r="DB24" s="296">
        <v>0</v>
      </c>
      <c r="DC24" s="296">
        <v>0</v>
      </c>
      <c r="DD24" s="296">
        <v>0</v>
      </c>
      <c r="DE24" s="296">
        <v>0</v>
      </c>
      <c r="DF24" s="296">
        <v>0</v>
      </c>
      <c r="DG24" s="299">
        <v>0</v>
      </c>
      <c r="DH24" s="300">
        <v>0</v>
      </c>
      <c r="DI24" s="295">
        <v>0</v>
      </c>
      <c r="DJ24" s="296">
        <v>0</v>
      </c>
      <c r="DK24" s="297">
        <v>0</v>
      </c>
      <c r="DL24" s="298">
        <v>0</v>
      </c>
      <c r="DM24" s="296">
        <v>61621</v>
      </c>
      <c r="DN24" s="296">
        <v>365160</v>
      </c>
      <c r="DO24" s="296">
        <v>2150315</v>
      </c>
      <c r="DP24" s="296">
        <v>2174657</v>
      </c>
      <c r="DQ24" s="296">
        <v>1312396</v>
      </c>
      <c r="DR24" s="299">
        <v>6064149</v>
      </c>
      <c r="DS24" s="302">
        <v>6064149</v>
      </c>
      <c r="DT24" s="295">
        <v>0</v>
      </c>
      <c r="DU24" s="296">
        <v>0</v>
      </c>
      <c r="DV24" s="297">
        <v>0</v>
      </c>
      <c r="DW24" s="301"/>
      <c r="DX24" s="296">
        <v>14550</v>
      </c>
      <c r="DY24" s="296">
        <v>184530</v>
      </c>
      <c r="DZ24" s="296">
        <v>1928510</v>
      </c>
      <c r="EA24" s="296">
        <v>1920869</v>
      </c>
      <c r="EB24" s="296">
        <v>1215341</v>
      </c>
      <c r="EC24" s="299">
        <v>5263800</v>
      </c>
      <c r="ED24" s="300">
        <v>5263800</v>
      </c>
      <c r="EE24" s="295">
        <v>0</v>
      </c>
      <c r="EF24" s="296">
        <v>0</v>
      </c>
      <c r="EG24" s="297">
        <v>0</v>
      </c>
      <c r="EH24" s="301"/>
      <c r="EI24" s="296">
        <v>13263</v>
      </c>
      <c r="EJ24" s="296">
        <v>34925</v>
      </c>
      <c r="EK24" s="296">
        <v>43064</v>
      </c>
      <c r="EL24" s="296">
        <v>42703</v>
      </c>
      <c r="EM24" s="296">
        <v>23940</v>
      </c>
      <c r="EN24" s="299">
        <v>157895</v>
      </c>
      <c r="EO24" s="300">
        <v>157895</v>
      </c>
      <c r="EP24" s="295">
        <v>0</v>
      </c>
      <c r="EQ24" s="296">
        <v>0</v>
      </c>
      <c r="ER24" s="297">
        <v>0</v>
      </c>
      <c r="ES24" s="301"/>
      <c r="ET24" s="296">
        <v>0</v>
      </c>
      <c r="EU24" s="296">
        <v>0</v>
      </c>
      <c r="EV24" s="296">
        <v>210</v>
      </c>
      <c r="EW24" s="296">
        <v>0</v>
      </c>
      <c r="EX24" s="296">
        <v>0</v>
      </c>
      <c r="EY24" s="299">
        <v>210</v>
      </c>
      <c r="EZ24" s="300">
        <v>210</v>
      </c>
      <c r="FA24" s="295">
        <v>0</v>
      </c>
      <c r="FB24" s="296">
        <v>0</v>
      </c>
      <c r="FC24" s="297">
        <v>0</v>
      </c>
      <c r="FD24" s="301"/>
      <c r="FE24" s="296">
        <v>0</v>
      </c>
      <c r="FF24" s="296">
        <v>0</v>
      </c>
      <c r="FG24" s="296">
        <v>11310</v>
      </c>
      <c r="FH24" s="296">
        <v>630</v>
      </c>
      <c r="FI24" s="296">
        <v>630</v>
      </c>
      <c r="FJ24" s="299">
        <v>12570</v>
      </c>
      <c r="FK24" s="300">
        <v>12570</v>
      </c>
      <c r="FL24" s="295">
        <v>0</v>
      </c>
      <c r="FM24" s="296">
        <v>0</v>
      </c>
      <c r="FN24" s="297">
        <v>0</v>
      </c>
      <c r="FO24" s="301"/>
      <c r="FP24" s="296">
        <v>0</v>
      </c>
      <c r="FQ24" s="296">
        <v>0</v>
      </c>
      <c r="FR24" s="296">
        <v>0</v>
      </c>
      <c r="FS24" s="296">
        <v>0</v>
      </c>
      <c r="FT24" s="296">
        <v>0</v>
      </c>
      <c r="FU24" s="299">
        <v>0</v>
      </c>
      <c r="FV24" s="300">
        <v>0</v>
      </c>
      <c r="FW24" s="295">
        <v>0</v>
      </c>
      <c r="FX24" s="296">
        <v>0</v>
      </c>
      <c r="FY24" s="297">
        <v>0</v>
      </c>
      <c r="FZ24" s="298">
        <v>0</v>
      </c>
      <c r="GA24" s="296">
        <v>33808</v>
      </c>
      <c r="GB24" s="296">
        <v>145705</v>
      </c>
      <c r="GC24" s="296">
        <v>161653</v>
      </c>
      <c r="GD24" s="296">
        <v>210455</v>
      </c>
      <c r="GE24" s="296">
        <v>72485</v>
      </c>
      <c r="GF24" s="299">
        <v>624106</v>
      </c>
      <c r="GG24" s="300">
        <v>624106</v>
      </c>
      <c r="GH24" s="295">
        <v>0</v>
      </c>
      <c r="GI24" s="296">
        <v>0</v>
      </c>
      <c r="GJ24" s="297">
        <v>0</v>
      </c>
      <c r="GK24" s="298">
        <v>0</v>
      </c>
      <c r="GL24" s="296">
        <v>0</v>
      </c>
      <c r="GM24" s="296">
        <v>0</v>
      </c>
      <c r="GN24" s="296">
        <v>5568</v>
      </c>
      <c r="GO24" s="296">
        <v>0</v>
      </c>
      <c r="GP24" s="296">
        <v>0</v>
      </c>
      <c r="GQ24" s="299">
        <v>5568</v>
      </c>
      <c r="GR24" s="300">
        <v>5568</v>
      </c>
      <c r="GS24" s="295">
        <v>0</v>
      </c>
      <c r="GT24" s="296">
        <v>0</v>
      </c>
      <c r="GU24" s="297">
        <v>0</v>
      </c>
      <c r="GV24" s="298">
        <v>0</v>
      </c>
      <c r="GW24" s="296">
        <v>0</v>
      </c>
      <c r="GX24" s="296">
        <v>0</v>
      </c>
      <c r="GY24" s="296">
        <v>0</v>
      </c>
      <c r="GZ24" s="296">
        <v>0</v>
      </c>
      <c r="HA24" s="296">
        <v>0</v>
      </c>
      <c r="HB24" s="299">
        <v>0</v>
      </c>
      <c r="HC24" s="300">
        <v>0</v>
      </c>
      <c r="HD24" s="295">
        <v>0</v>
      </c>
      <c r="HE24" s="296">
        <v>0</v>
      </c>
      <c r="HF24" s="297">
        <v>0</v>
      </c>
      <c r="HG24" s="301"/>
      <c r="HH24" s="296">
        <v>0</v>
      </c>
      <c r="HI24" s="296">
        <v>0</v>
      </c>
      <c r="HJ24" s="296">
        <v>0</v>
      </c>
      <c r="HK24" s="296">
        <v>0</v>
      </c>
      <c r="HL24" s="296">
        <v>0</v>
      </c>
      <c r="HM24" s="299">
        <v>0</v>
      </c>
      <c r="HN24" s="300">
        <v>0</v>
      </c>
      <c r="HO24" s="295">
        <v>0</v>
      </c>
      <c r="HP24" s="296">
        <v>0</v>
      </c>
      <c r="HQ24" s="297">
        <v>0</v>
      </c>
      <c r="HR24" s="298">
        <v>0</v>
      </c>
      <c r="HS24" s="296">
        <v>233410</v>
      </c>
      <c r="HT24" s="296">
        <v>767042</v>
      </c>
      <c r="HU24" s="296">
        <v>4082884</v>
      </c>
      <c r="HV24" s="296">
        <v>4002507</v>
      </c>
      <c r="HW24" s="296">
        <v>2591687</v>
      </c>
      <c r="HX24" s="299">
        <v>11677530</v>
      </c>
      <c r="HY24" s="300">
        <v>11677530</v>
      </c>
    </row>
    <row r="25" spans="2:233" ht="19.8" customHeight="1" x14ac:dyDescent="0.2">
      <c r="B25" s="293" t="s">
        <v>22</v>
      </c>
      <c r="C25" s="295">
        <v>0</v>
      </c>
      <c r="D25" s="296">
        <v>0</v>
      </c>
      <c r="E25" s="297">
        <v>0</v>
      </c>
      <c r="F25" s="298">
        <v>0</v>
      </c>
      <c r="G25" s="296">
        <v>57585</v>
      </c>
      <c r="H25" s="296">
        <v>338925</v>
      </c>
      <c r="I25" s="296">
        <v>683570</v>
      </c>
      <c r="J25" s="296">
        <v>1014545</v>
      </c>
      <c r="K25" s="296">
        <v>549235</v>
      </c>
      <c r="L25" s="299">
        <v>2643860</v>
      </c>
      <c r="M25" s="300">
        <v>2643860</v>
      </c>
      <c r="N25" s="295">
        <v>0</v>
      </c>
      <c r="O25" s="296">
        <v>0</v>
      </c>
      <c r="P25" s="297">
        <v>0</v>
      </c>
      <c r="Q25" s="301"/>
      <c r="R25" s="296">
        <v>0</v>
      </c>
      <c r="S25" s="296">
        <v>34200</v>
      </c>
      <c r="T25" s="296">
        <v>467200</v>
      </c>
      <c r="U25" s="296">
        <v>544205</v>
      </c>
      <c r="V25" s="296">
        <v>302245</v>
      </c>
      <c r="W25" s="299">
        <v>1347850</v>
      </c>
      <c r="X25" s="300">
        <v>1347850</v>
      </c>
      <c r="Y25" s="295">
        <v>0</v>
      </c>
      <c r="Z25" s="296">
        <v>0</v>
      </c>
      <c r="AA25" s="297">
        <v>0</v>
      </c>
      <c r="AB25" s="301"/>
      <c r="AC25" s="296">
        <v>46450</v>
      </c>
      <c r="AD25" s="296">
        <v>277050</v>
      </c>
      <c r="AE25" s="296">
        <v>135800</v>
      </c>
      <c r="AF25" s="296">
        <v>292350</v>
      </c>
      <c r="AG25" s="296">
        <v>187350</v>
      </c>
      <c r="AH25" s="299">
        <v>939000</v>
      </c>
      <c r="AI25" s="300">
        <v>939000</v>
      </c>
      <c r="AJ25" s="295">
        <v>0</v>
      </c>
      <c r="AK25" s="296">
        <v>0</v>
      </c>
      <c r="AL25" s="297">
        <v>0</v>
      </c>
      <c r="AM25" s="301"/>
      <c r="AN25" s="296">
        <v>0</v>
      </c>
      <c r="AO25" s="296">
        <v>0</v>
      </c>
      <c r="AP25" s="296">
        <v>0</v>
      </c>
      <c r="AQ25" s="296">
        <v>0</v>
      </c>
      <c r="AR25" s="296">
        <v>28950</v>
      </c>
      <c r="AS25" s="299">
        <v>28950</v>
      </c>
      <c r="AT25" s="300">
        <v>28950</v>
      </c>
      <c r="AU25" s="295">
        <v>0</v>
      </c>
      <c r="AV25" s="296">
        <v>0</v>
      </c>
      <c r="AW25" s="297">
        <v>0</v>
      </c>
      <c r="AX25" s="301"/>
      <c r="AY25" s="296">
        <v>0</v>
      </c>
      <c r="AZ25" s="296">
        <v>0</v>
      </c>
      <c r="BA25" s="296">
        <v>5725</v>
      </c>
      <c r="BB25" s="296">
        <v>2550</v>
      </c>
      <c r="BC25" s="296">
        <v>23850</v>
      </c>
      <c r="BD25" s="299">
        <v>32125</v>
      </c>
      <c r="BE25" s="300">
        <v>32125</v>
      </c>
      <c r="BF25" s="295">
        <v>0</v>
      </c>
      <c r="BG25" s="296">
        <v>0</v>
      </c>
      <c r="BH25" s="297">
        <v>0</v>
      </c>
      <c r="BI25" s="301"/>
      <c r="BJ25" s="296">
        <v>0</v>
      </c>
      <c r="BK25" s="296">
        <v>0</v>
      </c>
      <c r="BL25" s="296">
        <v>23850</v>
      </c>
      <c r="BM25" s="296">
        <v>118650</v>
      </c>
      <c r="BN25" s="296">
        <v>5100</v>
      </c>
      <c r="BO25" s="299">
        <v>147600</v>
      </c>
      <c r="BP25" s="300">
        <v>147600</v>
      </c>
      <c r="BQ25" s="295">
        <v>0</v>
      </c>
      <c r="BR25" s="296">
        <v>0</v>
      </c>
      <c r="BS25" s="297">
        <v>0</v>
      </c>
      <c r="BT25" s="298">
        <v>0</v>
      </c>
      <c r="BU25" s="296">
        <v>4060</v>
      </c>
      <c r="BV25" s="296">
        <v>26950</v>
      </c>
      <c r="BW25" s="296">
        <v>50995</v>
      </c>
      <c r="BX25" s="296">
        <v>56790</v>
      </c>
      <c r="BY25" s="296">
        <v>1740</v>
      </c>
      <c r="BZ25" s="299">
        <v>140535</v>
      </c>
      <c r="CA25" s="300">
        <v>140535</v>
      </c>
      <c r="CB25" s="295">
        <v>0</v>
      </c>
      <c r="CC25" s="296">
        <v>0</v>
      </c>
      <c r="CD25" s="297">
        <v>0</v>
      </c>
      <c r="CE25" s="298">
        <v>0</v>
      </c>
      <c r="CF25" s="296">
        <v>7075</v>
      </c>
      <c r="CG25" s="296">
        <v>725</v>
      </c>
      <c r="CH25" s="296">
        <v>0</v>
      </c>
      <c r="CI25" s="296">
        <v>0</v>
      </c>
      <c r="CJ25" s="296">
        <v>0</v>
      </c>
      <c r="CK25" s="299">
        <v>7800</v>
      </c>
      <c r="CL25" s="300">
        <v>7800</v>
      </c>
      <c r="CM25" s="295">
        <v>0</v>
      </c>
      <c r="CN25" s="296">
        <v>0</v>
      </c>
      <c r="CO25" s="297">
        <v>0</v>
      </c>
      <c r="CP25" s="298">
        <v>0</v>
      </c>
      <c r="CQ25" s="296">
        <v>0</v>
      </c>
      <c r="CR25" s="296">
        <v>0</v>
      </c>
      <c r="CS25" s="296">
        <v>0</v>
      </c>
      <c r="CT25" s="296">
        <v>0</v>
      </c>
      <c r="CU25" s="296">
        <v>0</v>
      </c>
      <c r="CV25" s="299">
        <v>0</v>
      </c>
      <c r="CW25" s="300">
        <v>0</v>
      </c>
      <c r="CX25" s="295">
        <v>0</v>
      </c>
      <c r="CY25" s="296">
        <v>0</v>
      </c>
      <c r="CZ25" s="297">
        <v>0</v>
      </c>
      <c r="DA25" s="301"/>
      <c r="DB25" s="296">
        <v>0</v>
      </c>
      <c r="DC25" s="296">
        <v>0</v>
      </c>
      <c r="DD25" s="296">
        <v>0</v>
      </c>
      <c r="DE25" s="296">
        <v>0</v>
      </c>
      <c r="DF25" s="296">
        <v>0</v>
      </c>
      <c r="DG25" s="299">
        <v>0</v>
      </c>
      <c r="DH25" s="300">
        <v>0</v>
      </c>
      <c r="DI25" s="295">
        <v>0</v>
      </c>
      <c r="DJ25" s="296">
        <v>0</v>
      </c>
      <c r="DK25" s="297">
        <v>0</v>
      </c>
      <c r="DL25" s="298">
        <v>0</v>
      </c>
      <c r="DM25" s="296">
        <v>4737</v>
      </c>
      <c r="DN25" s="296">
        <v>104067</v>
      </c>
      <c r="DO25" s="296">
        <v>622230</v>
      </c>
      <c r="DP25" s="296">
        <v>954968</v>
      </c>
      <c r="DQ25" s="296">
        <v>428779</v>
      </c>
      <c r="DR25" s="299">
        <v>2114781</v>
      </c>
      <c r="DS25" s="302">
        <v>2114781</v>
      </c>
      <c r="DT25" s="295">
        <v>0</v>
      </c>
      <c r="DU25" s="296">
        <v>0</v>
      </c>
      <c r="DV25" s="297">
        <v>0</v>
      </c>
      <c r="DW25" s="301"/>
      <c r="DX25" s="296">
        <v>0</v>
      </c>
      <c r="DY25" s="296">
        <v>25080</v>
      </c>
      <c r="DZ25" s="296">
        <v>505026</v>
      </c>
      <c r="EA25" s="296">
        <v>686400</v>
      </c>
      <c r="EB25" s="296">
        <v>335009</v>
      </c>
      <c r="EC25" s="299">
        <v>1551515</v>
      </c>
      <c r="ED25" s="300">
        <v>1551515</v>
      </c>
      <c r="EE25" s="295">
        <v>0</v>
      </c>
      <c r="EF25" s="296">
        <v>0</v>
      </c>
      <c r="EG25" s="297">
        <v>0</v>
      </c>
      <c r="EH25" s="301"/>
      <c r="EI25" s="296">
        <v>656</v>
      </c>
      <c r="EJ25" s="296">
        <v>45570</v>
      </c>
      <c r="EK25" s="296">
        <v>2282</v>
      </c>
      <c r="EL25" s="296">
        <v>25200</v>
      </c>
      <c r="EM25" s="296">
        <v>12570</v>
      </c>
      <c r="EN25" s="299">
        <v>86278</v>
      </c>
      <c r="EO25" s="300">
        <v>86278</v>
      </c>
      <c r="EP25" s="295">
        <v>0</v>
      </c>
      <c r="EQ25" s="296">
        <v>0</v>
      </c>
      <c r="ER25" s="297">
        <v>0</v>
      </c>
      <c r="ES25" s="301"/>
      <c r="ET25" s="296">
        <v>0</v>
      </c>
      <c r="EU25" s="296">
        <v>0</v>
      </c>
      <c r="EV25" s="296">
        <v>0</v>
      </c>
      <c r="EW25" s="296">
        <v>0</v>
      </c>
      <c r="EX25" s="296">
        <v>21300</v>
      </c>
      <c r="EY25" s="299">
        <v>21300</v>
      </c>
      <c r="EZ25" s="300">
        <v>21300</v>
      </c>
      <c r="FA25" s="295">
        <v>0</v>
      </c>
      <c r="FB25" s="296">
        <v>0</v>
      </c>
      <c r="FC25" s="297">
        <v>0</v>
      </c>
      <c r="FD25" s="301"/>
      <c r="FE25" s="296">
        <v>0</v>
      </c>
      <c r="FF25" s="296">
        <v>0</v>
      </c>
      <c r="FG25" s="296">
        <v>6409</v>
      </c>
      <c r="FH25" s="296">
        <v>210</v>
      </c>
      <c r="FI25" s="296">
        <v>10740</v>
      </c>
      <c r="FJ25" s="299">
        <v>17359</v>
      </c>
      <c r="FK25" s="300">
        <v>17359</v>
      </c>
      <c r="FL25" s="295">
        <v>0</v>
      </c>
      <c r="FM25" s="296">
        <v>0</v>
      </c>
      <c r="FN25" s="297">
        <v>0</v>
      </c>
      <c r="FO25" s="301"/>
      <c r="FP25" s="296">
        <v>0</v>
      </c>
      <c r="FQ25" s="296">
        <v>0</v>
      </c>
      <c r="FR25" s="296">
        <v>20700</v>
      </c>
      <c r="FS25" s="296">
        <v>174300</v>
      </c>
      <c r="FT25" s="296">
        <v>41400</v>
      </c>
      <c r="FU25" s="299">
        <v>236400</v>
      </c>
      <c r="FV25" s="300">
        <v>236400</v>
      </c>
      <c r="FW25" s="295">
        <v>0</v>
      </c>
      <c r="FX25" s="296">
        <v>0</v>
      </c>
      <c r="FY25" s="297">
        <v>0</v>
      </c>
      <c r="FZ25" s="298">
        <v>0</v>
      </c>
      <c r="GA25" s="296">
        <v>3969</v>
      </c>
      <c r="GB25" s="296">
        <v>33375</v>
      </c>
      <c r="GC25" s="296">
        <v>87813</v>
      </c>
      <c r="GD25" s="296">
        <v>68858</v>
      </c>
      <c r="GE25" s="296">
        <v>7760</v>
      </c>
      <c r="GF25" s="299">
        <v>201775</v>
      </c>
      <c r="GG25" s="300">
        <v>201775</v>
      </c>
      <c r="GH25" s="295">
        <v>0</v>
      </c>
      <c r="GI25" s="296">
        <v>0</v>
      </c>
      <c r="GJ25" s="297">
        <v>0</v>
      </c>
      <c r="GK25" s="298">
        <v>0</v>
      </c>
      <c r="GL25" s="296">
        <v>112</v>
      </c>
      <c r="GM25" s="296">
        <v>42</v>
      </c>
      <c r="GN25" s="296">
        <v>0</v>
      </c>
      <c r="GO25" s="296">
        <v>0</v>
      </c>
      <c r="GP25" s="296">
        <v>0</v>
      </c>
      <c r="GQ25" s="299">
        <v>154</v>
      </c>
      <c r="GR25" s="300">
        <v>154</v>
      </c>
      <c r="GS25" s="295">
        <v>0</v>
      </c>
      <c r="GT25" s="296">
        <v>0</v>
      </c>
      <c r="GU25" s="297">
        <v>0</v>
      </c>
      <c r="GV25" s="298">
        <v>0</v>
      </c>
      <c r="GW25" s="296">
        <v>0</v>
      </c>
      <c r="GX25" s="296">
        <v>0</v>
      </c>
      <c r="GY25" s="296">
        <v>0</v>
      </c>
      <c r="GZ25" s="296">
        <v>0</v>
      </c>
      <c r="HA25" s="296">
        <v>0</v>
      </c>
      <c r="HB25" s="299">
        <v>0</v>
      </c>
      <c r="HC25" s="300">
        <v>0</v>
      </c>
      <c r="HD25" s="295">
        <v>0</v>
      </c>
      <c r="HE25" s="296">
        <v>0</v>
      </c>
      <c r="HF25" s="297">
        <v>0</v>
      </c>
      <c r="HG25" s="301"/>
      <c r="HH25" s="296">
        <v>0</v>
      </c>
      <c r="HI25" s="296">
        <v>0</v>
      </c>
      <c r="HJ25" s="296">
        <v>0</v>
      </c>
      <c r="HK25" s="296">
        <v>0</v>
      </c>
      <c r="HL25" s="296">
        <v>0</v>
      </c>
      <c r="HM25" s="299">
        <v>0</v>
      </c>
      <c r="HN25" s="300">
        <v>0</v>
      </c>
      <c r="HO25" s="295">
        <v>0</v>
      </c>
      <c r="HP25" s="296">
        <v>0</v>
      </c>
      <c r="HQ25" s="297">
        <v>0</v>
      </c>
      <c r="HR25" s="298">
        <v>0</v>
      </c>
      <c r="HS25" s="296">
        <v>62322</v>
      </c>
      <c r="HT25" s="296">
        <v>442992</v>
      </c>
      <c r="HU25" s="296">
        <v>1305800</v>
      </c>
      <c r="HV25" s="296">
        <v>1969513</v>
      </c>
      <c r="HW25" s="296">
        <v>978014</v>
      </c>
      <c r="HX25" s="299">
        <v>4758641</v>
      </c>
      <c r="HY25" s="300">
        <v>4758641</v>
      </c>
    </row>
    <row r="26" spans="2:233" ht="19.8" customHeight="1" x14ac:dyDescent="0.2">
      <c r="B26" s="293" t="s">
        <v>23</v>
      </c>
      <c r="C26" s="295">
        <v>0</v>
      </c>
      <c r="D26" s="296">
        <v>290</v>
      </c>
      <c r="E26" s="297">
        <v>290</v>
      </c>
      <c r="F26" s="298">
        <v>0</v>
      </c>
      <c r="G26" s="296">
        <v>129345</v>
      </c>
      <c r="H26" s="296">
        <v>323270</v>
      </c>
      <c r="I26" s="296">
        <v>1066631</v>
      </c>
      <c r="J26" s="296">
        <v>1375175</v>
      </c>
      <c r="K26" s="296">
        <v>911245</v>
      </c>
      <c r="L26" s="299">
        <v>3805666</v>
      </c>
      <c r="M26" s="300">
        <v>3805956</v>
      </c>
      <c r="N26" s="295">
        <v>0</v>
      </c>
      <c r="O26" s="296">
        <v>0</v>
      </c>
      <c r="P26" s="297">
        <v>0</v>
      </c>
      <c r="Q26" s="301"/>
      <c r="R26" s="296">
        <v>34200</v>
      </c>
      <c r="S26" s="296">
        <v>128525</v>
      </c>
      <c r="T26" s="296">
        <v>744590</v>
      </c>
      <c r="U26" s="296">
        <v>1001090</v>
      </c>
      <c r="V26" s="296">
        <v>671595</v>
      </c>
      <c r="W26" s="299">
        <v>2580000</v>
      </c>
      <c r="X26" s="300">
        <v>2580000</v>
      </c>
      <c r="Y26" s="295">
        <v>0</v>
      </c>
      <c r="Z26" s="296">
        <v>0</v>
      </c>
      <c r="AA26" s="297">
        <v>0</v>
      </c>
      <c r="AB26" s="301"/>
      <c r="AC26" s="296">
        <v>63150</v>
      </c>
      <c r="AD26" s="296">
        <v>157800</v>
      </c>
      <c r="AE26" s="296">
        <v>231286</v>
      </c>
      <c r="AF26" s="296">
        <v>240055</v>
      </c>
      <c r="AG26" s="296">
        <v>222395</v>
      </c>
      <c r="AH26" s="299">
        <v>914686</v>
      </c>
      <c r="AI26" s="300">
        <v>914686</v>
      </c>
      <c r="AJ26" s="295">
        <v>0</v>
      </c>
      <c r="AK26" s="296">
        <v>0</v>
      </c>
      <c r="AL26" s="297">
        <v>0</v>
      </c>
      <c r="AM26" s="301"/>
      <c r="AN26" s="296">
        <v>0</v>
      </c>
      <c r="AO26" s="296">
        <v>0</v>
      </c>
      <c r="AP26" s="296">
        <v>0</v>
      </c>
      <c r="AQ26" s="296">
        <v>34200</v>
      </c>
      <c r="AR26" s="296">
        <v>0</v>
      </c>
      <c r="AS26" s="299">
        <v>34200</v>
      </c>
      <c r="AT26" s="300">
        <v>34200</v>
      </c>
      <c r="AU26" s="295">
        <v>0</v>
      </c>
      <c r="AV26" s="296">
        <v>0</v>
      </c>
      <c r="AW26" s="297">
        <v>0</v>
      </c>
      <c r="AX26" s="301"/>
      <c r="AY26" s="296">
        <v>0</v>
      </c>
      <c r="AZ26" s="296">
        <v>0</v>
      </c>
      <c r="BA26" s="296">
        <v>2550</v>
      </c>
      <c r="BB26" s="296">
        <v>37565</v>
      </c>
      <c r="BC26" s="296">
        <v>0</v>
      </c>
      <c r="BD26" s="299">
        <v>40115</v>
      </c>
      <c r="BE26" s="300">
        <v>40115</v>
      </c>
      <c r="BF26" s="295">
        <v>0</v>
      </c>
      <c r="BG26" s="296">
        <v>0</v>
      </c>
      <c r="BH26" s="297">
        <v>0</v>
      </c>
      <c r="BI26" s="301"/>
      <c r="BJ26" s="296">
        <v>0</v>
      </c>
      <c r="BK26" s="296">
        <v>0</v>
      </c>
      <c r="BL26" s="296">
        <v>0</v>
      </c>
      <c r="BM26" s="296">
        <v>0</v>
      </c>
      <c r="BN26" s="296">
        <v>0</v>
      </c>
      <c r="BO26" s="299">
        <v>0</v>
      </c>
      <c r="BP26" s="300">
        <v>0</v>
      </c>
      <c r="BQ26" s="295">
        <v>0</v>
      </c>
      <c r="BR26" s="296">
        <v>290</v>
      </c>
      <c r="BS26" s="297">
        <v>290</v>
      </c>
      <c r="BT26" s="298">
        <v>0</v>
      </c>
      <c r="BU26" s="296">
        <v>31995</v>
      </c>
      <c r="BV26" s="296">
        <v>36945</v>
      </c>
      <c r="BW26" s="296">
        <v>88205</v>
      </c>
      <c r="BX26" s="296">
        <v>62265</v>
      </c>
      <c r="BY26" s="296">
        <v>17255</v>
      </c>
      <c r="BZ26" s="299">
        <v>236665</v>
      </c>
      <c r="CA26" s="300">
        <v>236955</v>
      </c>
      <c r="CB26" s="295">
        <v>0</v>
      </c>
      <c r="CC26" s="296">
        <v>0</v>
      </c>
      <c r="CD26" s="297">
        <v>0</v>
      </c>
      <c r="CE26" s="298">
        <v>0</v>
      </c>
      <c r="CF26" s="296">
        <v>0</v>
      </c>
      <c r="CG26" s="296">
        <v>0</v>
      </c>
      <c r="CH26" s="296">
        <v>0</v>
      </c>
      <c r="CI26" s="296">
        <v>0</v>
      </c>
      <c r="CJ26" s="296">
        <v>0</v>
      </c>
      <c r="CK26" s="299">
        <v>0</v>
      </c>
      <c r="CL26" s="300">
        <v>0</v>
      </c>
      <c r="CM26" s="295">
        <v>0</v>
      </c>
      <c r="CN26" s="296">
        <v>0</v>
      </c>
      <c r="CO26" s="297">
        <v>0</v>
      </c>
      <c r="CP26" s="298">
        <v>0</v>
      </c>
      <c r="CQ26" s="296">
        <v>0</v>
      </c>
      <c r="CR26" s="296">
        <v>0</v>
      </c>
      <c r="CS26" s="296">
        <v>0</v>
      </c>
      <c r="CT26" s="296">
        <v>0</v>
      </c>
      <c r="CU26" s="296">
        <v>0</v>
      </c>
      <c r="CV26" s="299">
        <v>0</v>
      </c>
      <c r="CW26" s="300">
        <v>0</v>
      </c>
      <c r="CX26" s="295">
        <v>0</v>
      </c>
      <c r="CY26" s="296">
        <v>0</v>
      </c>
      <c r="CZ26" s="297">
        <v>0</v>
      </c>
      <c r="DA26" s="301"/>
      <c r="DB26" s="296">
        <v>0</v>
      </c>
      <c r="DC26" s="296">
        <v>0</v>
      </c>
      <c r="DD26" s="296">
        <v>0</v>
      </c>
      <c r="DE26" s="296">
        <v>0</v>
      </c>
      <c r="DF26" s="296">
        <v>0</v>
      </c>
      <c r="DG26" s="299">
        <v>0</v>
      </c>
      <c r="DH26" s="300">
        <v>0</v>
      </c>
      <c r="DI26" s="295">
        <v>4176</v>
      </c>
      <c r="DJ26" s="296">
        <v>1392</v>
      </c>
      <c r="DK26" s="297">
        <v>5568</v>
      </c>
      <c r="DL26" s="298">
        <v>0</v>
      </c>
      <c r="DM26" s="296">
        <v>97650</v>
      </c>
      <c r="DN26" s="296">
        <v>242550</v>
      </c>
      <c r="DO26" s="296">
        <v>917341</v>
      </c>
      <c r="DP26" s="296">
        <v>1334664</v>
      </c>
      <c r="DQ26" s="296">
        <v>856674</v>
      </c>
      <c r="DR26" s="299">
        <v>3448879</v>
      </c>
      <c r="DS26" s="302">
        <v>3454447</v>
      </c>
      <c r="DT26" s="295">
        <v>0</v>
      </c>
      <c r="DU26" s="296">
        <v>0</v>
      </c>
      <c r="DV26" s="297">
        <v>0</v>
      </c>
      <c r="DW26" s="301"/>
      <c r="DX26" s="296">
        <v>31980</v>
      </c>
      <c r="DY26" s="296">
        <v>139980</v>
      </c>
      <c r="DZ26" s="296">
        <v>792705</v>
      </c>
      <c r="EA26" s="296">
        <v>1224463</v>
      </c>
      <c r="EB26" s="296">
        <v>763765</v>
      </c>
      <c r="EC26" s="299">
        <v>2952893</v>
      </c>
      <c r="ED26" s="300">
        <v>2952893</v>
      </c>
      <c r="EE26" s="295">
        <v>0</v>
      </c>
      <c r="EF26" s="296">
        <v>0</v>
      </c>
      <c r="EG26" s="297">
        <v>0</v>
      </c>
      <c r="EH26" s="301"/>
      <c r="EI26" s="296">
        <v>11580</v>
      </c>
      <c r="EJ26" s="296">
        <v>2947</v>
      </c>
      <c r="EK26" s="296">
        <v>2940</v>
      </c>
      <c r="EL26" s="296">
        <v>25438</v>
      </c>
      <c r="EM26" s="296">
        <v>72628</v>
      </c>
      <c r="EN26" s="299">
        <v>115533</v>
      </c>
      <c r="EO26" s="300">
        <v>115533</v>
      </c>
      <c r="EP26" s="295">
        <v>0</v>
      </c>
      <c r="EQ26" s="296">
        <v>0</v>
      </c>
      <c r="ER26" s="297">
        <v>0</v>
      </c>
      <c r="ES26" s="301"/>
      <c r="ET26" s="296">
        <v>0</v>
      </c>
      <c r="EU26" s="296">
        <v>0</v>
      </c>
      <c r="EV26" s="296">
        <v>0</v>
      </c>
      <c r="EW26" s="296">
        <v>420</v>
      </c>
      <c r="EX26" s="296">
        <v>0</v>
      </c>
      <c r="EY26" s="299">
        <v>420</v>
      </c>
      <c r="EZ26" s="300">
        <v>420</v>
      </c>
      <c r="FA26" s="295">
        <v>0</v>
      </c>
      <c r="FB26" s="296">
        <v>0</v>
      </c>
      <c r="FC26" s="297">
        <v>0</v>
      </c>
      <c r="FD26" s="301"/>
      <c r="FE26" s="296">
        <v>0</v>
      </c>
      <c r="FF26" s="296">
        <v>0</v>
      </c>
      <c r="FG26" s="296">
        <v>210</v>
      </c>
      <c r="FH26" s="296">
        <v>371</v>
      </c>
      <c r="FI26" s="296">
        <v>0</v>
      </c>
      <c r="FJ26" s="299">
        <v>581</v>
      </c>
      <c r="FK26" s="300">
        <v>581</v>
      </c>
      <c r="FL26" s="295">
        <v>0</v>
      </c>
      <c r="FM26" s="296">
        <v>0</v>
      </c>
      <c r="FN26" s="297">
        <v>0</v>
      </c>
      <c r="FO26" s="301"/>
      <c r="FP26" s="296">
        <v>0</v>
      </c>
      <c r="FQ26" s="296">
        <v>0</v>
      </c>
      <c r="FR26" s="296">
        <v>0</v>
      </c>
      <c r="FS26" s="296">
        <v>0</v>
      </c>
      <c r="FT26" s="296">
        <v>0</v>
      </c>
      <c r="FU26" s="299">
        <v>0</v>
      </c>
      <c r="FV26" s="300">
        <v>0</v>
      </c>
      <c r="FW26" s="295">
        <v>4176</v>
      </c>
      <c r="FX26" s="296">
        <v>1392</v>
      </c>
      <c r="FY26" s="297">
        <v>5568</v>
      </c>
      <c r="FZ26" s="298">
        <v>0</v>
      </c>
      <c r="GA26" s="296">
        <v>54090</v>
      </c>
      <c r="GB26" s="296">
        <v>99623</v>
      </c>
      <c r="GC26" s="296">
        <v>121486</v>
      </c>
      <c r="GD26" s="296">
        <v>83972</v>
      </c>
      <c r="GE26" s="296">
        <v>20281</v>
      </c>
      <c r="GF26" s="299">
        <v>379452</v>
      </c>
      <c r="GG26" s="300">
        <v>385020</v>
      </c>
      <c r="GH26" s="295">
        <v>0</v>
      </c>
      <c r="GI26" s="296">
        <v>0</v>
      </c>
      <c r="GJ26" s="297">
        <v>0</v>
      </c>
      <c r="GK26" s="298">
        <v>0</v>
      </c>
      <c r="GL26" s="296">
        <v>0</v>
      </c>
      <c r="GM26" s="296">
        <v>0</v>
      </c>
      <c r="GN26" s="296">
        <v>0</v>
      </c>
      <c r="GO26" s="296">
        <v>0</v>
      </c>
      <c r="GP26" s="296">
        <v>0</v>
      </c>
      <c r="GQ26" s="299">
        <v>0</v>
      </c>
      <c r="GR26" s="300">
        <v>0</v>
      </c>
      <c r="GS26" s="295">
        <v>0</v>
      </c>
      <c r="GT26" s="296">
        <v>0</v>
      </c>
      <c r="GU26" s="297">
        <v>0</v>
      </c>
      <c r="GV26" s="298">
        <v>0</v>
      </c>
      <c r="GW26" s="296">
        <v>0</v>
      </c>
      <c r="GX26" s="296">
        <v>0</v>
      </c>
      <c r="GY26" s="296">
        <v>0</v>
      </c>
      <c r="GZ26" s="296">
        <v>0</v>
      </c>
      <c r="HA26" s="296">
        <v>0</v>
      </c>
      <c r="HB26" s="299">
        <v>0</v>
      </c>
      <c r="HC26" s="300">
        <v>0</v>
      </c>
      <c r="HD26" s="295">
        <v>0</v>
      </c>
      <c r="HE26" s="296">
        <v>0</v>
      </c>
      <c r="HF26" s="297">
        <v>0</v>
      </c>
      <c r="HG26" s="301"/>
      <c r="HH26" s="296">
        <v>0</v>
      </c>
      <c r="HI26" s="296">
        <v>0</v>
      </c>
      <c r="HJ26" s="296">
        <v>0</v>
      </c>
      <c r="HK26" s="296">
        <v>0</v>
      </c>
      <c r="HL26" s="296">
        <v>0</v>
      </c>
      <c r="HM26" s="299">
        <v>0</v>
      </c>
      <c r="HN26" s="300">
        <v>0</v>
      </c>
      <c r="HO26" s="295">
        <v>4176</v>
      </c>
      <c r="HP26" s="296">
        <v>1682</v>
      </c>
      <c r="HQ26" s="297">
        <v>5858</v>
      </c>
      <c r="HR26" s="298">
        <v>0</v>
      </c>
      <c r="HS26" s="296">
        <v>226995</v>
      </c>
      <c r="HT26" s="296">
        <v>565820</v>
      </c>
      <c r="HU26" s="296">
        <v>1983972</v>
      </c>
      <c r="HV26" s="296">
        <v>2709839</v>
      </c>
      <c r="HW26" s="296">
        <v>1767919</v>
      </c>
      <c r="HX26" s="299">
        <v>7254545</v>
      </c>
      <c r="HY26" s="300">
        <v>7260403</v>
      </c>
    </row>
    <row r="27" spans="2:233" ht="19.8" customHeight="1" x14ac:dyDescent="0.2">
      <c r="B27" s="293" t="s">
        <v>24</v>
      </c>
      <c r="C27" s="295">
        <v>0</v>
      </c>
      <c r="D27" s="296">
        <v>0</v>
      </c>
      <c r="E27" s="297">
        <v>0</v>
      </c>
      <c r="F27" s="298">
        <v>0</v>
      </c>
      <c r="G27" s="296">
        <v>41630</v>
      </c>
      <c r="H27" s="296">
        <v>44886</v>
      </c>
      <c r="I27" s="296">
        <v>380789</v>
      </c>
      <c r="J27" s="296">
        <v>505345</v>
      </c>
      <c r="K27" s="296">
        <v>347675</v>
      </c>
      <c r="L27" s="299">
        <v>1320325</v>
      </c>
      <c r="M27" s="300">
        <v>1320325</v>
      </c>
      <c r="N27" s="295">
        <v>0</v>
      </c>
      <c r="O27" s="296">
        <v>0</v>
      </c>
      <c r="P27" s="297">
        <v>0</v>
      </c>
      <c r="Q27" s="301"/>
      <c r="R27" s="296">
        <v>0</v>
      </c>
      <c r="S27" s="296">
        <v>0</v>
      </c>
      <c r="T27" s="296">
        <v>273735</v>
      </c>
      <c r="U27" s="296">
        <v>342375</v>
      </c>
      <c r="V27" s="296">
        <v>291525</v>
      </c>
      <c r="W27" s="299">
        <v>907635</v>
      </c>
      <c r="X27" s="300">
        <v>907635</v>
      </c>
      <c r="Y27" s="295">
        <v>0</v>
      </c>
      <c r="Z27" s="296">
        <v>0</v>
      </c>
      <c r="AA27" s="297">
        <v>0</v>
      </c>
      <c r="AB27" s="301"/>
      <c r="AC27" s="296">
        <v>26400</v>
      </c>
      <c r="AD27" s="296">
        <v>10200</v>
      </c>
      <c r="AE27" s="296">
        <v>99603</v>
      </c>
      <c r="AF27" s="296">
        <v>107975</v>
      </c>
      <c r="AG27" s="296">
        <v>34350</v>
      </c>
      <c r="AH27" s="299">
        <v>278528</v>
      </c>
      <c r="AI27" s="300">
        <v>278528</v>
      </c>
      <c r="AJ27" s="295">
        <v>0</v>
      </c>
      <c r="AK27" s="296">
        <v>0</v>
      </c>
      <c r="AL27" s="297">
        <v>0</v>
      </c>
      <c r="AM27" s="301"/>
      <c r="AN27" s="296">
        <v>0</v>
      </c>
      <c r="AO27" s="296">
        <v>0</v>
      </c>
      <c r="AP27" s="296">
        <v>0</v>
      </c>
      <c r="AQ27" s="296">
        <v>0</v>
      </c>
      <c r="AR27" s="296">
        <v>0</v>
      </c>
      <c r="AS27" s="299">
        <v>0</v>
      </c>
      <c r="AT27" s="300">
        <v>0</v>
      </c>
      <c r="AU27" s="295">
        <v>0</v>
      </c>
      <c r="AV27" s="296">
        <v>0</v>
      </c>
      <c r="AW27" s="297">
        <v>0</v>
      </c>
      <c r="AX27" s="301"/>
      <c r="AY27" s="296">
        <v>0</v>
      </c>
      <c r="AZ27" s="296">
        <v>0</v>
      </c>
      <c r="BA27" s="296">
        <v>0</v>
      </c>
      <c r="BB27" s="296">
        <v>0</v>
      </c>
      <c r="BC27" s="296">
        <v>0</v>
      </c>
      <c r="BD27" s="299">
        <v>0</v>
      </c>
      <c r="BE27" s="300">
        <v>0</v>
      </c>
      <c r="BF27" s="295">
        <v>0</v>
      </c>
      <c r="BG27" s="296">
        <v>0</v>
      </c>
      <c r="BH27" s="297">
        <v>0</v>
      </c>
      <c r="BI27" s="301"/>
      <c r="BJ27" s="296">
        <v>0</v>
      </c>
      <c r="BK27" s="296">
        <v>0</v>
      </c>
      <c r="BL27" s="296">
        <v>0</v>
      </c>
      <c r="BM27" s="296">
        <v>0</v>
      </c>
      <c r="BN27" s="296">
        <v>0</v>
      </c>
      <c r="BO27" s="299">
        <v>0</v>
      </c>
      <c r="BP27" s="300">
        <v>0</v>
      </c>
      <c r="BQ27" s="295">
        <v>0</v>
      </c>
      <c r="BR27" s="296">
        <v>0</v>
      </c>
      <c r="BS27" s="297">
        <v>0</v>
      </c>
      <c r="BT27" s="298">
        <v>0</v>
      </c>
      <c r="BU27" s="296">
        <v>15230</v>
      </c>
      <c r="BV27" s="296">
        <v>34686</v>
      </c>
      <c r="BW27" s="296">
        <v>3136</v>
      </c>
      <c r="BX27" s="296">
        <v>52095</v>
      </c>
      <c r="BY27" s="296">
        <v>13640</v>
      </c>
      <c r="BZ27" s="299">
        <v>118787</v>
      </c>
      <c r="CA27" s="300">
        <v>118787</v>
      </c>
      <c r="CB27" s="295">
        <v>0</v>
      </c>
      <c r="CC27" s="296">
        <v>0</v>
      </c>
      <c r="CD27" s="297">
        <v>0</v>
      </c>
      <c r="CE27" s="298">
        <v>0</v>
      </c>
      <c r="CF27" s="296">
        <v>0</v>
      </c>
      <c r="CG27" s="296">
        <v>0</v>
      </c>
      <c r="CH27" s="296">
        <v>4315</v>
      </c>
      <c r="CI27" s="296">
        <v>2900</v>
      </c>
      <c r="CJ27" s="296">
        <v>8160</v>
      </c>
      <c r="CK27" s="299">
        <v>15375</v>
      </c>
      <c r="CL27" s="300">
        <v>15375</v>
      </c>
      <c r="CM27" s="295">
        <v>0</v>
      </c>
      <c r="CN27" s="296">
        <v>0</v>
      </c>
      <c r="CO27" s="297">
        <v>0</v>
      </c>
      <c r="CP27" s="298">
        <v>0</v>
      </c>
      <c r="CQ27" s="296">
        <v>0</v>
      </c>
      <c r="CR27" s="296">
        <v>0</v>
      </c>
      <c r="CS27" s="296">
        <v>0</v>
      </c>
      <c r="CT27" s="296">
        <v>0</v>
      </c>
      <c r="CU27" s="296">
        <v>0</v>
      </c>
      <c r="CV27" s="299">
        <v>0</v>
      </c>
      <c r="CW27" s="300">
        <v>0</v>
      </c>
      <c r="CX27" s="295">
        <v>0</v>
      </c>
      <c r="CY27" s="296">
        <v>0</v>
      </c>
      <c r="CZ27" s="297">
        <v>0</v>
      </c>
      <c r="DA27" s="301"/>
      <c r="DB27" s="296">
        <v>0</v>
      </c>
      <c r="DC27" s="296">
        <v>0</v>
      </c>
      <c r="DD27" s="296">
        <v>0</v>
      </c>
      <c r="DE27" s="296">
        <v>0</v>
      </c>
      <c r="DF27" s="296">
        <v>0</v>
      </c>
      <c r="DG27" s="299">
        <v>0</v>
      </c>
      <c r="DH27" s="300">
        <v>0</v>
      </c>
      <c r="DI27" s="295">
        <v>0</v>
      </c>
      <c r="DJ27" s="296">
        <v>0</v>
      </c>
      <c r="DK27" s="297">
        <v>0</v>
      </c>
      <c r="DL27" s="298">
        <v>0</v>
      </c>
      <c r="DM27" s="296">
        <v>13238</v>
      </c>
      <c r="DN27" s="296">
        <v>57182</v>
      </c>
      <c r="DO27" s="296">
        <v>354716</v>
      </c>
      <c r="DP27" s="296">
        <v>672421</v>
      </c>
      <c r="DQ27" s="296">
        <v>531916</v>
      </c>
      <c r="DR27" s="299">
        <v>1629473</v>
      </c>
      <c r="DS27" s="302">
        <v>1629473</v>
      </c>
      <c r="DT27" s="295">
        <v>0</v>
      </c>
      <c r="DU27" s="296">
        <v>0</v>
      </c>
      <c r="DV27" s="297">
        <v>0</v>
      </c>
      <c r="DW27" s="301"/>
      <c r="DX27" s="296">
        <v>0</v>
      </c>
      <c r="DY27" s="296">
        <v>0</v>
      </c>
      <c r="DZ27" s="296">
        <v>322333</v>
      </c>
      <c r="EA27" s="296">
        <v>594668</v>
      </c>
      <c r="EB27" s="296">
        <v>504531</v>
      </c>
      <c r="EC27" s="299">
        <v>1421532</v>
      </c>
      <c r="ED27" s="300">
        <v>1421532</v>
      </c>
      <c r="EE27" s="295">
        <v>0</v>
      </c>
      <c r="EF27" s="296">
        <v>0</v>
      </c>
      <c r="EG27" s="297">
        <v>0</v>
      </c>
      <c r="EH27" s="301"/>
      <c r="EI27" s="296">
        <v>420</v>
      </c>
      <c r="EJ27" s="296">
        <v>21517</v>
      </c>
      <c r="EK27" s="296">
        <v>29498</v>
      </c>
      <c r="EL27" s="296">
        <v>23015</v>
      </c>
      <c r="EM27" s="296">
        <v>11310</v>
      </c>
      <c r="EN27" s="299">
        <v>85760</v>
      </c>
      <c r="EO27" s="300">
        <v>85760</v>
      </c>
      <c r="EP27" s="295">
        <v>0</v>
      </c>
      <c r="EQ27" s="296">
        <v>0</v>
      </c>
      <c r="ER27" s="297">
        <v>0</v>
      </c>
      <c r="ES27" s="301"/>
      <c r="ET27" s="296">
        <v>0</v>
      </c>
      <c r="EU27" s="296">
        <v>0</v>
      </c>
      <c r="EV27" s="296">
        <v>0</v>
      </c>
      <c r="EW27" s="296">
        <v>0</v>
      </c>
      <c r="EX27" s="296">
        <v>0</v>
      </c>
      <c r="EY27" s="299">
        <v>0</v>
      </c>
      <c r="EZ27" s="300">
        <v>0</v>
      </c>
      <c r="FA27" s="295">
        <v>0</v>
      </c>
      <c r="FB27" s="296">
        <v>0</v>
      </c>
      <c r="FC27" s="297">
        <v>0</v>
      </c>
      <c r="FD27" s="301"/>
      <c r="FE27" s="296">
        <v>0</v>
      </c>
      <c r="FF27" s="296">
        <v>0</v>
      </c>
      <c r="FG27" s="296">
        <v>0</v>
      </c>
      <c r="FH27" s="296">
        <v>0</v>
      </c>
      <c r="FI27" s="296">
        <v>0</v>
      </c>
      <c r="FJ27" s="299">
        <v>0</v>
      </c>
      <c r="FK27" s="300">
        <v>0</v>
      </c>
      <c r="FL27" s="295">
        <v>0</v>
      </c>
      <c r="FM27" s="296">
        <v>0</v>
      </c>
      <c r="FN27" s="297">
        <v>0</v>
      </c>
      <c r="FO27" s="301"/>
      <c r="FP27" s="296">
        <v>0</v>
      </c>
      <c r="FQ27" s="296">
        <v>0</v>
      </c>
      <c r="FR27" s="296">
        <v>0</v>
      </c>
      <c r="FS27" s="296">
        <v>0</v>
      </c>
      <c r="FT27" s="296">
        <v>0</v>
      </c>
      <c r="FU27" s="299">
        <v>0</v>
      </c>
      <c r="FV27" s="300">
        <v>0</v>
      </c>
      <c r="FW27" s="295">
        <v>0</v>
      </c>
      <c r="FX27" s="296">
        <v>0</v>
      </c>
      <c r="FY27" s="297">
        <v>0</v>
      </c>
      <c r="FZ27" s="298">
        <v>0</v>
      </c>
      <c r="GA27" s="296">
        <v>12818</v>
      </c>
      <c r="GB27" s="296">
        <v>35665</v>
      </c>
      <c r="GC27" s="296">
        <v>2808</v>
      </c>
      <c r="GD27" s="296">
        <v>54598</v>
      </c>
      <c r="GE27" s="296">
        <v>16005</v>
      </c>
      <c r="GF27" s="299">
        <v>121894</v>
      </c>
      <c r="GG27" s="300">
        <v>121894</v>
      </c>
      <c r="GH27" s="295">
        <v>0</v>
      </c>
      <c r="GI27" s="296">
        <v>0</v>
      </c>
      <c r="GJ27" s="297">
        <v>0</v>
      </c>
      <c r="GK27" s="298">
        <v>0</v>
      </c>
      <c r="GL27" s="296">
        <v>0</v>
      </c>
      <c r="GM27" s="296">
        <v>0</v>
      </c>
      <c r="GN27" s="296">
        <v>77</v>
      </c>
      <c r="GO27" s="296">
        <v>140</v>
      </c>
      <c r="GP27" s="296">
        <v>70</v>
      </c>
      <c r="GQ27" s="299">
        <v>287</v>
      </c>
      <c r="GR27" s="300">
        <v>287</v>
      </c>
      <c r="GS27" s="295">
        <v>0</v>
      </c>
      <c r="GT27" s="296">
        <v>0</v>
      </c>
      <c r="GU27" s="297">
        <v>0</v>
      </c>
      <c r="GV27" s="298">
        <v>0</v>
      </c>
      <c r="GW27" s="296">
        <v>0</v>
      </c>
      <c r="GX27" s="296">
        <v>0</v>
      </c>
      <c r="GY27" s="296">
        <v>0</v>
      </c>
      <c r="GZ27" s="296">
        <v>0</v>
      </c>
      <c r="HA27" s="296">
        <v>0</v>
      </c>
      <c r="HB27" s="299">
        <v>0</v>
      </c>
      <c r="HC27" s="300">
        <v>0</v>
      </c>
      <c r="HD27" s="295">
        <v>0</v>
      </c>
      <c r="HE27" s="296">
        <v>0</v>
      </c>
      <c r="HF27" s="297">
        <v>0</v>
      </c>
      <c r="HG27" s="301"/>
      <c r="HH27" s="296">
        <v>0</v>
      </c>
      <c r="HI27" s="296">
        <v>0</v>
      </c>
      <c r="HJ27" s="296">
        <v>0</v>
      </c>
      <c r="HK27" s="296">
        <v>0</v>
      </c>
      <c r="HL27" s="296">
        <v>0</v>
      </c>
      <c r="HM27" s="299">
        <v>0</v>
      </c>
      <c r="HN27" s="300">
        <v>0</v>
      </c>
      <c r="HO27" s="295">
        <v>0</v>
      </c>
      <c r="HP27" s="296">
        <v>0</v>
      </c>
      <c r="HQ27" s="297">
        <v>0</v>
      </c>
      <c r="HR27" s="298">
        <v>0</v>
      </c>
      <c r="HS27" s="296">
        <v>54868</v>
      </c>
      <c r="HT27" s="296">
        <v>102068</v>
      </c>
      <c r="HU27" s="296">
        <v>735505</v>
      </c>
      <c r="HV27" s="296">
        <v>1177766</v>
      </c>
      <c r="HW27" s="296">
        <v>879591</v>
      </c>
      <c r="HX27" s="299">
        <v>2949798</v>
      </c>
      <c r="HY27" s="300">
        <v>2949798</v>
      </c>
    </row>
    <row r="28" spans="2:233" ht="19.8" customHeight="1" x14ac:dyDescent="0.2">
      <c r="B28" s="293" t="s">
        <v>25</v>
      </c>
      <c r="C28" s="295">
        <v>0</v>
      </c>
      <c r="D28" s="296">
        <v>0</v>
      </c>
      <c r="E28" s="297">
        <v>0</v>
      </c>
      <c r="F28" s="298">
        <v>0</v>
      </c>
      <c r="G28" s="296">
        <v>61015</v>
      </c>
      <c r="H28" s="296">
        <v>158962</v>
      </c>
      <c r="I28" s="296">
        <v>515635</v>
      </c>
      <c r="J28" s="296">
        <v>856724</v>
      </c>
      <c r="K28" s="296">
        <v>635030</v>
      </c>
      <c r="L28" s="299">
        <v>2227366</v>
      </c>
      <c r="M28" s="300">
        <v>2227366</v>
      </c>
      <c r="N28" s="295">
        <v>0</v>
      </c>
      <c r="O28" s="296">
        <v>0</v>
      </c>
      <c r="P28" s="297">
        <v>0</v>
      </c>
      <c r="Q28" s="301"/>
      <c r="R28" s="296">
        <v>26400</v>
      </c>
      <c r="S28" s="296">
        <v>26910</v>
      </c>
      <c r="T28" s="296">
        <v>452640</v>
      </c>
      <c r="U28" s="296">
        <v>629275</v>
      </c>
      <c r="V28" s="296">
        <v>528760</v>
      </c>
      <c r="W28" s="299">
        <v>1663985</v>
      </c>
      <c r="X28" s="300">
        <v>1663985</v>
      </c>
      <c r="Y28" s="295">
        <v>0</v>
      </c>
      <c r="Z28" s="296">
        <v>0</v>
      </c>
      <c r="AA28" s="297">
        <v>0</v>
      </c>
      <c r="AB28" s="301"/>
      <c r="AC28" s="296">
        <v>23850</v>
      </c>
      <c r="AD28" s="296">
        <v>121350</v>
      </c>
      <c r="AE28" s="296">
        <v>53775</v>
      </c>
      <c r="AF28" s="296">
        <v>223570</v>
      </c>
      <c r="AG28" s="296">
        <v>98860</v>
      </c>
      <c r="AH28" s="299">
        <v>521405</v>
      </c>
      <c r="AI28" s="300">
        <v>521405</v>
      </c>
      <c r="AJ28" s="295">
        <v>0</v>
      </c>
      <c r="AK28" s="296">
        <v>0</v>
      </c>
      <c r="AL28" s="297">
        <v>0</v>
      </c>
      <c r="AM28" s="301"/>
      <c r="AN28" s="296">
        <v>0</v>
      </c>
      <c r="AO28" s="296">
        <v>0</v>
      </c>
      <c r="AP28" s="296">
        <v>0</v>
      </c>
      <c r="AQ28" s="296">
        <v>0</v>
      </c>
      <c r="AR28" s="296">
        <v>0</v>
      </c>
      <c r="AS28" s="299">
        <v>0</v>
      </c>
      <c r="AT28" s="300">
        <v>0</v>
      </c>
      <c r="AU28" s="295">
        <v>0</v>
      </c>
      <c r="AV28" s="296">
        <v>0</v>
      </c>
      <c r="AW28" s="297">
        <v>0</v>
      </c>
      <c r="AX28" s="301"/>
      <c r="AY28" s="296">
        <v>0</v>
      </c>
      <c r="AZ28" s="296">
        <v>0</v>
      </c>
      <c r="BA28" s="296">
        <v>0</v>
      </c>
      <c r="BB28" s="296">
        <v>0</v>
      </c>
      <c r="BC28" s="296">
        <v>0</v>
      </c>
      <c r="BD28" s="299">
        <v>0</v>
      </c>
      <c r="BE28" s="300">
        <v>0</v>
      </c>
      <c r="BF28" s="295">
        <v>0</v>
      </c>
      <c r="BG28" s="296">
        <v>0</v>
      </c>
      <c r="BH28" s="297">
        <v>0</v>
      </c>
      <c r="BI28" s="301"/>
      <c r="BJ28" s="296">
        <v>0</v>
      </c>
      <c r="BK28" s="296">
        <v>0</v>
      </c>
      <c r="BL28" s="296">
        <v>0</v>
      </c>
      <c r="BM28" s="296">
        <v>0</v>
      </c>
      <c r="BN28" s="296">
        <v>0</v>
      </c>
      <c r="BO28" s="299">
        <v>0</v>
      </c>
      <c r="BP28" s="300">
        <v>0</v>
      </c>
      <c r="BQ28" s="295">
        <v>0</v>
      </c>
      <c r="BR28" s="296">
        <v>0</v>
      </c>
      <c r="BS28" s="297">
        <v>0</v>
      </c>
      <c r="BT28" s="298">
        <v>0</v>
      </c>
      <c r="BU28" s="296">
        <v>10765</v>
      </c>
      <c r="BV28" s="296">
        <v>8182</v>
      </c>
      <c r="BW28" s="296">
        <v>8775</v>
      </c>
      <c r="BX28" s="296">
        <v>3879</v>
      </c>
      <c r="BY28" s="296">
        <v>6685</v>
      </c>
      <c r="BZ28" s="299">
        <v>38286</v>
      </c>
      <c r="CA28" s="300">
        <v>38286</v>
      </c>
      <c r="CB28" s="295">
        <v>0</v>
      </c>
      <c r="CC28" s="296">
        <v>0</v>
      </c>
      <c r="CD28" s="297">
        <v>0</v>
      </c>
      <c r="CE28" s="298">
        <v>0</v>
      </c>
      <c r="CF28" s="296">
        <v>0</v>
      </c>
      <c r="CG28" s="296">
        <v>2520</v>
      </c>
      <c r="CH28" s="296">
        <v>445</v>
      </c>
      <c r="CI28" s="296">
        <v>0</v>
      </c>
      <c r="CJ28" s="296">
        <v>725</v>
      </c>
      <c r="CK28" s="299">
        <v>3690</v>
      </c>
      <c r="CL28" s="300">
        <v>3690</v>
      </c>
      <c r="CM28" s="295">
        <v>0</v>
      </c>
      <c r="CN28" s="296">
        <v>0</v>
      </c>
      <c r="CO28" s="297">
        <v>0</v>
      </c>
      <c r="CP28" s="298">
        <v>0</v>
      </c>
      <c r="CQ28" s="296">
        <v>0</v>
      </c>
      <c r="CR28" s="296">
        <v>0</v>
      </c>
      <c r="CS28" s="296">
        <v>0</v>
      </c>
      <c r="CT28" s="296">
        <v>0</v>
      </c>
      <c r="CU28" s="296">
        <v>0</v>
      </c>
      <c r="CV28" s="299">
        <v>0</v>
      </c>
      <c r="CW28" s="300">
        <v>0</v>
      </c>
      <c r="CX28" s="295">
        <v>0</v>
      </c>
      <c r="CY28" s="296">
        <v>0</v>
      </c>
      <c r="CZ28" s="297">
        <v>0</v>
      </c>
      <c r="DA28" s="301"/>
      <c r="DB28" s="296">
        <v>0</v>
      </c>
      <c r="DC28" s="296">
        <v>0</v>
      </c>
      <c r="DD28" s="296">
        <v>0</v>
      </c>
      <c r="DE28" s="296">
        <v>0</v>
      </c>
      <c r="DF28" s="296">
        <v>0</v>
      </c>
      <c r="DG28" s="299">
        <v>0</v>
      </c>
      <c r="DH28" s="300">
        <v>0</v>
      </c>
      <c r="DI28" s="295">
        <v>0</v>
      </c>
      <c r="DJ28" s="296">
        <v>0</v>
      </c>
      <c r="DK28" s="297">
        <v>0</v>
      </c>
      <c r="DL28" s="298">
        <v>0</v>
      </c>
      <c r="DM28" s="296">
        <v>48275</v>
      </c>
      <c r="DN28" s="296">
        <v>122917</v>
      </c>
      <c r="DO28" s="296">
        <v>595817</v>
      </c>
      <c r="DP28" s="296">
        <v>749410</v>
      </c>
      <c r="DQ28" s="296">
        <v>470064</v>
      </c>
      <c r="DR28" s="299">
        <v>1986483</v>
      </c>
      <c r="DS28" s="302">
        <v>1986483</v>
      </c>
      <c r="DT28" s="295">
        <v>0</v>
      </c>
      <c r="DU28" s="296">
        <v>0</v>
      </c>
      <c r="DV28" s="297">
        <v>0</v>
      </c>
      <c r="DW28" s="301"/>
      <c r="DX28" s="296">
        <v>41760</v>
      </c>
      <c r="DY28" s="296">
        <v>93712</v>
      </c>
      <c r="DZ28" s="296">
        <v>562944</v>
      </c>
      <c r="EA28" s="296">
        <v>705467</v>
      </c>
      <c r="EB28" s="296">
        <v>452156</v>
      </c>
      <c r="EC28" s="299">
        <v>1856039</v>
      </c>
      <c r="ED28" s="300">
        <v>1856039</v>
      </c>
      <c r="EE28" s="295">
        <v>0</v>
      </c>
      <c r="EF28" s="296">
        <v>0</v>
      </c>
      <c r="EG28" s="297">
        <v>0</v>
      </c>
      <c r="EH28" s="301"/>
      <c r="EI28" s="296">
        <v>210</v>
      </c>
      <c r="EJ28" s="296">
        <v>12360</v>
      </c>
      <c r="EK28" s="296">
        <v>840</v>
      </c>
      <c r="EL28" s="296">
        <v>34728</v>
      </c>
      <c r="EM28" s="296">
        <v>11940</v>
      </c>
      <c r="EN28" s="299">
        <v>60078</v>
      </c>
      <c r="EO28" s="300">
        <v>60078</v>
      </c>
      <c r="EP28" s="295">
        <v>0</v>
      </c>
      <c r="EQ28" s="296">
        <v>0</v>
      </c>
      <c r="ER28" s="297">
        <v>0</v>
      </c>
      <c r="ES28" s="301"/>
      <c r="ET28" s="296">
        <v>0</v>
      </c>
      <c r="EU28" s="296">
        <v>0</v>
      </c>
      <c r="EV28" s="296">
        <v>0</v>
      </c>
      <c r="EW28" s="296">
        <v>0</v>
      </c>
      <c r="EX28" s="296">
        <v>0</v>
      </c>
      <c r="EY28" s="299">
        <v>0</v>
      </c>
      <c r="EZ28" s="300">
        <v>0</v>
      </c>
      <c r="FA28" s="295">
        <v>0</v>
      </c>
      <c r="FB28" s="296">
        <v>0</v>
      </c>
      <c r="FC28" s="297">
        <v>0</v>
      </c>
      <c r="FD28" s="301"/>
      <c r="FE28" s="296">
        <v>0</v>
      </c>
      <c r="FF28" s="296">
        <v>0</v>
      </c>
      <c r="FG28" s="296">
        <v>0</v>
      </c>
      <c r="FH28" s="296">
        <v>0</v>
      </c>
      <c r="FI28" s="296">
        <v>0</v>
      </c>
      <c r="FJ28" s="299">
        <v>0</v>
      </c>
      <c r="FK28" s="300">
        <v>0</v>
      </c>
      <c r="FL28" s="295">
        <v>0</v>
      </c>
      <c r="FM28" s="296">
        <v>0</v>
      </c>
      <c r="FN28" s="297">
        <v>0</v>
      </c>
      <c r="FO28" s="301"/>
      <c r="FP28" s="296">
        <v>0</v>
      </c>
      <c r="FQ28" s="296">
        <v>0</v>
      </c>
      <c r="FR28" s="296">
        <v>0</v>
      </c>
      <c r="FS28" s="296">
        <v>0</v>
      </c>
      <c r="FT28" s="296">
        <v>0</v>
      </c>
      <c r="FU28" s="299">
        <v>0</v>
      </c>
      <c r="FV28" s="300">
        <v>0</v>
      </c>
      <c r="FW28" s="295">
        <v>0</v>
      </c>
      <c r="FX28" s="296">
        <v>0</v>
      </c>
      <c r="FY28" s="297">
        <v>0</v>
      </c>
      <c r="FZ28" s="298">
        <v>0</v>
      </c>
      <c r="GA28" s="296">
        <v>6305</v>
      </c>
      <c r="GB28" s="296">
        <v>16803</v>
      </c>
      <c r="GC28" s="296">
        <v>32012</v>
      </c>
      <c r="GD28" s="296">
        <v>9215</v>
      </c>
      <c r="GE28" s="296">
        <v>5968</v>
      </c>
      <c r="GF28" s="299">
        <v>70303</v>
      </c>
      <c r="GG28" s="300">
        <v>70303</v>
      </c>
      <c r="GH28" s="295">
        <v>0</v>
      </c>
      <c r="GI28" s="296">
        <v>0</v>
      </c>
      <c r="GJ28" s="297">
        <v>0</v>
      </c>
      <c r="GK28" s="298">
        <v>0</v>
      </c>
      <c r="GL28" s="296">
        <v>0</v>
      </c>
      <c r="GM28" s="296">
        <v>42</v>
      </c>
      <c r="GN28" s="296">
        <v>21</v>
      </c>
      <c r="GO28" s="296">
        <v>0</v>
      </c>
      <c r="GP28" s="296">
        <v>0</v>
      </c>
      <c r="GQ28" s="299">
        <v>63</v>
      </c>
      <c r="GR28" s="300">
        <v>63</v>
      </c>
      <c r="GS28" s="295">
        <v>0</v>
      </c>
      <c r="GT28" s="296">
        <v>0</v>
      </c>
      <c r="GU28" s="297">
        <v>0</v>
      </c>
      <c r="GV28" s="298">
        <v>0</v>
      </c>
      <c r="GW28" s="296">
        <v>0</v>
      </c>
      <c r="GX28" s="296">
        <v>0</v>
      </c>
      <c r="GY28" s="296">
        <v>0</v>
      </c>
      <c r="GZ28" s="296">
        <v>0</v>
      </c>
      <c r="HA28" s="296">
        <v>0</v>
      </c>
      <c r="HB28" s="299">
        <v>0</v>
      </c>
      <c r="HC28" s="300">
        <v>0</v>
      </c>
      <c r="HD28" s="295">
        <v>0</v>
      </c>
      <c r="HE28" s="296">
        <v>0</v>
      </c>
      <c r="HF28" s="297">
        <v>0</v>
      </c>
      <c r="HG28" s="301"/>
      <c r="HH28" s="296">
        <v>0</v>
      </c>
      <c r="HI28" s="296">
        <v>0</v>
      </c>
      <c r="HJ28" s="296">
        <v>0</v>
      </c>
      <c r="HK28" s="296">
        <v>0</v>
      </c>
      <c r="HL28" s="296">
        <v>0</v>
      </c>
      <c r="HM28" s="299">
        <v>0</v>
      </c>
      <c r="HN28" s="300">
        <v>0</v>
      </c>
      <c r="HO28" s="295">
        <v>0</v>
      </c>
      <c r="HP28" s="296">
        <v>0</v>
      </c>
      <c r="HQ28" s="297">
        <v>0</v>
      </c>
      <c r="HR28" s="298">
        <v>0</v>
      </c>
      <c r="HS28" s="296">
        <v>109290</v>
      </c>
      <c r="HT28" s="296">
        <v>281879</v>
      </c>
      <c r="HU28" s="296">
        <v>1111452</v>
      </c>
      <c r="HV28" s="296">
        <v>1606134</v>
      </c>
      <c r="HW28" s="296">
        <v>1105094</v>
      </c>
      <c r="HX28" s="299">
        <v>4213849</v>
      </c>
      <c r="HY28" s="300">
        <v>4213849</v>
      </c>
    </row>
    <row r="29" spans="2:233" ht="19.8" customHeight="1" x14ac:dyDescent="0.2">
      <c r="B29" s="293" t="s">
        <v>26</v>
      </c>
      <c r="C29" s="295">
        <v>0</v>
      </c>
      <c r="D29" s="296">
        <v>2030</v>
      </c>
      <c r="E29" s="297">
        <v>2030</v>
      </c>
      <c r="F29" s="298">
        <v>0</v>
      </c>
      <c r="G29" s="296">
        <v>36734</v>
      </c>
      <c r="H29" s="296">
        <v>168599</v>
      </c>
      <c r="I29" s="296">
        <v>527229</v>
      </c>
      <c r="J29" s="296">
        <v>719905</v>
      </c>
      <c r="K29" s="296">
        <v>339879</v>
      </c>
      <c r="L29" s="299">
        <v>1792346</v>
      </c>
      <c r="M29" s="300">
        <v>1794376</v>
      </c>
      <c r="N29" s="295">
        <v>0</v>
      </c>
      <c r="O29" s="296">
        <v>0</v>
      </c>
      <c r="P29" s="297">
        <v>0</v>
      </c>
      <c r="Q29" s="301"/>
      <c r="R29" s="296">
        <v>0</v>
      </c>
      <c r="S29" s="296">
        <v>36000</v>
      </c>
      <c r="T29" s="296">
        <v>298500</v>
      </c>
      <c r="U29" s="296">
        <v>617275</v>
      </c>
      <c r="V29" s="296">
        <v>328095</v>
      </c>
      <c r="W29" s="299">
        <v>1279870</v>
      </c>
      <c r="X29" s="300">
        <v>1279870</v>
      </c>
      <c r="Y29" s="295">
        <v>0</v>
      </c>
      <c r="Z29" s="296">
        <v>0</v>
      </c>
      <c r="AA29" s="297">
        <v>0</v>
      </c>
      <c r="AB29" s="301"/>
      <c r="AC29" s="296">
        <v>34200</v>
      </c>
      <c r="AD29" s="296">
        <v>120245</v>
      </c>
      <c r="AE29" s="296">
        <v>187200</v>
      </c>
      <c r="AF29" s="296">
        <v>34115</v>
      </c>
      <c r="AG29" s="296">
        <v>2550</v>
      </c>
      <c r="AH29" s="299">
        <v>378310</v>
      </c>
      <c r="AI29" s="300">
        <v>378310</v>
      </c>
      <c r="AJ29" s="295">
        <v>0</v>
      </c>
      <c r="AK29" s="296">
        <v>0</v>
      </c>
      <c r="AL29" s="297">
        <v>0</v>
      </c>
      <c r="AM29" s="301"/>
      <c r="AN29" s="296">
        <v>0</v>
      </c>
      <c r="AO29" s="296">
        <v>0</v>
      </c>
      <c r="AP29" s="296">
        <v>0</v>
      </c>
      <c r="AQ29" s="296">
        <v>0</v>
      </c>
      <c r="AR29" s="296">
        <v>0</v>
      </c>
      <c r="AS29" s="299">
        <v>0</v>
      </c>
      <c r="AT29" s="300">
        <v>0</v>
      </c>
      <c r="AU29" s="295">
        <v>0</v>
      </c>
      <c r="AV29" s="296">
        <v>0</v>
      </c>
      <c r="AW29" s="297">
        <v>0</v>
      </c>
      <c r="AX29" s="301"/>
      <c r="AY29" s="296">
        <v>0</v>
      </c>
      <c r="AZ29" s="296">
        <v>0</v>
      </c>
      <c r="BA29" s="296">
        <v>0</v>
      </c>
      <c r="BB29" s="296">
        <v>26375</v>
      </c>
      <c r="BC29" s="296">
        <v>5100</v>
      </c>
      <c r="BD29" s="299">
        <v>31475</v>
      </c>
      <c r="BE29" s="300">
        <v>31475</v>
      </c>
      <c r="BF29" s="295">
        <v>0</v>
      </c>
      <c r="BG29" s="296">
        <v>0</v>
      </c>
      <c r="BH29" s="297">
        <v>0</v>
      </c>
      <c r="BI29" s="301"/>
      <c r="BJ29" s="296">
        <v>0</v>
      </c>
      <c r="BK29" s="296">
        <v>0</v>
      </c>
      <c r="BL29" s="296">
        <v>2550</v>
      </c>
      <c r="BM29" s="296">
        <v>0</v>
      </c>
      <c r="BN29" s="296">
        <v>0</v>
      </c>
      <c r="BO29" s="299">
        <v>2550</v>
      </c>
      <c r="BP29" s="300">
        <v>2550</v>
      </c>
      <c r="BQ29" s="295">
        <v>0</v>
      </c>
      <c r="BR29" s="296">
        <v>2030</v>
      </c>
      <c r="BS29" s="297">
        <v>2030</v>
      </c>
      <c r="BT29" s="298">
        <v>0</v>
      </c>
      <c r="BU29" s="296">
        <v>2534</v>
      </c>
      <c r="BV29" s="296">
        <v>9009</v>
      </c>
      <c r="BW29" s="296">
        <v>38734</v>
      </c>
      <c r="BX29" s="296">
        <v>40915</v>
      </c>
      <c r="BY29" s="296">
        <v>4034</v>
      </c>
      <c r="BZ29" s="299">
        <v>95226</v>
      </c>
      <c r="CA29" s="300">
        <v>97256</v>
      </c>
      <c r="CB29" s="295">
        <v>0</v>
      </c>
      <c r="CC29" s="296">
        <v>0</v>
      </c>
      <c r="CD29" s="297">
        <v>0</v>
      </c>
      <c r="CE29" s="298">
        <v>0</v>
      </c>
      <c r="CF29" s="296">
        <v>0</v>
      </c>
      <c r="CG29" s="296">
        <v>3345</v>
      </c>
      <c r="CH29" s="296">
        <v>245</v>
      </c>
      <c r="CI29" s="296">
        <v>1225</v>
      </c>
      <c r="CJ29" s="296">
        <v>100</v>
      </c>
      <c r="CK29" s="299">
        <v>4915</v>
      </c>
      <c r="CL29" s="300">
        <v>4915</v>
      </c>
      <c r="CM29" s="295">
        <v>0</v>
      </c>
      <c r="CN29" s="296">
        <v>0</v>
      </c>
      <c r="CO29" s="297">
        <v>0</v>
      </c>
      <c r="CP29" s="298">
        <v>0</v>
      </c>
      <c r="CQ29" s="296">
        <v>0</v>
      </c>
      <c r="CR29" s="296">
        <v>0</v>
      </c>
      <c r="CS29" s="296">
        <v>0</v>
      </c>
      <c r="CT29" s="296">
        <v>0</v>
      </c>
      <c r="CU29" s="296">
        <v>0</v>
      </c>
      <c r="CV29" s="299">
        <v>0</v>
      </c>
      <c r="CW29" s="300">
        <v>0</v>
      </c>
      <c r="CX29" s="295">
        <v>0</v>
      </c>
      <c r="CY29" s="296">
        <v>0</v>
      </c>
      <c r="CZ29" s="297">
        <v>0</v>
      </c>
      <c r="DA29" s="301"/>
      <c r="DB29" s="296">
        <v>0</v>
      </c>
      <c r="DC29" s="296">
        <v>0</v>
      </c>
      <c r="DD29" s="296">
        <v>0</v>
      </c>
      <c r="DE29" s="296">
        <v>0</v>
      </c>
      <c r="DF29" s="296">
        <v>0</v>
      </c>
      <c r="DG29" s="299">
        <v>0</v>
      </c>
      <c r="DH29" s="300">
        <v>0</v>
      </c>
      <c r="DI29" s="295">
        <v>0</v>
      </c>
      <c r="DJ29" s="296">
        <v>9744</v>
      </c>
      <c r="DK29" s="297">
        <v>9744</v>
      </c>
      <c r="DL29" s="298">
        <v>0</v>
      </c>
      <c r="DM29" s="296">
        <v>3630</v>
      </c>
      <c r="DN29" s="296">
        <v>149106</v>
      </c>
      <c r="DO29" s="296">
        <v>500515</v>
      </c>
      <c r="DP29" s="296">
        <v>792694</v>
      </c>
      <c r="DQ29" s="296">
        <v>512388</v>
      </c>
      <c r="DR29" s="299">
        <v>1958333</v>
      </c>
      <c r="DS29" s="302">
        <v>1968077</v>
      </c>
      <c r="DT29" s="295">
        <v>0</v>
      </c>
      <c r="DU29" s="296">
        <v>0</v>
      </c>
      <c r="DV29" s="297">
        <v>0</v>
      </c>
      <c r="DW29" s="301"/>
      <c r="DX29" s="296">
        <v>0</v>
      </c>
      <c r="DY29" s="296">
        <v>115860</v>
      </c>
      <c r="DZ29" s="296">
        <v>376290</v>
      </c>
      <c r="EA29" s="296">
        <v>746958</v>
      </c>
      <c r="EB29" s="296">
        <v>487246</v>
      </c>
      <c r="EC29" s="299">
        <v>1726354</v>
      </c>
      <c r="ED29" s="300">
        <v>1726354</v>
      </c>
      <c r="EE29" s="295">
        <v>0</v>
      </c>
      <c r="EF29" s="296">
        <v>0</v>
      </c>
      <c r="EG29" s="297">
        <v>0</v>
      </c>
      <c r="EH29" s="301"/>
      <c r="EI29" s="296">
        <v>420</v>
      </c>
      <c r="EJ29" s="296">
        <v>23393</v>
      </c>
      <c r="EK29" s="296">
        <v>48330</v>
      </c>
      <c r="EL29" s="296">
        <v>10592</v>
      </c>
      <c r="EM29" s="296">
        <v>210</v>
      </c>
      <c r="EN29" s="299">
        <v>82945</v>
      </c>
      <c r="EO29" s="300">
        <v>82945</v>
      </c>
      <c r="EP29" s="295">
        <v>0</v>
      </c>
      <c r="EQ29" s="296">
        <v>0</v>
      </c>
      <c r="ER29" s="297">
        <v>0</v>
      </c>
      <c r="ES29" s="301"/>
      <c r="ET29" s="296">
        <v>0</v>
      </c>
      <c r="EU29" s="296">
        <v>0</v>
      </c>
      <c r="EV29" s="296">
        <v>0</v>
      </c>
      <c r="EW29" s="296">
        <v>0</v>
      </c>
      <c r="EX29" s="296">
        <v>0</v>
      </c>
      <c r="EY29" s="299">
        <v>0</v>
      </c>
      <c r="EZ29" s="300">
        <v>0</v>
      </c>
      <c r="FA29" s="295">
        <v>0</v>
      </c>
      <c r="FB29" s="296">
        <v>0</v>
      </c>
      <c r="FC29" s="297">
        <v>0</v>
      </c>
      <c r="FD29" s="301"/>
      <c r="FE29" s="296">
        <v>0</v>
      </c>
      <c r="FF29" s="296">
        <v>0</v>
      </c>
      <c r="FG29" s="296">
        <v>0</v>
      </c>
      <c r="FH29" s="296">
        <v>175</v>
      </c>
      <c r="FI29" s="296">
        <v>420</v>
      </c>
      <c r="FJ29" s="299">
        <v>595</v>
      </c>
      <c r="FK29" s="300">
        <v>595</v>
      </c>
      <c r="FL29" s="295">
        <v>0</v>
      </c>
      <c r="FM29" s="296">
        <v>0</v>
      </c>
      <c r="FN29" s="297">
        <v>0</v>
      </c>
      <c r="FO29" s="301"/>
      <c r="FP29" s="296">
        <v>0</v>
      </c>
      <c r="FQ29" s="296">
        <v>0</v>
      </c>
      <c r="FR29" s="296">
        <v>20880</v>
      </c>
      <c r="FS29" s="296">
        <v>0</v>
      </c>
      <c r="FT29" s="296">
        <v>0</v>
      </c>
      <c r="FU29" s="299">
        <v>20880</v>
      </c>
      <c r="FV29" s="300">
        <v>20880</v>
      </c>
      <c r="FW29" s="295">
        <v>0</v>
      </c>
      <c r="FX29" s="296">
        <v>9744</v>
      </c>
      <c r="FY29" s="297">
        <v>9744</v>
      </c>
      <c r="FZ29" s="298">
        <v>0</v>
      </c>
      <c r="GA29" s="296">
        <v>3210</v>
      </c>
      <c r="GB29" s="296">
        <v>9804</v>
      </c>
      <c r="GC29" s="296">
        <v>54994</v>
      </c>
      <c r="GD29" s="296">
        <v>34864</v>
      </c>
      <c r="GE29" s="296">
        <v>19800</v>
      </c>
      <c r="GF29" s="299">
        <v>122672</v>
      </c>
      <c r="GG29" s="300">
        <v>132416</v>
      </c>
      <c r="GH29" s="295">
        <v>0</v>
      </c>
      <c r="GI29" s="296">
        <v>0</v>
      </c>
      <c r="GJ29" s="297">
        <v>0</v>
      </c>
      <c r="GK29" s="298">
        <v>0</v>
      </c>
      <c r="GL29" s="296">
        <v>0</v>
      </c>
      <c r="GM29" s="296">
        <v>49</v>
      </c>
      <c r="GN29" s="296">
        <v>21</v>
      </c>
      <c r="GO29" s="296">
        <v>105</v>
      </c>
      <c r="GP29" s="296">
        <v>4712</v>
      </c>
      <c r="GQ29" s="299">
        <v>4887</v>
      </c>
      <c r="GR29" s="300">
        <v>4887</v>
      </c>
      <c r="GS29" s="295">
        <v>0</v>
      </c>
      <c r="GT29" s="296">
        <v>0</v>
      </c>
      <c r="GU29" s="297">
        <v>0</v>
      </c>
      <c r="GV29" s="298">
        <v>0</v>
      </c>
      <c r="GW29" s="296">
        <v>0</v>
      </c>
      <c r="GX29" s="296">
        <v>0</v>
      </c>
      <c r="GY29" s="296">
        <v>0</v>
      </c>
      <c r="GZ29" s="296">
        <v>0</v>
      </c>
      <c r="HA29" s="296">
        <v>0</v>
      </c>
      <c r="HB29" s="299">
        <v>0</v>
      </c>
      <c r="HC29" s="300">
        <v>0</v>
      </c>
      <c r="HD29" s="295">
        <v>0</v>
      </c>
      <c r="HE29" s="296">
        <v>0</v>
      </c>
      <c r="HF29" s="297">
        <v>0</v>
      </c>
      <c r="HG29" s="301"/>
      <c r="HH29" s="296">
        <v>0</v>
      </c>
      <c r="HI29" s="296">
        <v>0</v>
      </c>
      <c r="HJ29" s="296">
        <v>0</v>
      </c>
      <c r="HK29" s="296">
        <v>0</v>
      </c>
      <c r="HL29" s="296">
        <v>0</v>
      </c>
      <c r="HM29" s="299">
        <v>0</v>
      </c>
      <c r="HN29" s="300">
        <v>0</v>
      </c>
      <c r="HO29" s="295">
        <v>0</v>
      </c>
      <c r="HP29" s="296">
        <v>11774</v>
      </c>
      <c r="HQ29" s="297">
        <v>11774</v>
      </c>
      <c r="HR29" s="298">
        <v>0</v>
      </c>
      <c r="HS29" s="296">
        <v>40364</v>
      </c>
      <c r="HT29" s="296">
        <v>317705</v>
      </c>
      <c r="HU29" s="296">
        <v>1027744</v>
      </c>
      <c r="HV29" s="296">
        <v>1512599</v>
      </c>
      <c r="HW29" s="296">
        <v>852267</v>
      </c>
      <c r="HX29" s="299">
        <v>3750679</v>
      </c>
      <c r="HY29" s="300">
        <v>3762453</v>
      </c>
    </row>
    <row r="30" spans="2:233" ht="19.8" customHeight="1" x14ac:dyDescent="0.2">
      <c r="B30" s="293" t="s">
        <v>27</v>
      </c>
      <c r="C30" s="295">
        <v>0</v>
      </c>
      <c r="D30" s="296">
        <v>0</v>
      </c>
      <c r="E30" s="297">
        <v>0</v>
      </c>
      <c r="F30" s="298">
        <v>0</v>
      </c>
      <c r="G30" s="296">
        <v>67290</v>
      </c>
      <c r="H30" s="296">
        <v>158745</v>
      </c>
      <c r="I30" s="296">
        <v>653035</v>
      </c>
      <c r="J30" s="296">
        <v>538095</v>
      </c>
      <c r="K30" s="296">
        <v>343170</v>
      </c>
      <c r="L30" s="299">
        <v>1760335</v>
      </c>
      <c r="M30" s="300">
        <v>1760335</v>
      </c>
      <c r="N30" s="295">
        <v>0</v>
      </c>
      <c r="O30" s="296">
        <v>0</v>
      </c>
      <c r="P30" s="297">
        <v>0</v>
      </c>
      <c r="Q30" s="301"/>
      <c r="R30" s="296">
        <v>34200</v>
      </c>
      <c r="S30" s="296">
        <v>31650</v>
      </c>
      <c r="T30" s="296">
        <v>438930</v>
      </c>
      <c r="U30" s="296">
        <v>376680</v>
      </c>
      <c r="V30" s="296">
        <v>292780</v>
      </c>
      <c r="W30" s="299">
        <v>1174240</v>
      </c>
      <c r="X30" s="300">
        <v>1174240</v>
      </c>
      <c r="Y30" s="295">
        <v>0</v>
      </c>
      <c r="Z30" s="296">
        <v>0</v>
      </c>
      <c r="AA30" s="297">
        <v>0</v>
      </c>
      <c r="AB30" s="301"/>
      <c r="AC30" s="296">
        <v>28865</v>
      </c>
      <c r="AD30" s="296">
        <v>126365</v>
      </c>
      <c r="AE30" s="296">
        <v>128265</v>
      </c>
      <c r="AF30" s="296">
        <v>126450</v>
      </c>
      <c r="AG30" s="296">
        <v>34200</v>
      </c>
      <c r="AH30" s="299">
        <v>444145</v>
      </c>
      <c r="AI30" s="300">
        <v>444145</v>
      </c>
      <c r="AJ30" s="295">
        <v>0</v>
      </c>
      <c r="AK30" s="296">
        <v>0</v>
      </c>
      <c r="AL30" s="297">
        <v>0</v>
      </c>
      <c r="AM30" s="301"/>
      <c r="AN30" s="296">
        <v>0</v>
      </c>
      <c r="AO30" s="296">
        <v>0</v>
      </c>
      <c r="AP30" s="296">
        <v>0</v>
      </c>
      <c r="AQ30" s="296">
        <v>0</v>
      </c>
      <c r="AR30" s="296">
        <v>0</v>
      </c>
      <c r="AS30" s="299">
        <v>0</v>
      </c>
      <c r="AT30" s="300">
        <v>0</v>
      </c>
      <c r="AU30" s="295">
        <v>0</v>
      </c>
      <c r="AV30" s="296">
        <v>0</v>
      </c>
      <c r="AW30" s="297">
        <v>0</v>
      </c>
      <c r="AX30" s="301"/>
      <c r="AY30" s="296">
        <v>0</v>
      </c>
      <c r="AZ30" s="296">
        <v>0</v>
      </c>
      <c r="BA30" s="296">
        <v>0</v>
      </c>
      <c r="BB30" s="296">
        <v>0</v>
      </c>
      <c r="BC30" s="296">
        <v>0</v>
      </c>
      <c r="BD30" s="299">
        <v>0</v>
      </c>
      <c r="BE30" s="300">
        <v>0</v>
      </c>
      <c r="BF30" s="295">
        <v>0</v>
      </c>
      <c r="BG30" s="296">
        <v>0</v>
      </c>
      <c r="BH30" s="297">
        <v>0</v>
      </c>
      <c r="BI30" s="301"/>
      <c r="BJ30" s="296">
        <v>0</v>
      </c>
      <c r="BK30" s="296">
        <v>0</v>
      </c>
      <c r="BL30" s="296">
        <v>58900</v>
      </c>
      <c r="BM30" s="296">
        <v>7650</v>
      </c>
      <c r="BN30" s="296">
        <v>0</v>
      </c>
      <c r="BO30" s="299">
        <v>66550</v>
      </c>
      <c r="BP30" s="300">
        <v>66550</v>
      </c>
      <c r="BQ30" s="295">
        <v>0</v>
      </c>
      <c r="BR30" s="296">
        <v>0</v>
      </c>
      <c r="BS30" s="297">
        <v>0</v>
      </c>
      <c r="BT30" s="298">
        <v>0</v>
      </c>
      <c r="BU30" s="296">
        <v>4225</v>
      </c>
      <c r="BV30" s="296">
        <v>730</v>
      </c>
      <c r="BW30" s="296">
        <v>26940</v>
      </c>
      <c r="BX30" s="296">
        <v>26590</v>
      </c>
      <c r="BY30" s="296">
        <v>16190</v>
      </c>
      <c r="BZ30" s="299">
        <v>74675</v>
      </c>
      <c r="CA30" s="300">
        <v>74675</v>
      </c>
      <c r="CB30" s="295">
        <v>0</v>
      </c>
      <c r="CC30" s="296">
        <v>0</v>
      </c>
      <c r="CD30" s="297">
        <v>0</v>
      </c>
      <c r="CE30" s="298">
        <v>0</v>
      </c>
      <c r="CF30" s="296">
        <v>0</v>
      </c>
      <c r="CG30" s="296">
        <v>0</v>
      </c>
      <c r="CH30" s="296">
        <v>0</v>
      </c>
      <c r="CI30" s="296">
        <v>725</v>
      </c>
      <c r="CJ30" s="296">
        <v>0</v>
      </c>
      <c r="CK30" s="299">
        <v>725</v>
      </c>
      <c r="CL30" s="300">
        <v>725</v>
      </c>
      <c r="CM30" s="295">
        <v>0</v>
      </c>
      <c r="CN30" s="296">
        <v>0</v>
      </c>
      <c r="CO30" s="297">
        <v>0</v>
      </c>
      <c r="CP30" s="298">
        <v>0</v>
      </c>
      <c r="CQ30" s="296">
        <v>0</v>
      </c>
      <c r="CR30" s="296">
        <v>0</v>
      </c>
      <c r="CS30" s="296">
        <v>0</v>
      </c>
      <c r="CT30" s="296">
        <v>0</v>
      </c>
      <c r="CU30" s="296">
        <v>0</v>
      </c>
      <c r="CV30" s="299">
        <v>0</v>
      </c>
      <c r="CW30" s="300">
        <v>0</v>
      </c>
      <c r="CX30" s="295">
        <v>0</v>
      </c>
      <c r="CY30" s="296">
        <v>0</v>
      </c>
      <c r="CZ30" s="297">
        <v>0</v>
      </c>
      <c r="DA30" s="301"/>
      <c r="DB30" s="296">
        <v>0</v>
      </c>
      <c r="DC30" s="296">
        <v>0</v>
      </c>
      <c r="DD30" s="296">
        <v>0</v>
      </c>
      <c r="DE30" s="296">
        <v>0</v>
      </c>
      <c r="DF30" s="296">
        <v>0</v>
      </c>
      <c r="DG30" s="299">
        <v>0</v>
      </c>
      <c r="DH30" s="300">
        <v>0</v>
      </c>
      <c r="DI30" s="295">
        <v>0</v>
      </c>
      <c r="DJ30" s="296">
        <v>0</v>
      </c>
      <c r="DK30" s="297">
        <v>0</v>
      </c>
      <c r="DL30" s="298">
        <v>0</v>
      </c>
      <c r="DM30" s="296">
        <v>58585</v>
      </c>
      <c r="DN30" s="296">
        <v>99507</v>
      </c>
      <c r="DO30" s="296">
        <v>611916</v>
      </c>
      <c r="DP30" s="296">
        <v>574650</v>
      </c>
      <c r="DQ30" s="296">
        <v>340550</v>
      </c>
      <c r="DR30" s="299">
        <v>1685208</v>
      </c>
      <c r="DS30" s="302">
        <v>1685208</v>
      </c>
      <c r="DT30" s="295">
        <v>0</v>
      </c>
      <c r="DU30" s="296">
        <v>0</v>
      </c>
      <c r="DV30" s="297">
        <v>0</v>
      </c>
      <c r="DW30" s="301"/>
      <c r="DX30" s="296">
        <v>29100</v>
      </c>
      <c r="DY30" s="296">
        <v>14550</v>
      </c>
      <c r="DZ30" s="296">
        <v>391080</v>
      </c>
      <c r="EA30" s="296">
        <v>414410</v>
      </c>
      <c r="EB30" s="296">
        <v>327035</v>
      </c>
      <c r="EC30" s="299">
        <v>1176175</v>
      </c>
      <c r="ED30" s="300">
        <v>1176175</v>
      </c>
      <c r="EE30" s="295">
        <v>0</v>
      </c>
      <c r="EF30" s="296">
        <v>0</v>
      </c>
      <c r="EG30" s="297">
        <v>0</v>
      </c>
      <c r="EH30" s="301"/>
      <c r="EI30" s="296">
        <v>21300</v>
      </c>
      <c r="EJ30" s="296">
        <v>82500</v>
      </c>
      <c r="EK30" s="296">
        <v>110376</v>
      </c>
      <c r="EL30" s="296">
        <v>47700</v>
      </c>
      <c r="EM30" s="296">
        <v>420</v>
      </c>
      <c r="EN30" s="299">
        <v>262296</v>
      </c>
      <c r="EO30" s="300">
        <v>262296</v>
      </c>
      <c r="EP30" s="295">
        <v>0</v>
      </c>
      <c r="EQ30" s="296">
        <v>0</v>
      </c>
      <c r="ER30" s="297">
        <v>0</v>
      </c>
      <c r="ES30" s="301"/>
      <c r="ET30" s="296">
        <v>0</v>
      </c>
      <c r="EU30" s="296">
        <v>0</v>
      </c>
      <c r="EV30" s="296">
        <v>0</v>
      </c>
      <c r="EW30" s="296">
        <v>0</v>
      </c>
      <c r="EX30" s="296">
        <v>0</v>
      </c>
      <c r="EY30" s="299">
        <v>0</v>
      </c>
      <c r="EZ30" s="300">
        <v>0</v>
      </c>
      <c r="FA30" s="295">
        <v>0</v>
      </c>
      <c r="FB30" s="296">
        <v>0</v>
      </c>
      <c r="FC30" s="297">
        <v>0</v>
      </c>
      <c r="FD30" s="301"/>
      <c r="FE30" s="296">
        <v>0</v>
      </c>
      <c r="FF30" s="296">
        <v>0</v>
      </c>
      <c r="FG30" s="296">
        <v>0</v>
      </c>
      <c r="FH30" s="296">
        <v>0</v>
      </c>
      <c r="FI30" s="296">
        <v>0</v>
      </c>
      <c r="FJ30" s="299">
        <v>0</v>
      </c>
      <c r="FK30" s="300">
        <v>0</v>
      </c>
      <c r="FL30" s="295">
        <v>0</v>
      </c>
      <c r="FM30" s="296">
        <v>0</v>
      </c>
      <c r="FN30" s="297">
        <v>0</v>
      </c>
      <c r="FO30" s="301"/>
      <c r="FP30" s="296">
        <v>0</v>
      </c>
      <c r="FQ30" s="296">
        <v>0</v>
      </c>
      <c r="FR30" s="296">
        <v>84300</v>
      </c>
      <c r="FS30" s="296">
        <v>62640</v>
      </c>
      <c r="FT30" s="296">
        <v>0</v>
      </c>
      <c r="FU30" s="299">
        <v>146940</v>
      </c>
      <c r="FV30" s="300">
        <v>146940</v>
      </c>
      <c r="FW30" s="295">
        <v>0</v>
      </c>
      <c r="FX30" s="296">
        <v>0</v>
      </c>
      <c r="FY30" s="297">
        <v>0</v>
      </c>
      <c r="FZ30" s="298">
        <v>0</v>
      </c>
      <c r="GA30" s="296">
        <v>8185</v>
      </c>
      <c r="GB30" s="296">
        <v>2457</v>
      </c>
      <c r="GC30" s="296">
        <v>26160</v>
      </c>
      <c r="GD30" s="296">
        <v>47752</v>
      </c>
      <c r="GE30" s="296">
        <v>13095</v>
      </c>
      <c r="GF30" s="299">
        <v>97649</v>
      </c>
      <c r="GG30" s="300">
        <v>97649</v>
      </c>
      <c r="GH30" s="295">
        <v>0</v>
      </c>
      <c r="GI30" s="296">
        <v>0</v>
      </c>
      <c r="GJ30" s="297">
        <v>0</v>
      </c>
      <c r="GK30" s="298">
        <v>0</v>
      </c>
      <c r="GL30" s="296">
        <v>0</v>
      </c>
      <c r="GM30" s="296">
        <v>0</v>
      </c>
      <c r="GN30" s="296">
        <v>0</v>
      </c>
      <c r="GO30" s="296">
        <v>2148</v>
      </c>
      <c r="GP30" s="296">
        <v>0</v>
      </c>
      <c r="GQ30" s="299">
        <v>2148</v>
      </c>
      <c r="GR30" s="300">
        <v>2148</v>
      </c>
      <c r="GS30" s="295">
        <v>0</v>
      </c>
      <c r="GT30" s="296">
        <v>0</v>
      </c>
      <c r="GU30" s="297">
        <v>0</v>
      </c>
      <c r="GV30" s="298">
        <v>0</v>
      </c>
      <c r="GW30" s="296">
        <v>0</v>
      </c>
      <c r="GX30" s="296">
        <v>0</v>
      </c>
      <c r="GY30" s="296">
        <v>0</v>
      </c>
      <c r="GZ30" s="296">
        <v>0</v>
      </c>
      <c r="HA30" s="296">
        <v>0</v>
      </c>
      <c r="HB30" s="299">
        <v>0</v>
      </c>
      <c r="HC30" s="300">
        <v>0</v>
      </c>
      <c r="HD30" s="295">
        <v>0</v>
      </c>
      <c r="HE30" s="296">
        <v>0</v>
      </c>
      <c r="HF30" s="297">
        <v>0</v>
      </c>
      <c r="HG30" s="301"/>
      <c r="HH30" s="296">
        <v>0</v>
      </c>
      <c r="HI30" s="296">
        <v>0</v>
      </c>
      <c r="HJ30" s="296">
        <v>0</v>
      </c>
      <c r="HK30" s="296">
        <v>0</v>
      </c>
      <c r="HL30" s="296">
        <v>0</v>
      </c>
      <c r="HM30" s="299">
        <v>0</v>
      </c>
      <c r="HN30" s="300">
        <v>0</v>
      </c>
      <c r="HO30" s="295">
        <v>0</v>
      </c>
      <c r="HP30" s="296">
        <v>0</v>
      </c>
      <c r="HQ30" s="297">
        <v>0</v>
      </c>
      <c r="HR30" s="298">
        <v>0</v>
      </c>
      <c r="HS30" s="296">
        <v>125875</v>
      </c>
      <c r="HT30" s="296">
        <v>258252</v>
      </c>
      <c r="HU30" s="296">
        <v>1264951</v>
      </c>
      <c r="HV30" s="296">
        <v>1112745</v>
      </c>
      <c r="HW30" s="296">
        <v>683720</v>
      </c>
      <c r="HX30" s="299">
        <v>3445543</v>
      </c>
      <c r="HY30" s="300">
        <v>3445543</v>
      </c>
    </row>
    <row r="31" spans="2:233" ht="19.8" customHeight="1" x14ac:dyDescent="0.2">
      <c r="B31" s="293" t="s">
        <v>28</v>
      </c>
      <c r="C31" s="295">
        <v>0</v>
      </c>
      <c r="D31" s="296">
        <v>0</v>
      </c>
      <c r="E31" s="297">
        <v>0</v>
      </c>
      <c r="F31" s="298">
        <v>0</v>
      </c>
      <c r="G31" s="296">
        <v>0</v>
      </c>
      <c r="H31" s="296">
        <v>33015</v>
      </c>
      <c r="I31" s="296">
        <v>275350</v>
      </c>
      <c r="J31" s="296">
        <v>116943</v>
      </c>
      <c r="K31" s="296">
        <v>117630</v>
      </c>
      <c r="L31" s="299">
        <v>542938</v>
      </c>
      <c r="M31" s="300">
        <v>542938</v>
      </c>
      <c r="N31" s="295">
        <v>0</v>
      </c>
      <c r="O31" s="296">
        <v>0</v>
      </c>
      <c r="P31" s="297">
        <v>0</v>
      </c>
      <c r="Q31" s="301"/>
      <c r="R31" s="296">
        <v>0</v>
      </c>
      <c r="S31" s="296">
        <v>29700</v>
      </c>
      <c r="T31" s="296">
        <v>186750</v>
      </c>
      <c r="U31" s="296">
        <v>80400</v>
      </c>
      <c r="V31" s="296">
        <v>84840</v>
      </c>
      <c r="W31" s="299">
        <v>381690</v>
      </c>
      <c r="X31" s="300">
        <v>381690</v>
      </c>
      <c r="Y31" s="295">
        <v>0</v>
      </c>
      <c r="Z31" s="296">
        <v>0</v>
      </c>
      <c r="AA31" s="297">
        <v>0</v>
      </c>
      <c r="AB31" s="301"/>
      <c r="AC31" s="296">
        <v>0</v>
      </c>
      <c r="AD31" s="296">
        <v>3315</v>
      </c>
      <c r="AE31" s="296">
        <v>55500</v>
      </c>
      <c r="AF31" s="296">
        <v>26400</v>
      </c>
      <c r="AG31" s="296">
        <v>31650</v>
      </c>
      <c r="AH31" s="299">
        <v>116865</v>
      </c>
      <c r="AI31" s="300">
        <v>116865</v>
      </c>
      <c r="AJ31" s="295">
        <v>0</v>
      </c>
      <c r="AK31" s="296">
        <v>0</v>
      </c>
      <c r="AL31" s="297">
        <v>0</v>
      </c>
      <c r="AM31" s="301"/>
      <c r="AN31" s="296">
        <v>0</v>
      </c>
      <c r="AO31" s="296">
        <v>0</v>
      </c>
      <c r="AP31" s="296">
        <v>0</v>
      </c>
      <c r="AQ31" s="296">
        <v>0</v>
      </c>
      <c r="AR31" s="296">
        <v>0</v>
      </c>
      <c r="AS31" s="299">
        <v>0</v>
      </c>
      <c r="AT31" s="300">
        <v>0</v>
      </c>
      <c r="AU31" s="295">
        <v>0</v>
      </c>
      <c r="AV31" s="296">
        <v>0</v>
      </c>
      <c r="AW31" s="297">
        <v>0</v>
      </c>
      <c r="AX31" s="301"/>
      <c r="AY31" s="296">
        <v>0</v>
      </c>
      <c r="AZ31" s="296">
        <v>0</v>
      </c>
      <c r="BA31" s="296">
        <v>0</v>
      </c>
      <c r="BB31" s="296">
        <v>0</v>
      </c>
      <c r="BC31" s="296">
        <v>0</v>
      </c>
      <c r="BD31" s="299">
        <v>0</v>
      </c>
      <c r="BE31" s="300">
        <v>0</v>
      </c>
      <c r="BF31" s="295">
        <v>0</v>
      </c>
      <c r="BG31" s="296">
        <v>0</v>
      </c>
      <c r="BH31" s="297">
        <v>0</v>
      </c>
      <c r="BI31" s="301"/>
      <c r="BJ31" s="296">
        <v>0</v>
      </c>
      <c r="BK31" s="296">
        <v>0</v>
      </c>
      <c r="BL31" s="296">
        <v>31650</v>
      </c>
      <c r="BM31" s="296">
        <v>0</v>
      </c>
      <c r="BN31" s="296">
        <v>0</v>
      </c>
      <c r="BO31" s="299">
        <v>31650</v>
      </c>
      <c r="BP31" s="300">
        <v>31650</v>
      </c>
      <c r="BQ31" s="295">
        <v>0</v>
      </c>
      <c r="BR31" s="296">
        <v>0</v>
      </c>
      <c r="BS31" s="297">
        <v>0</v>
      </c>
      <c r="BT31" s="298">
        <v>0</v>
      </c>
      <c r="BU31" s="296">
        <v>0</v>
      </c>
      <c r="BV31" s="296">
        <v>0</v>
      </c>
      <c r="BW31" s="296">
        <v>1450</v>
      </c>
      <c r="BX31" s="296">
        <v>10143</v>
      </c>
      <c r="BY31" s="296">
        <v>0</v>
      </c>
      <c r="BZ31" s="299">
        <v>11593</v>
      </c>
      <c r="CA31" s="300">
        <v>11593</v>
      </c>
      <c r="CB31" s="295">
        <v>0</v>
      </c>
      <c r="CC31" s="296">
        <v>0</v>
      </c>
      <c r="CD31" s="297">
        <v>0</v>
      </c>
      <c r="CE31" s="298">
        <v>0</v>
      </c>
      <c r="CF31" s="296">
        <v>0</v>
      </c>
      <c r="CG31" s="296">
        <v>0</v>
      </c>
      <c r="CH31" s="296">
        <v>0</v>
      </c>
      <c r="CI31" s="296">
        <v>0</v>
      </c>
      <c r="CJ31" s="296">
        <v>1140</v>
      </c>
      <c r="CK31" s="299">
        <v>1140</v>
      </c>
      <c r="CL31" s="300">
        <v>1140</v>
      </c>
      <c r="CM31" s="295">
        <v>0</v>
      </c>
      <c r="CN31" s="296">
        <v>0</v>
      </c>
      <c r="CO31" s="297">
        <v>0</v>
      </c>
      <c r="CP31" s="298">
        <v>0</v>
      </c>
      <c r="CQ31" s="296">
        <v>0</v>
      </c>
      <c r="CR31" s="296">
        <v>0</v>
      </c>
      <c r="CS31" s="296">
        <v>0</v>
      </c>
      <c r="CT31" s="296">
        <v>0</v>
      </c>
      <c r="CU31" s="296">
        <v>0</v>
      </c>
      <c r="CV31" s="299">
        <v>0</v>
      </c>
      <c r="CW31" s="300">
        <v>0</v>
      </c>
      <c r="CX31" s="295">
        <v>0</v>
      </c>
      <c r="CY31" s="296">
        <v>0</v>
      </c>
      <c r="CZ31" s="297">
        <v>0</v>
      </c>
      <c r="DA31" s="301"/>
      <c r="DB31" s="296">
        <v>0</v>
      </c>
      <c r="DC31" s="296">
        <v>0</v>
      </c>
      <c r="DD31" s="296">
        <v>0</v>
      </c>
      <c r="DE31" s="296">
        <v>0</v>
      </c>
      <c r="DF31" s="296">
        <v>0</v>
      </c>
      <c r="DG31" s="299">
        <v>0</v>
      </c>
      <c r="DH31" s="300">
        <v>0</v>
      </c>
      <c r="DI31" s="295">
        <v>0</v>
      </c>
      <c r="DJ31" s="296">
        <v>0</v>
      </c>
      <c r="DK31" s="297">
        <v>0</v>
      </c>
      <c r="DL31" s="298">
        <v>0</v>
      </c>
      <c r="DM31" s="296">
        <v>0</v>
      </c>
      <c r="DN31" s="296">
        <v>38202</v>
      </c>
      <c r="DO31" s="296">
        <v>160385</v>
      </c>
      <c r="DP31" s="296">
        <v>151608</v>
      </c>
      <c r="DQ31" s="296">
        <v>79814</v>
      </c>
      <c r="DR31" s="299">
        <v>430009</v>
      </c>
      <c r="DS31" s="302">
        <v>430009</v>
      </c>
      <c r="DT31" s="295">
        <v>0</v>
      </c>
      <c r="DU31" s="296">
        <v>0</v>
      </c>
      <c r="DV31" s="297">
        <v>0</v>
      </c>
      <c r="DW31" s="301"/>
      <c r="DX31" s="296">
        <v>0</v>
      </c>
      <c r="DY31" s="296">
        <v>14100</v>
      </c>
      <c r="DZ31" s="296">
        <v>118080</v>
      </c>
      <c r="EA31" s="296">
        <v>114900</v>
      </c>
      <c r="EB31" s="296">
        <v>78530</v>
      </c>
      <c r="EC31" s="299">
        <v>325610</v>
      </c>
      <c r="ED31" s="300">
        <v>325610</v>
      </c>
      <c r="EE31" s="295">
        <v>0</v>
      </c>
      <c r="EF31" s="296">
        <v>0</v>
      </c>
      <c r="EG31" s="297">
        <v>0</v>
      </c>
      <c r="EH31" s="301"/>
      <c r="EI31" s="296">
        <v>0</v>
      </c>
      <c r="EJ31" s="296">
        <v>24102</v>
      </c>
      <c r="EK31" s="296">
        <v>420</v>
      </c>
      <c r="EL31" s="296">
        <v>21480</v>
      </c>
      <c r="EM31" s="296">
        <v>210</v>
      </c>
      <c r="EN31" s="299">
        <v>46212</v>
      </c>
      <c r="EO31" s="300">
        <v>46212</v>
      </c>
      <c r="EP31" s="295">
        <v>0</v>
      </c>
      <c r="EQ31" s="296">
        <v>0</v>
      </c>
      <c r="ER31" s="297">
        <v>0</v>
      </c>
      <c r="ES31" s="301"/>
      <c r="ET31" s="296">
        <v>0</v>
      </c>
      <c r="EU31" s="296">
        <v>0</v>
      </c>
      <c r="EV31" s="296">
        <v>0</v>
      </c>
      <c r="EW31" s="296">
        <v>0</v>
      </c>
      <c r="EX31" s="296">
        <v>0</v>
      </c>
      <c r="EY31" s="299">
        <v>0</v>
      </c>
      <c r="EZ31" s="300">
        <v>0</v>
      </c>
      <c r="FA31" s="295">
        <v>0</v>
      </c>
      <c r="FB31" s="296">
        <v>0</v>
      </c>
      <c r="FC31" s="297">
        <v>0</v>
      </c>
      <c r="FD31" s="301"/>
      <c r="FE31" s="296">
        <v>0</v>
      </c>
      <c r="FF31" s="296">
        <v>0</v>
      </c>
      <c r="FG31" s="296">
        <v>0</v>
      </c>
      <c r="FH31" s="296">
        <v>0</v>
      </c>
      <c r="FI31" s="296">
        <v>0</v>
      </c>
      <c r="FJ31" s="299">
        <v>0</v>
      </c>
      <c r="FK31" s="300">
        <v>0</v>
      </c>
      <c r="FL31" s="295">
        <v>0</v>
      </c>
      <c r="FM31" s="296">
        <v>0</v>
      </c>
      <c r="FN31" s="297">
        <v>0</v>
      </c>
      <c r="FO31" s="301"/>
      <c r="FP31" s="296">
        <v>0</v>
      </c>
      <c r="FQ31" s="296">
        <v>0</v>
      </c>
      <c r="FR31" s="296">
        <v>35580</v>
      </c>
      <c r="FS31" s="296">
        <v>0</v>
      </c>
      <c r="FT31" s="296">
        <v>0</v>
      </c>
      <c r="FU31" s="299">
        <v>35580</v>
      </c>
      <c r="FV31" s="300">
        <v>35580</v>
      </c>
      <c r="FW31" s="295">
        <v>0</v>
      </c>
      <c r="FX31" s="296">
        <v>0</v>
      </c>
      <c r="FY31" s="297">
        <v>0</v>
      </c>
      <c r="FZ31" s="298">
        <v>0</v>
      </c>
      <c r="GA31" s="296">
        <v>0</v>
      </c>
      <c r="GB31" s="296">
        <v>0</v>
      </c>
      <c r="GC31" s="296">
        <v>6305</v>
      </c>
      <c r="GD31" s="296">
        <v>15228</v>
      </c>
      <c r="GE31" s="296">
        <v>0</v>
      </c>
      <c r="GF31" s="299">
        <v>21533</v>
      </c>
      <c r="GG31" s="300">
        <v>21533</v>
      </c>
      <c r="GH31" s="295">
        <v>0</v>
      </c>
      <c r="GI31" s="296">
        <v>0</v>
      </c>
      <c r="GJ31" s="297">
        <v>0</v>
      </c>
      <c r="GK31" s="298">
        <v>0</v>
      </c>
      <c r="GL31" s="296">
        <v>0</v>
      </c>
      <c r="GM31" s="296">
        <v>0</v>
      </c>
      <c r="GN31" s="296">
        <v>0</v>
      </c>
      <c r="GO31" s="296">
        <v>0</v>
      </c>
      <c r="GP31" s="296">
        <v>1074</v>
      </c>
      <c r="GQ31" s="299">
        <v>1074</v>
      </c>
      <c r="GR31" s="300">
        <v>1074</v>
      </c>
      <c r="GS31" s="295">
        <v>0</v>
      </c>
      <c r="GT31" s="296">
        <v>0</v>
      </c>
      <c r="GU31" s="297">
        <v>0</v>
      </c>
      <c r="GV31" s="298">
        <v>0</v>
      </c>
      <c r="GW31" s="296">
        <v>0</v>
      </c>
      <c r="GX31" s="296">
        <v>0</v>
      </c>
      <c r="GY31" s="296">
        <v>0</v>
      </c>
      <c r="GZ31" s="296">
        <v>0</v>
      </c>
      <c r="HA31" s="296">
        <v>0</v>
      </c>
      <c r="HB31" s="299">
        <v>0</v>
      </c>
      <c r="HC31" s="300">
        <v>0</v>
      </c>
      <c r="HD31" s="295">
        <v>0</v>
      </c>
      <c r="HE31" s="296">
        <v>0</v>
      </c>
      <c r="HF31" s="297">
        <v>0</v>
      </c>
      <c r="HG31" s="301"/>
      <c r="HH31" s="296">
        <v>0</v>
      </c>
      <c r="HI31" s="296">
        <v>0</v>
      </c>
      <c r="HJ31" s="296">
        <v>0</v>
      </c>
      <c r="HK31" s="296">
        <v>0</v>
      </c>
      <c r="HL31" s="296">
        <v>0</v>
      </c>
      <c r="HM31" s="299">
        <v>0</v>
      </c>
      <c r="HN31" s="300">
        <v>0</v>
      </c>
      <c r="HO31" s="295">
        <v>0</v>
      </c>
      <c r="HP31" s="296">
        <v>0</v>
      </c>
      <c r="HQ31" s="297">
        <v>0</v>
      </c>
      <c r="HR31" s="298">
        <v>0</v>
      </c>
      <c r="HS31" s="296">
        <v>0</v>
      </c>
      <c r="HT31" s="296">
        <v>71217</v>
      </c>
      <c r="HU31" s="296">
        <v>435735</v>
      </c>
      <c r="HV31" s="296">
        <v>268551</v>
      </c>
      <c r="HW31" s="296">
        <v>197444</v>
      </c>
      <c r="HX31" s="299">
        <v>972947</v>
      </c>
      <c r="HY31" s="300">
        <v>972947</v>
      </c>
    </row>
    <row r="32" spans="2:233" ht="19.8" customHeight="1" x14ac:dyDescent="0.2">
      <c r="B32" s="293" t="s">
        <v>29</v>
      </c>
      <c r="C32" s="295">
        <v>0</v>
      </c>
      <c r="D32" s="296">
        <v>0</v>
      </c>
      <c r="E32" s="297">
        <v>0</v>
      </c>
      <c r="F32" s="298">
        <v>0</v>
      </c>
      <c r="G32" s="296">
        <v>2550</v>
      </c>
      <c r="H32" s="296">
        <v>185210</v>
      </c>
      <c r="I32" s="296">
        <v>261587</v>
      </c>
      <c r="J32" s="296">
        <v>454015</v>
      </c>
      <c r="K32" s="296">
        <v>247645</v>
      </c>
      <c r="L32" s="299">
        <v>1151007</v>
      </c>
      <c r="M32" s="300">
        <v>1151007</v>
      </c>
      <c r="N32" s="295">
        <v>0</v>
      </c>
      <c r="O32" s="296">
        <v>0</v>
      </c>
      <c r="P32" s="297">
        <v>0</v>
      </c>
      <c r="Q32" s="301"/>
      <c r="R32" s="296">
        <v>0</v>
      </c>
      <c r="S32" s="296">
        <v>0</v>
      </c>
      <c r="T32" s="296">
        <v>154425</v>
      </c>
      <c r="U32" s="296">
        <v>237300</v>
      </c>
      <c r="V32" s="296">
        <v>157655</v>
      </c>
      <c r="W32" s="299">
        <v>549380</v>
      </c>
      <c r="X32" s="300">
        <v>549380</v>
      </c>
      <c r="Y32" s="295">
        <v>0</v>
      </c>
      <c r="Z32" s="296">
        <v>0</v>
      </c>
      <c r="AA32" s="297">
        <v>0</v>
      </c>
      <c r="AB32" s="301"/>
      <c r="AC32" s="296">
        <v>2550</v>
      </c>
      <c r="AD32" s="296">
        <v>175355</v>
      </c>
      <c r="AE32" s="296">
        <v>50250</v>
      </c>
      <c r="AF32" s="296">
        <v>34200</v>
      </c>
      <c r="AG32" s="296">
        <v>85</v>
      </c>
      <c r="AH32" s="299">
        <v>262440</v>
      </c>
      <c r="AI32" s="300">
        <v>262440</v>
      </c>
      <c r="AJ32" s="295">
        <v>0</v>
      </c>
      <c r="AK32" s="296">
        <v>0</v>
      </c>
      <c r="AL32" s="297">
        <v>0</v>
      </c>
      <c r="AM32" s="301"/>
      <c r="AN32" s="296">
        <v>0</v>
      </c>
      <c r="AO32" s="296">
        <v>0</v>
      </c>
      <c r="AP32" s="296">
        <v>0</v>
      </c>
      <c r="AQ32" s="296">
        <v>0</v>
      </c>
      <c r="AR32" s="296">
        <v>0</v>
      </c>
      <c r="AS32" s="299">
        <v>0</v>
      </c>
      <c r="AT32" s="300">
        <v>0</v>
      </c>
      <c r="AU32" s="295">
        <v>0</v>
      </c>
      <c r="AV32" s="296">
        <v>0</v>
      </c>
      <c r="AW32" s="297">
        <v>0</v>
      </c>
      <c r="AX32" s="301"/>
      <c r="AY32" s="296">
        <v>0</v>
      </c>
      <c r="AZ32" s="296">
        <v>0</v>
      </c>
      <c r="BA32" s="296">
        <v>0</v>
      </c>
      <c r="BB32" s="296">
        <v>0</v>
      </c>
      <c r="BC32" s="296">
        <v>0</v>
      </c>
      <c r="BD32" s="299">
        <v>0</v>
      </c>
      <c r="BE32" s="300">
        <v>0</v>
      </c>
      <c r="BF32" s="295">
        <v>0</v>
      </c>
      <c r="BG32" s="296">
        <v>0</v>
      </c>
      <c r="BH32" s="297">
        <v>0</v>
      </c>
      <c r="BI32" s="301"/>
      <c r="BJ32" s="296">
        <v>0</v>
      </c>
      <c r="BK32" s="296">
        <v>2550</v>
      </c>
      <c r="BL32" s="296">
        <v>7650</v>
      </c>
      <c r="BM32" s="296">
        <v>182515</v>
      </c>
      <c r="BN32" s="296">
        <v>87150</v>
      </c>
      <c r="BO32" s="299">
        <v>279865</v>
      </c>
      <c r="BP32" s="300">
        <v>279865</v>
      </c>
      <c r="BQ32" s="295">
        <v>0</v>
      </c>
      <c r="BR32" s="296">
        <v>0</v>
      </c>
      <c r="BS32" s="297">
        <v>0</v>
      </c>
      <c r="BT32" s="298">
        <v>0</v>
      </c>
      <c r="BU32" s="296">
        <v>0</v>
      </c>
      <c r="BV32" s="296">
        <v>1160</v>
      </c>
      <c r="BW32" s="296">
        <v>49117</v>
      </c>
      <c r="BX32" s="296">
        <v>0</v>
      </c>
      <c r="BY32" s="296">
        <v>2755</v>
      </c>
      <c r="BZ32" s="299">
        <v>53032</v>
      </c>
      <c r="CA32" s="300">
        <v>53032</v>
      </c>
      <c r="CB32" s="295">
        <v>0</v>
      </c>
      <c r="CC32" s="296">
        <v>0</v>
      </c>
      <c r="CD32" s="297">
        <v>0</v>
      </c>
      <c r="CE32" s="298">
        <v>0</v>
      </c>
      <c r="CF32" s="296">
        <v>0</v>
      </c>
      <c r="CG32" s="296">
        <v>6145</v>
      </c>
      <c r="CH32" s="296">
        <v>145</v>
      </c>
      <c r="CI32" s="296">
        <v>0</v>
      </c>
      <c r="CJ32" s="296">
        <v>0</v>
      </c>
      <c r="CK32" s="299">
        <v>6290</v>
      </c>
      <c r="CL32" s="300">
        <v>6290</v>
      </c>
      <c r="CM32" s="295">
        <v>0</v>
      </c>
      <c r="CN32" s="296">
        <v>0</v>
      </c>
      <c r="CO32" s="297">
        <v>0</v>
      </c>
      <c r="CP32" s="298">
        <v>0</v>
      </c>
      <c r="CQ32" s="296">
        <v>0</v>
      </c>
      <c r="CR32" s="296">
        <v>0</v>
      </c>
      <c r="CS32" s="296">
        <v>0</v>
      </c>
      <c r="CT32" s="296">
        <v>0</v>
      </c>
      <c r="CU32" s="296">
        <v>0</v>
      </c>
      <c r="CV32" s="299">
        <v>0</v>
      </c>
      <c r="CW32" s="300">
        <v>0</v>
      </c>
      <c r="CX32" s="295">
        <v>0</v>
      </c>
      <c r="CY32" s="296">
        <v>0</v>
      </c>
      <c r="CZ32" s="297">
        <v>0</v>
      </c>
      <c r="DA32" s="301"/>
      <c r="DB32" s="296">
        <v>0</v>
      </c>
      <c r="DC32" s="296">
        <v>0</v>
      </c>
      <c r="DD32" s="296">
        <v>0</v>
      </c>
      <c r="DE32" s="296">
        <v>0</v>
      </c>
      <c r="DF32" s="296">
        <v>0</v>
      </c>
      <c r="DG32" s="299">
        <v>0</v>
      </c>
      <c r="DH32" s="300">
        <v>0</v>
      </c>
      <c r="DI32" s="295">
        <v>0</v>
      </c>
      <c r="DJ32" s="296">
        <v>0</v>
      </c>
      <c r="DK32" s="297">
        <v>0</v>
      </c>
      <c r="DL32" s="298">
        <v>0</v>
      </c>
      <c r="DM32" s="296">
        <v>210</v>
      </c>
      <c r="DN32" s="296">
        <v>78912</v>
      </c>
      <c r="DO32" s="296">
        <v>245539</v>
      </c>
      <c r="DP32" s="296">
        <v>455754</v>
      </c>
      <c r="DQ32" s="296">
        <v>235255</v>
      </c>
      <c r="DR32" s="299">
        <v>1015670</v>
      </c>
      <c r="DS32" s="302">
        <v>1015670</v>
      </c>
      <c r="DT32" s="295">
        <v>0</v>
      </c>
      <c r="DU32" s="296">
        <v>0</v>
      </c>
      <c r="DV32" s="297">
        <v>0</v>
      </c>
      <c r="DW32" s="301"/>
      <c r="DX32" s="296">
        <v>0</v>
      </c>
      <c r="DY32" s="296">
        <v>0</v>
      </c>
      <c r="DZ32" s="296">
        <v>140280</v>
      </c>
      <c r="EA32" s="296">
        <v>248970</v>
      </c>
      <c r="EB32" s="296">
        <v>133495</v>
      </c>
      <c r="EC32" s="299">
        <v>522745</v>
      </c>
      <c r="ED32" s="300">
        <v>522745</v>
      </c>
      <c r="EE32" s="295">
        <v>0</v>
      </c>
      <c r="EF32" s="296">
        <v>0</v>
      </c>
      <c r="EG32" s="297">
        <v>0</v>
      </c>
      <c r="EH32" s="301"/>
      <c r="EI32" s="296">
        <v>210</v>
      </c>
      <c r="EJ32" s="296">
        <v>46927</v>
      </c>
      <c r="EK32" s="296">
        <v>600</v>
      </c>
      <c r="EL32" s="296">
        <v>420</v>
      </c>
      <c r="EM32" s="296">
        <v>7</v>
      </c>
      <c r="EN32" s="299">
        <v>48164</v>
      </c>
      <c r="EO32" s="300">
        <v>48164</v>
      </c>
      <c r="EP32" s="295">
        <v>0</v>
      </c>
      <c r="EQ32" s="296">
        <v>0</v>
      </c>
      <c r="ER32" s="297">
        <v>0</v>
      </c>
      <c r="ES32" s="301"/>
      <c r="ET32" s="296">
        <v>0</v>
      </c>
      <c r="EU32" s="296">
        <v>0</v>
      </c>
      <c r="EV32" s="296">
        <v>0</v>
      </c>
      <c r="EW32" s="296">
        <v>0</v>
      </c>
      <c r="EX32" s="296">
        <v>0</v>
      </c>
      <c r="EY32" s="299">
        <v>0</v>
      </c>
      <c r="EZ32" s="300">
        <v>0</v>
      </c>
      <c r="FA32" s="295">
        <v>0</v>
      </c>
      <c r="FB32" s="296">
        <v>0</v>
      </c>
      <c r="FC32" s="297">
        <v>0</v>
      </c>
      <c r="FD32" s="301"/>
      <c r="FE32" s="296">
        <v>0</v>
      </c>
      <c r="FF32" s="296">
        <v>0</v>
      </c>
      <c r="FG32" s="296">
        <v>0</v>
      </c>
      <c r="FH32" s="296">
        <v>0</v>
      </c>
      <c r="FI32" s="296">
        <v>0</v>
      </c>
      <c r="FJ32" s="299">
        <v>0</v>
      </c>
      <c r="FK32" s="300">
        <v>0</v>
      </c>
      <c r="FL32" s="295">
        <v>0</v>
      </c>
      <c r="FM32" s="296">
        <v>0</v>
      </c>
      <c r="FN32" s="297">
        <v>0</v>
      </c>
      <c r="FO32" s="301"/>
      <c r="FP32" s="296">
        <v>0</v>
      </c>
      <c r="FQ32" s="296">
        <v>20880</v>
      </c>
      <c r="FR32" s="296">
        <v>62640</v>
      </c>
      <c r="FS32" s="296">
        <v>206364</v>
      </c>
      <c r="FT32" s="296">
        <v>92040</v>
      </c>
      <c r="FU32" s="299">
        <v>381924</v>
      </c>
      <c r="FV32" s="300">
        <v>381924</v>
      </c>
      <c r="FW32" s="295">
        <v>0</v>
      </c>
      <c r="FX32" s="296">
        <v>0</v>
      </c>
      <c r="FY32" s="297">
        <v>0</v>
      </c>
      <c r="FZ32" s="298">
        <v>0</v>
      </c>
      <c r="GA32" s="296">
        <v>0</v>
      </c>
      <c r="GB32" s="296">
        <v>8073</v>
      </c>
      <c r="GC32" s="296">
        <v>42005</v>
      </c>
      <c r="GD32" s="296">
        <v>0</v>
      </c>
      <c r="GE32" s="296">
        <v>9713</v>
      </c>
      <c r="GF32" s="299">
        <v>59791</v>
      </c>
      <c r="GG32" s="300">
        <v>59791</v>
      </c>
      <c r="GH32" s="295">
        <v>0</v>
      </c>
      <c r="GI32" s="296">
        <v>0</v>
      </c>
      <c r="GJ32" s="297">
        <v>0</v>
      </c>
      <c r="GK32" s="298">
        <v>0</v>
      </c>
      <c r="GL32" s="296">
        <v>0</v>
      </c>
      <c r="GM32" s="296">
        <v>3032</v>
      </c>
      <c r="GN32" s="296">
        <v>14</v>
      </c>
      <c r="GO32" s="296">
        <v>0</v>
      </c>
      <c r="GP32" s="296">
        <v>0</v>
      </c>
      <c r="GQ32" s="299">
        <v>3046</v>
      </c>
      <c r="GR32" s="300">
        <v>3046</v>
      </c>
      <c r="GS32" s="295">
        <v>0</v>
      </c>
      <c r="GT32" s="296">
        <v>0</v>
      </c>
      <c r="GU32" s="297">
        <v>0</v>
      </c>
      <c r="GV32" s="298">
        <v>0</v>
      </c>
      <c r="GW32" s="296">
        <v>0</v>
      </c>
      <c r="GX32" s="296">
        <v>0</v>
      </c>
      <c r="GY32" s="296">
        <v>0</v>
      </c>
      <c r="GZ32" s="296">
        <v>0</v>
      </c>
      <c r="HA32" s="296">
        <v>0</v>
      </c>
      <c r="HB32" s="299">
        <v>0</v>
      </c>
      <c r="HC32" s="300">
        <v>0</v>
      </c>
      <c r="HD32" s="295">
        <v>0</v>
      </c>
      <c r="HE32" s="296">
        <v>0</v>
      </c>
      <c r="HF32" s="297">
        <v>0</v>
      </c>
      <c r="HG32" s="301"/>
      <c r="HH32" s="296">
        <v>0</v>
      </c>
      <c r="HI32" s="296">
        <v>0</v>
      </c>
      <c r="HJ32" s="296">
        <v>0</v>
      </c>
      <c r="HK32" s="296">
        <v>0</v>
      </c>
      <c r="HL32" s="296">
        <v>0</v>
      </c>
      <c r="HM32" s="299">
        <v>0</v>
      </c>
      <c r="HN32" s="300">
        <v>0</v>
      </c>
      <c r="HO32" s="295">
        <v>0</v>
      </c>
      <c r="HP32" s="296">
        <v>0</v>
      </c>
      <c r="HQ32" s="297">
        <v>0</v>
      </c>
      <c r="HR32" s="298">
        <v>0</v>
      </c>
      <c r="HS32" s="296">
        <v>2760</v>
      </c>
      <c r="HT32" s="296">
        <v>264122</v>
      </c>
      <c r="HU32" s="296">
        <v>507126</v>
      </c>
      <c r="HV32" s="296">
        <v>909769</v>
      </c>
      <c r="HW32" s="296">
        <v>482900</v>
      </c>
      <c r="HX32" s="299">
        <v>2166677</v>
      </c>
      <c r="HY32" s="300">
        <v>2166677</v>
      </c>
    </row>
    <row r="33" spans="2:233" ht="19.8" customHeight="1" x14ac:dyDescent="0.2">
      <c r="B33" s="293" t="s">
        <v>30</v>
      </c>
      <c r="C33" s="295">
        <v>0</v>
      </c>
      <c r="D33" s="296">
        <v>0</v>
      </c>
      <c r="E33" s="297">
        <v>0</v>
      </c>
      <c r="F33" s="298">
        <v>0</v>
      </c>
      <c r="G33" s="296">
        <v>61180</v>
      </c>
      <c r="H33" s="296">
        <v>46690</v>
      </c>
      <c r="I33" s="296">
        <v>243780</v>
      </c>
      <c r="J33" s="296">
        <v>299935</v>
      </c>
      <c r="K33" s="296">
        <v>264920</v>
      </c>
      <c r="L33" s="299">
        <v>916505</v>
      </c>
      <c r="M33" s="300">
        <v>916505</v>
      </c>
      <c r="N33" s="295">
        <v>0</v>
      </c>
      <c r="O33" s="296">
        <v>0</v>
      </c>
      <c r="P33" s="297">
        <v>0</v>
      </c>
      <c r="Q33" s="301"/>
      <c r="R33" s="296">
        <v>2550</v>
      </c>
      <c r="S33" s="296">
        <v>22260</v>
      </c>
      <c r="T33" s="296">
        <v>199185</v>
      </c>
      <c r="U33" s="296">
        <v>173745</v>
      </c>
      <c r="V33" s="296">
        <v>264920</v>
      </c>
      <c r="W33" s="299">
        <v>662660</v>
      </c>
      <c r="X33" s="300">
        <v>662660</v>
      </c>
      <c r="Y33" s="295">
        <v>0</v>
      </c>
      <c r="Z33" s="296">
        <v>0</v>
      </c>
      <c r="AA33" s="297">
        <v>0</v>
      </c>
      <c r="AB33" s="301"/>
      <c r="AC33" s="296">
        <v>58050</v>
      </c>
      <c r="AD33" s="296">
        <v>23850</v>
      </c>
      <c r="AE33" s="296">
        <v>44400</v>
      </c>
      <c r="AF33" s="296">
        <v>118650</v>
      </c>
      <c r="AG33" s="296">
        <v>0</v>
      </c>
      <c r="AH33" s="299">
        <v>244950</v>
      </c>
      <c r="AI33" s="300">
        <v>244950</v>
      </c>
      <c r="AJ33" s="295">
        <v>0</v>
      </c>
      <c r="AK33" s="296">
        <v>0</v>
      </c>
      <c r="AL33" s="297">
        <v>0</v>
      </c>
      <c r="AM33" s="301"/>
      <c r="AN33" s="296">
        <v>0</v>
      </c>
      <c r="AO33" s="296">
        <v>0</v>
      </c>
      <c r="AP33" s="296">
        <v>0</v>
      </c>
      <c r="AQ33" s="296">
        <v>0</v>
      </c>
      <c r="AR33" s="296">
        <v>0</v>
      </c>
      <c r="AS33" s="299">
        <v>0</v>
      </c>
      <c r="AT33" s="300">
        <v>0</v>
      </c>
      <c r="AU33" s="295">
        <v>0</v>
      </c>
      <c r="AV33" s="296">
        <v>0</v>
      </c>
      <c r="AW33" s="297">
        <v>0</v>
      </c>
      <c r="AX33" s="301"/>
      <c r="AY33" s="296">
        <v>0</v>
      </c>
      <c r="AZ33" s="296">
        <v>0</v>
      </c>
      <c r="BA33" s="296">
        <v>0</v>
      </c>
      <c r="BB33" s="296">
        <v>0</v>
      </c>
      <c r="BC33" s="296">
        <v>0</v>
      </c>
      <c r="BD33" s="299">
        <v>0</v>
      </c>
      <c r="BE33" s="300">
        <v>0</v>
      </c>
      <c r="BF33" s="295">
        <v>0</v>
      </c>
      <c r="BG33" s="296">
        <v>0</v>
      </c>
      <c r="BH33" s="297">
        <v>0</v>
      </c>
      <c r="BI33" s="301"/>
      <c r="BJ33" s="296">
        <v>0</v>
      </c>
      <c r="BK33" s="296">
        <v>0</v>
      </c>
      <c r="BL33" s="296">
        <v>0</v>
      </c>
      <c r="BM33" s="296">
        <v>0</v>
      </c>
      <c r="BN33" s="296">
        <v>0</v>
      </c>
      <c r="BO33" s="299">
        <v>0</v>
      </c>
      <c r="BP33" s="300">
        <v>0</v>
      </c>
      <c r="BQ33" s="295">
        <v>0</v>
      </c>
      <c r="BR33" s="296">
        <v>0</v>
      </c>
      <c r="BS33" s="297">
        <v>0</v>
      </c>
      <c r="BT33" s="298">
        <v>0</v>
      </c>
      <c r="BU33" s="296">
        <v>580</v>
      </c>
      <c r="BV33" s="296">
        <v>580</v>
      </c>
      <c r="BW33" s="296">
        <v>195</v>
      </c>
      <c r="BX33" s="296">
        <v>5655</v>
      </c>
      <c r="BY33" s="296">
        <v>0</v>
      </c>
      <c r="BZ33" s="299">
        <v>7010</v>
      </c>
      <c r="CA33" s="300">
        <v>7010</v>
      </c>
      <c r="CB33" s="295">
        <v>0</v>
      </c>
      <c r="CC33" s="296">
        <v>0</v>
      </c>
      <c r="CD33" s="297">
        <v>0</v>
      </c>
      <c r="CE33" s="298">
        <v>0</v>
      </c>
      <c r="CF33" s="296">
        <v>0</v>
      </c>
      <c r="CG33" s="296">
        <v>0</v>
      </c>
      <c r="CH33" s="296">
        <v>0</v>
      </c>
      <c r="CI33" s="296">
        <v>1885</v>
      </c>
      <c r="CJ33" s="296">
        <v>0</v>
      </c>
      <c r="CK33" s="299">
        <v>1885</v>
      </c>
      <c r="CL33" s="300">
        <v>1885</v>
      </c>
      <c r="CM33" s="295">
        <v>0</v>
      </c>
      <c r="CN33" s="296">
        <v>0</v>
      </c>
      <c r="CO33" s="297">
        <v>0</v>
      </c>
      <c r="CP33" s="298">
        <v>0</v>
      </c>
      <c r="CQ33" s="296">
        <v>0</v>
      </c>
      <c r="CR33" s="296">
        <v>0</v>
      </c>
      <c r="CS33" s="296">
        <v>0</v>
      </c>
      <c r="CT33" s="296">
        <v>0</v>
      </c>
      <c r="CU33" s="296">
        <v>0</v>
      </c>
      <c r="CV33" s="299">
        <v>0</v>
      </c>
      <c r="CW33" s="300">
        <v>0</v>
      </c>
      <c r="CX33" s="295">
        <v>0</v>
      </c>
      <c r="CY33" s="296">
        <v>0</v>
      </c>
      <c r="CZ33" s="297">
        <v>0</v>
      </c>
      <c r="DA33" s="301"/>
      <c r="DB33" s="296">
        <v>0</v>
      </c>
      <c r="DC33" s="296">
        <v>0</v>
      </c>
      <c r="DD33" s="296">
        <v>0</v>
      </c>
      <c r="DE33" s="296">
        <v>0</v>
      </c>
      <c r="DF33" s="296">
        <v>0</v>
      </c>
      <c r="DG33" s="299">
        <v>0</v>
      </c>
      <c r="DH33" s="300">
        <v>0</v>
      </c>
      <c r="DI33" s="295">
        <v>0</v>
      </c>
      <c r="DJ33" s="296">
        <v>0</v>
      </c>
      <c r="DK33" s="297">
        <v>0</v>
      </c>
      <c r="DL33" s="298">
        <v>0</v>
      </c>
      <c r="DM33" s="296">
        <v>59448</v>
      </c>
      <c r="DN33" s="296">
        <v>19055</v>
      </c>
      <c r="DO33" s="296">
        <v>344707</v>
      </c>
      <c r="DP33" s="296">
        <v>259732</v>
      </c>
      <c r="DQ33" s="296">
        <v>272135</v>
      </c>
      <c r="DR33" s="299">
        <v>955077</v>
      </c>
      <c r="DS33" s="302">
        <v>955077</v>
      </c>
      <c r="DT33" s="295">
        <v>0</v>
      </c>
      <c r="DU33" s="296">
        <v>0</v>
      </c>
      <c r="DV33" s="297">
        <v>0</v>
      </c>
      <c r="DW33" s="301"/>
      <c r="DX33" s="296">
        <v>20880</v>
      </c>
      <c r="DY33" s="296">
        <v>13580</v>
      </c>
      <c r="DZ33" s="296">
        <v>310370</v>
      </c>
      <c r="EA33" s="296">
        <v>228687</v>
      </c>
      <c r="EB33" s="296">
        <v>272135</v>
      </c>
      <c r="EC33" s="299">
        <v>845652</v>
      </c>
      <c r="ED33" s="300">
        <v>845652</v>
      </c>
      <c r="EE33" s="295">
        <v>0</v>
      </c>
      <c r="EF33" s="296">
        <v>0</v>
      </c>
      <c r="EG33" s="297">
        <v>0</v>
      </c>
      <c r="EH33" s="301"/>
      <c r="EI33" s="296">
        <v>35760</v>
      </c>
      <c r="EJ33" s="296">
        <v>210</v>
      </c>
      <c r="EK33" s="296">
        <v>32460</v>
      </c>
      <c r="EL33" s="296">
        <v>12000</v>
      </c>
      <c r="EM33" s="296">
        <v>0</v>
      </c>
      <c r="EN33" s="299">
        <v>80430</v>
      </c>
      <c r="EO33" s="300">
        <v>80430</v>
      </c>
      <c r="EP33" s="295">
        <v>0</v>
      </c>
      <c r="EQ33" s="296">
        <v>0</v>
      </c>
      <c r="ER33" s="297">
        <v>0</v>
      </c>
      <c r="ES33" s="301"/>
      <c r="ET33" s="296">
        <v>0</v>
      </c>
      <c r="EU33" s="296">
        <v>0</v>
      </c>
      <c r="EV33" s="296">
        <v>0</v>
      </c>
      <c r="EW33" s="296">
        <v>0</v>
      </c>
      <c r="EX33" s="296">
        <v>0</v>
      </c>
      <c r="EY33" s="299">
        <v>0</v>
      </c>
      <c r="EZ33" s="300">
        <v>0</v>
      </c>
      <c r="FA33" s="295">
        <v>0</v>
      </c>
      <c r="FB33" s="296">
        <v>0</v>
      </c>
      <c r="FC33" s="297">
        <v>0</v>
      </c>
      <c r="FD33" s="301"/>
      <c r="FE33" s="296">
        <v>0</v>
      </c>
      <c r="FF33" s="296">
        <v>0</v>
      </c>
      <c r="FG33" s="296">
        <v>0</v>
      </c>
      <c r="FH33" s="296">
        <v>0</v>
      </c>
      <c r="FI33" s="296">
        <v>0</v>
      </c>
      <c r="FJ33" s="299">
        <v>0</v>
      </c>
      <c r="FK33" s="300">
        <v>0</v>
      </c>
      <c r="FL33" s="295">
        <v>0</v>
      </c>
      <c r="FM33" s="296">
        <v>0</v>
      </c>
      <c r="FN33" s="297">
        <v>0</v>
      </c>
      <c r="FO33" s="301"/>
      <c r="FP33" s="296">
        <v>0</v>
      </c>
      <c r="FQ33" s="296">
        <v>0</v>
      </c>
      <c r="FR33" s="296">
        <v>0</v>
      </c>
      <c r="FS33" s="296">
        <v>0</v>
      </c>
      <c r="FT33" s="296">
        <v>0</v>
      </c>
      <c r="FU33" s="299">
        <v>0</v>
      </c>
      <c r="FV33" s="300">
        <v>0</v>
      </c>
      <c r="FW33" s="295">
        <v>0</v>
      </c>
      <c r="FX33" s="296">
        <v>0</v>
      </c>
      <c r="FY33" s="297">
        <v>0</v>
      </c>
      <c r="FZ33" s="298">
        <v>0</v>
      </c>
      <c r="GA33" s="296">
        <v>2808</v>
      </c>
      <c r="GB33" s="296">
        <v>5265</v>
      </c>
      <c r="GC33" s="296">
        <v>1877</v>
      </c>
      <c r="GD33" s="296">
        <v>16497</v>
      </c>
      <c r="GE33" s="296">
        <v>0</v>
      </c>
      <c r="GF33" s="299">
        <v>26447</v>
      </c>
      <c r="GG33" s="300">
        <v>26447</v>
      </c>
      <c r="GH33" s="295">
        <v>0</v>
      </c>
      <c r="GI33" s="296">
        <v>0</v>
      </c>
      <c r="GJ33" s="297">
        <v>0</v>
      </c>
      <c r="GK33" s="298">
        <v>0</v>
      </c>
      <c r="GL33" s="296">
        <v>0</v>
      </c>
      <c r="GM33" s="296">
        <v>0</v>
      </c>
      <c r="GN33" s="296">
        <v>0</v>
      </c>
      <c r="GO33" s="296">
        <v>2548</v>
      </c>
      <c r="GP33" s="296">
        <v>0</v>
      </c>
      <c r="GQ33" s="299">
        <v>2548</v>
      </c>
      <c r="GR33" s="300">
        <v>2548</v>
      </c>
      <c r="GS33" s="295">
        <v>0</v>
      </c>
      <c r="GT33" s="296">
        <v>0</v>
      </c>
      <c r="GU33" s="297">
        <v>0</v>
      </c>
      <c r="GV33" s="298">
        <v>0</v>
      </c>
      <c r="GW33" s="296">
        <v>0</v>
      </c>
      <c r="GX33" s="296">
        <v>0</v>
      </c>
      <c r="GY33" s="296">
        <v>0</v>
      </c>
      <c r="GZ33" s="296">
        <v>0</v>
      </c>
      <c r="HA33" s="296">
        <v>0</v>
      </c>
      <c r="HB33" s="299">
        <v>0</v>
      </c>
      <c r="HC33" s="300">
        <v>0</v>
      </c>
      <c r="HD33" s="295">
        <v>0</v>
      </c>
      <c r="HE33" s="296">
        <v>0</v>
      </c>
      <c r="HF33" s="297">
        <v>0</v>
      </c>
      <c r="HG33" s="301"/>
      <c r="HH33" s="296">
        <v>0</v>
      </c>
      <c r="HI33" s="296">
        <v>0</v>
      </c>
      <c r="HJ33" s="296">
        <v>0</v>
      </c>
      <c r="HK33" s="296">
        <v>0</v>
      </c>
      <c r="HL33" s="296">
        <v>0</v>
      </c>
      <c r="HM33" s="299">
        <v>0</v>
      </c>
      <c r="HN33" s="300">
        <v>0</v>
      </c>
      <c r="HO33" s="295">
        <v>0</v>
      </c>
      <c r="HP33" s="296">
        <v>0</v>
      </c>
      <c r="HQ33" s="297">
        <v>0</v>
      </c>
      <c r="HR33" s="298">
        <v>0</v>
      </c>
      <c r="HS33" s="296">
        <v>120628</v>
      </c>
      <c r="HT33" s="296">
        <v>65745</v>
      </c>
      <c r="HU33" s="296">
        <v>588487</v>
      </c>
      <c r="HV33" s="296">
        <v>559667</v>
      </c>
      <c r="HW33" s="296">
        <v>537055</v>
      </c>
      <c r="HX33" s="299">
        <v>1871582</v>
      </c>
      <c r="HY33" s="300">
        <v>1871582</v>
      </c>
    </row>
    <row r="34" spans="2:233" ht="19.8" customHeight="1" x14ac:dyDescent="0.2">
      <c r="B34" s="293" t="s">
        <v>31</v>
      </c>
      <c r="C34" s="295">
        <v>0</v>
      </c>
      <c r="D34" s="296">
        <v>0</v>
      </c>
      <c r="E34" s="297">
        <v>0</v>
      </c>
      <c r="F34" s="298">
        <v>0</v>
      </c>
      <c r="G34" s="296">
        <v>4265</v>
      </c>
      <c r="H34" s="296">
        <v>104945</v>
      </c>
      <c r="I34" s="296">
        <v>320040</v>
      </c>
      <c r="J34" s="296">
        <v>143705</v>
      </c>
      <c r="K34" s="296">
        <v>179880</v>
      </c>
      <c r="L34" s="299">
        <v>752835</v>
      </c>
      <c r="M34" s="300">
        <v>752835</v>
      </c>
      <c r="N34" s="295">
        <v>0</v>
      </c>
      <c r="O34" s="296">
        <v>0</v>
      </c>
      <c r="P34" s="297">
        <v>0</v>
      </c>
      <c r="Q34" s="301"/>
      <c r="R34" s="296">
        <v>0</v>
      </c>
      <c r="S34" s="296">
        <v>0</v>
      </c>
      <c r="T34" s="296">
        <v>262475</v>
      </c>
      <c r="U34" s="296">
        <v>120600</v>
      </c>
      <c r="V34" s="296">
        <v>175110</v>
      </c>
      <c r="W34" s="299">
        <v>558185</v>
      </c>
      <c r="X34" s="300">
        <v>558185</v>
      </c>
      <c r="Y34" s="295">
        <v>0</v>
      </c>
      <c r="Z34" s="296">
        <v>0</v>
      </c>
      <c r="AA34" s="297">
        <v>0</v>
      </c>
      <c r="AB34" s="301"/>
      <c r="AC34" s="296">
        <v>3975</v>
      </c>
      <c r="AD34" s="296">
        <v>94800</v>
      </c>
      <c r="AE34" s="296">
        <v>39300</v>
      </c>
      <c r="AF34" s="296">
        <v>10200</v>
      </c>
      <c r="AG34" s="296">
        <v>0</v>
      </c>
      <c r="AH34" s="299">
        <v>148275</v>
      </c>
      <c r="AI34" s="300">
        <v>148275</v>
      </c>
      <c r="AJ34" s="295">
        <v>0</v>
      </c>
      <c r="AK34" s="296">
        <v>0</v>
      </c>
      <c r="AL34" s="297">
        <v>0</v>
      </c>
      <c r="AM34" s="301"/>
      <c r="AN34" s="296">
        <v>0</v>
      </c>
      <c r="AO34" s="296">
        <v>0</v>
      </c>
      <c r="AP34" s="296">
        <v>0</v>
      </c>
      <c r="AQ34" s="296">
        <v>0</v>
      </c>
      <c r="AR34" s="296">
        <v>0</v>
      </c>
      <c r="AS34" s="299">
        <v>0</v>
      </c>
      <c r="AT34" s="300">
        <v>0</v>
      </c>
      <c r="AU34" s="295">
        <v>0</v>
      </c>
      <c r="AV34" s="296">
        <v>0</v>
      </c>
      <c r="AW34" s="297">
        <v>0</v>
      </c>
      <c r="AX34" s="301"/>
      <c r="AY34" s="296">
        <v>0</v>
      </c>
      <c r="AZ34" s="296">
        <v>0</v>
      </c>
      <c r="BA34" s="296">
        <v>0</v>
      </c>
      <c r="BB34" s="296">
        <v>0</v>
      </c>
      <c r="BC34" s="296">
        <v>0</v>
      </c>
      <c r="BD34" s="299">
        <v>0</v>
      </c>
      <c r="BE34" s="300">
        <v>0</v>
      </c>
      <c r="BF34" s="295">
        <v>0</v>
      </c>
      <c r="BG34" s="296">
        <v>0</v>
      </c>
      <c r="BH34" s="297">
        <v>0</v>
      </c>
      <c r="BI34" s="301"/>
      <c r="BJ34" s="296">
        <v>0</v>
      </c>
      <c r="BK34" s="296">
        <v>0</v>
      </c>
      <c r="BL34" s="296">
        <v>0</v>
      </c>
      <c r="BM34" s="296">
        <v>0</v>
      </c>
      <c r="BN34" s="296">
        <v>0</v>
      </c>
      <c r="BO34" s="299">
        <v>0</v>
      </c>
      <c r="BP34" s="300">
        <v>0</v>
      </c>
      <c r="BQ34" s="295">
        <v>0</v>
      </c>
      <c r="BR34" s="296">
        <v>0</v>
      </c>
      <c r="BS34" s="297">
        <v>0</v>
      </c>
      <c r="BT34" s="298">
        <v>0</v>
      </c>
      <c r="BU34" s="296">
        <v>290</v>
      </c>
      <c r="BV34" s="296">
        <v>9420</v>
      </c>
      <c r="BW34" s="296">
        <v>18265</v>
      </c>
      <c r="BX34" s="296">
        <v>12905</v>
      </c>
      <c r="BY34" s="296">
        <v>4770</v>
      </c>
      <c r="BZ34" s="299">
        <v>45650</v>
      </c>
      <c r="CA34" s="300">
        <v>45650</v>
      </c>
      <c r="CB34" s="295">
        <v>0</v>
      </c>
      <c r="CC34" s="296">
        <v>0</v>
      </c>
      <c r="CD34" s="297">
        <v>0</v>
      </c>
      <c r="CE34" s="298">
        <v>0</v>
      </c>
      <c r="CF34" s="296">
        <v>0</v>
      </c>
      <c r="CG34" s="296">
        <v>725</v>
      </c>
      <c r="CH34" s="296">
        <v>0</v>
      </c>
      <c r="CI34" s="296">
        <v>0</v>
      </c>
      <c r="CJ34" s="296">
        <v>0</v>
      </c>
      <c r="CK34" s="299">
        <v>725</v>
      </c>
      <c r="CL34" s="300">
        <v>725</v>
      </c>
      <c r="CM34" s="295">
        <v>0</v>
      </c>
      <c r="CN34" s="296">
        <v>0</v>
      </c>
      <c r="CO34" s="297">
        <v>0</v>
      </c>
      <c r="CP34" s="298">
        <v>0</v>
      </c>
      <c r="CQ34" s="296">
        <v>0</v>
      </c>
      <c r="CR34" s="296">
        <v>0</v>
      </c>
      <c r="CS34" s="296">
        <v>0</v>
      </c>
      <c r="CT34" s="296">
        <v>0</v>
      </c>
      <c r="CU34" s="296">
        <v>0</v>
      </c>
      <c r="CV34" s="299">
        <v>0</v>
      </c>
      <c r="CW34" s="300">
        <v>0</v>
      </c>
      <c r="CX34" s="295">
        <v>0</v>
      </c>
      <c r="CY34" s="296">
        <v>0</v>
      </c>
      <c r="CZ34" s="297">
        <v>0</v>
      </c>
      <c r="DA34" s="301"/>
      <c r="DB34" s="296">
        <v>0</v>
      </c>
      <c r="DC34" s="296">
        <v>0</v>
      </c>
      <c r="DD34" s="296">
        <v>0</v>
      </c>
      <c r="DE34" s="296">
        <v>0</v>
      </c>
      <c r="DF34" s="296">
        <v>0</v>
      </c>
      <c r="DG34" s="299">
        <v>0</v>
      </c>
      <c r="DH34" s="300">
        <v>0</v>
      </c>
      <c r="DI34" s="295">
        <v>0</v>
      </c>
      <c r="DJ34" s="296">
        <v>0</v>
      </c>
      <c r="DK34" s="297">
        <v>0</v>
      </c>
      <c r="DL34" s="298">
        <v>0</v>
      </c>
      <c r="DM34" s="296">
        <v>1088</v>
      </c>
      <c r="DN34" s="296">
        <v>25562</v>
      </c>
      <c r="DO34" s="296">
        <v>350999</v>
      </c>
      <c r="DP34" s="296">
        <v>245199</v>
      </c>
      <c r="DQ34" s="296">
        <v>215928</v>
      </c>
      <c r="DR34" s="299">
        <v>838776</v>
      </c>
      <c r="DS34" s="302">
        <v>838776</v>
      </c>
      <c r="DT34" s="295">
        <v>0</v>
      </c>
      <c r="DU34" s="296">
        <v>0</v>
      </c>
      <c r="DV34" s="297">
        <v>0</v>
      </c>
      <c r="DW34" s="301"/>
      <c r="DX34" s="296">
        <v>0</v>
      </c>
      <c r="DY34" s="296">
        <v>0</v>
      </c>
      <c r="DZ34" s="296">
        <v>332084</v>
      </c>
      <c r="EA34" s="296">
        <v>234180</v>
      </c>
      <c r="EB34" s="296">
        <v>174200</v>
      </c>
      <c r="EC34" s="299">
        <v>740464</v>
      </c>
      <c r="ED34" s="300">
        <v>740464</v>
      </c>
      <c r="EE34" s="295">
        <v>0</v>
      </c>
      <c r="EF34" s="296">
        <v>0</v>
      </c>
      <c r="EG34" s="297">
        <v>0</v>
      </c>
      <c r="EH34" s="301"/>
      <c r="EI34" s="296">
        <v>35</v>
      </c>
      <c r="EJ34" s="296">
        <v>1230</v>
      </c>
      <c r="EK34" s="296">
        <v>810</v>
      </c>
      <c r="EL34" s="296">
        <v>840</v>
      </c>
      <c r="EM34" s="296">
        <v>0</v>
      </c>
      <c r="EN34" s="299">
        <v>2915</v>
      </c>
      <c r="EO34" s="300">
        <v>2915</v>
      </c>
      <c r="EP34" s="295">
        <v>0</v>
      </c>
      <c r="EQ34" s="296">
        <v>0</v>
      </c>
      <c r="ER34" s="297">
        <v>0</v>
      </c>
      <c r="ES34" s="301"/>
      <c r="ET34" s="296">
        <v>0</v>
      </c>
      <c r="EU34" s="296">
        <v>0</v>
      </c>
      <c r="EV34" s="296">
        <v>0</v>
      </c>
      <c r="EW34" s="296">
        <v>0</v>
      </c>
      <c r="EX34" s="296">
        <v>0</v>
      </c>
      <c r="EY34" s="299">
        <v>0</v>
      </c>
      <c r="EZ34" s="300">
        <v>0</v>
      </c>
      <c r="FA34" s="295">
        <v>0</v>
      </c>
      <c r="FB34" s="296">
        <v>0</v>
      </c>
      <c r="FC34" s="297">
        <v>0</v>
      </c>
      <c r="FD34" s="301"/>
      <c r="FE34" s="296">
        <v>0</v>
      </c>
      <c r="FF34" s="296">
        <v>0</v>
      </c>
      <c r="FG34" s="296">
        <v>0</v>
      </c>
      <c r="FH34" s="296">
        <v>0</v>
      </c>
      <c r="FI34" s="296">
        <v>35340</v>
      </c>
      <c r="FJ34" s="299">
        <v>35340</v>
      </c>
      <c r="FK34" s="300">
        <v>35340</v>
      </c>
      <c r="FL34" s="295">
        <v>0</v>
      </c>
      <c r="FM34" s="296">
        <v>0</v>
      </c>
      <c r="FN34" s="297">
        <v>0</v>
      </c>
      <c r="FO34" s="301"/>
      <c r="FP34" s="296">
        <v>0</v>
      </c>
      <c r="FQ34" s="296">
        <v>0</v>
      </c>
      <c r="FR34" s="296">
        <v>0</v>
      </c>
      <c r="FS34" s="296">
        <v>0</v>
      </c>
      <c r="FT34" s="296">
        <v>0</v>
      </c>
      <c r="FU34" s="299">
        <v>0</v>
      </c>
      <c r="FV34" s="300">
        <v>0</v>
      </c>
      <c r="FW34" s="295">
        <v>0</v>
      </c>
      <c r="FX34" s="296">
        <v>0</v>
      </c>
      <c r="FY34" s="297">
        <v>0</v>
      </c>
      <c r="FZ34" s="298">
        <v>0</v>
      </c>
      <c r="GA34" s="296">
        <v>1053</v>
      </c>
      <c r="GB34" s="296">
        <v>21826</v>
      </c>
      <c r="GC34" s="296">
        <v>18105</v>
      </c>
      <c r="GD34" s="296">
        <v>10179</v>
      </c>
      <c r="GE34" s="296">
        <v>6388</v>
      </c>
      <c r="GF34" s="299">
        <v>57551</v>
      </c>
      <c r="GG34" s="300">
        <v>57551</v>
      </c>
      <c r="GH34" s="295">
        <v>0</v>
      </c>
      <c r="GI34" s="296">
        <v>0</v>
      </c>
      <c r="GJ34" s="297">
        <v>0</v>
      </c>
      <c r="GK34" s="298">
        <v>0</v>
      </c>
      <c r="GL34" s="296">
        <v>0</v>
      </c>
      <c r="GM34" s="296">
        <v>2506</v>
      </c>
      <c r="GN34" s="296">
        <v>0</v>
      </c>
      <c r="GO34" s="296">
        <v>0</v>
      </c>
      <c r="GP34" s="296">
        <v>0</v>
      </c>
      <c r="GQ34" s="299">
        <v>2506</v>
      </c>
      <c r="GR34" s="300">
        <v>2506</v>
      </c>
      <c r="GS34" s="295">
        <v>0</v>
      </c>
      <c r="GT34" s="296">
        <v>0</v>
      </c>
      <c r="GU34" s="297">
        <v>0</v>
      </c>
      <c r="GV34" s="298">
        <v>0</v>
      </c>
      <c r="GW34" s="296">
        <v>0</v>
      </c>
      <c r="GX34" s="296">
        <v>0</v>
      </c>
      <c r="GY34" s="296">
        <v>0</v>
      </c>
      <c r="GZ34" s="296">
        <v>0</v>
      </c>
      <c r="HA34" s="296">
        <v>0</v>
      </c>
      <c r="HB34" s="299">
        <v>0</v>
      </c>
      <c r="HC34" s="300">
        <v>0</v>
      </c>
      <c r="HD34" s="295">
        <v>0</v>
      </c>
      <c r="HE34" s="296">
        <v>0</v>
      </c>
      <c r="HF34" s="297">
        <v>0</v>
      </c>
      <c r="HG34" s="301"/>
      <c r="HH34" s="296">
        <v>0</v>
      </c>
      <c r="HI34" s="296">
        <v>0</v>
      </c>
      <c r="HJ34" s="296">
        <v>0</v>
      </c>
      <c r="HK34" s="296">
        <v>0</v>
      </c>
      <c r="HL34" s="296">
        <v>0</v>
      </c>
      <c r="HM34" s="299">
        <v>0</v>
      </c>
      <c r="HN34" s="300">
        <v>0</v>
      </c>
      <c r="HO34" s="295">
        <v>0</v>
      </c>
      <c r="HP34" s="296">
        <v>0</v>
      </c>
      <c r="HQ34" s="297">
        <v>0</v>
      </c>
      <c r="HR34" s="298">
        <v>0</v>
      </c>
      <c r="HS34" s="296">
        <v>5353</v>
      </c>
      <c r="HT34" s="296">
        <v>130507</v>
      </c>
      <c r="HU34" s="296">
        <v>671039</v>
      </c>
      <c r="HV34" s="296">
        <v>388904</v>
      </c>
      <c r="HW34" s="296">
        <v>395808</v>
      </c>
      <c r="HX34" s="299">
        <v>1591611</v>
      </c>
      <c r="HY34" s="300">
        <v>1591611</v>
      </c>
    </row>
    <row r="35" spans="2:233" ht="19.8" customHeight="1" x14ac:dyDescent="0.2">
      <c r="B35" s="293" t="s">
        <v>32</v>
      </c>
      <c r="C35" s="295">
        <v>0</v>
      </c>
      <c r="D35" s="296">
        <v>0</v>
      </c>
      <c r="E35" s="297">
        <v>0</v>
      </c>
      <c r="F35" s="298">
        <v>0</v>
      </c>
      <c r="G35" s="296">
        <v>2550</v>
      </c>
      <c r="H35" s="296">
        <v>131188</v>
      </c>
      <c r="I35" s="296">
        <v>395365</v>
      </c>
      <c r="J35" s="296">
        <v>339725</v>
      </c>
      <c r="K35" s="296">
        <v>119240</v>
      </c>
      <c r="L35" s="299">
        <v>988068</v>
      </c>
      <c r="M35" s="300">
        <v>988068</v>
      </c>
      <c r="N35" s="295">
        <v>0</v>
      </c>
      <c r="O35" s="296">
        <v>0</v>
      </c>
      <c r="P35" s="297">
        <v>0</v>
      </c>
      <c r="Q35" s="301"/>
      <c r="R35" s="296">
        <v>0</v>
      </c>
      <c r="S35" s="296">
        <v>34350</v>
      </c>
      <c r="T35" s="296">
        <v>90060</v>
      </c>
      <c r="U35" s="296">
        <v>190500</v>
      </c>
      <c r="V35" s="296">
        <v>26400</v>
      </c>
      <c r="W35" s="299">
        <v>341310</v>
      </c>
      <c r="X35" s="300">
        <v>341310</v>
      </c>
      <c r="Y35" s="295">
        <v>0</v>
      </c>
      <c r="Z35" s="296">
        <v>0</v>
      </c>
      <c r="AA35" s="297">
        <v>0</v>
      </c>
      <c r="AB35" s="301"/>
      <c r="AC35" s="296">
        <v>2550</v>
      </c>
      <c r="AD35" s="296">
        <v>89170</v>
      </c>
      <c r="AE35" s="296">
        <v>7650</v>
      </c>
      <c r="AF35" s="296">
        <v>113400</v>
      </c>
      <c r="AG35" s="296">
        <v>68700</v>
      </c>
      <c r="AH35" s="299">
        <v>281470</v>
      </c>
      <c r="AI35" s="300">
        <v>281470</v>
      </c>
      <c r="AJ35" s="295">
        <v>0</v>
      </c>
      <c r="AK35" s="296">
        <v>0</v>
      </c>
      <c r="AL35" s="297">
        <v>0</v>
      </c>
      <c r="AM35" s="301"/>
      <c r="AN35" s="296">
        <v>0</v>
      </c>
      <c r="AO35" s="296">
        <v>0</v>
      </c>
      <c r="AP35" s="296">
        <v>0</v>
      </c>
      <c r="AQ35" s="296">
        <v>0</v>
      </c>
      <c r="AR35" s="296">
        <v>0</v>
      </c>
      <c r="AS35" s="299">
        <v>0</v>
      </c>
      <c r="AT35" s="300">
        <v>0</v>
      </c>
      <c r="AU35" s="295">
        <v>0</v>
      </c>
      <c r="AV35" s="296">
        <v>0</v>
      </c>
      <c r="AW35" s="297">
        <v>0</v>
      </c>
      <c r="AX35" s="301"/>
      <c r="AY35" s="296">
        <v>0</v>
      </c>
      <c r="AZ35" s="296">
        <v>0</v>
      </c>
      <c r="BA35" s="296">
        <v>0</v>
      </c>
      <c r="BB35" s="296">
        <v>0</v>
      </c>
      <c r="BC35" s="296">
        <v>0</v>
      </c>
      <c r="BD35" s="299">
        <v>0</v>
      </c>
      <c r="BE35" s="300">
        <v>0</v>
      </c>
      <c r="BF35" s="295">
        <v>0</v>
      </c>
      <c r="BG35" s="296">
        <v>0</v>
      </c>
      <c r="BH35" s="297">
        <v>0</v>
      </c>
      <c r="BI35" s="301"/>
      <c r="BJ35" s="296">
        <v>0</v>
      </c>
      <c r="BK35" s="296">
        <v>0</v>
      </c>
      <c r="BL35" s="296">
        <v>265885</v>
      </c>
      <c r="BM35" s="296">
        <v>31500</v>
      </c>
      <c r="BN35" s="296">
        <v>23850</v>
      </c>
      <c r="BO35" s="299">
        <v>321235</v>
      </c>
      <c r="BP35" s="300">
        <v>321235</v>
      </c>
      <c r="BQ35" s="295">
        <v>0</v>
      </c>
      <c r="BR35" s="296">
        <v>0</v>
      </c>
      <c r="BS35" s="297">
        <v>0</v>
      </c>
      <c r="BT35" s="298">
        <v>0</v>
      </c>
      <c r="BU35" s="296">
        <v>0</v>
      </c>
      <c r="BV35" s="296">
        <v>7668</v>
      </c>
      <c r="BW35" s="296">
        <v>28100</v>
      </c>
      <c r="BX35" s="296">
        <v>4060</v>
      </c>
      <c r="BY35" s="296">
        <v>290</v>
      </c>
      <c r="BZ35" s="299">
        <v>40118</v>
      </c>
      <c r="CA35" s="300">
        <v>40118</v>
      </c>
      <c r="CB35" s="295">
        <v>0</v>
      </c>
      <c r="CC35" s="296">
        <v>0</v>
      </c>
      <c r="CD35" s="297">
        <v>0</v>
      </c>
      <c r="CE35" s="298">
        <v>0</v>
      </c>
      <c r="CF35" s="296">
        <v>0</v>
      </c>
      <c r="CG35" s="296">
        <v>0</v>
      </c>
      <c r="CH35" s="296">
        <v>3670</v>
      </c>
      <c r="CI35" s="296">
        <v>265</v>
      </c>
      <c r="CJ35" s="296">
        <v>0</v>
      </c>
      <c r="CK35" s="299">
        <v>3935</v>
      </c>
      <c r="CL35" s="300">
        <v>3935</v>
      </c>
      <c r="CM35" s="295">
        <v>0</v>
      </c>
      <c r="CN35" s="296">
        <v>0</v>
      </c>
      <c r="CO35" s="297">
        <v>0</v>
      </c>
      <c r="CP35" s="298">
        <v>0</v>
      </c>
      <c r="CQ35" s="296">
        <v>0</v>
      </c>
      <c r="CR35" s="296">
        <v>0</v>
      </c>
      <c r="CS35" s="296">
        <v>0</v>
      </c>
      <c r="CT35" s="296">
        <v>0</v>
      </c>
      <c r="CU35" s="296">
        <v>0</v>
      </c>
      <c r="CV35" s="299">
        <v>0</v>
      </c>
      <c r="CW35" s="300">
        <v>0</v>
      </c>
      <c r="CX35" s="295">
        <v>0</v>
      </c>
      <c r="CY35" s="296">
        <v>0</v>
      </c>
      <c r="CZ35" s="297">
        <v>0</v>
      </c>
      <c r="DA35" s="301"/>
      <c r="DB35" s="296">
        <v>0</v>
      </c>
      <c r="DC35" s="296">
        <v>0</v>
      </c>
      <c r="DD35" s="296">
        <v>0</v>
      </c>
      <c r="DE35" s="296">
        <v>0</v>
      </c>
      <c r="DF35" s="296">
        <v>0</v>
      </c>
      <c r="DG35" s="299">
        <v>0</v>
      </c>
      <c r="DH35" s="300">
        <v>0</v>
      </c>
      <c r="DI35" s="295">
        <v>0</v>
      </c>
      <c r="DJ35" s="296">
        <v>0</v>
      </c>
      <c r="DK35" s="297">
        <v>0</v>
      </c>
      <c r="DL35" s="298">
        <v>0</v>
      </c>
      <c r="DM35" s="296">
        <v>210</v>
      </c>
      <c r="DN35" s="296">
        <v>43588</v>
      </c>
      <c r="DO35" s="296">
        <v>385539</v>
      </c>
      <c r="DP35" s="296">
        <v>310211</v>
      </c>
      <c r="DQ35" s="296">
        <v>76850</v>
      </c>
      <c r="DR35" s="299">
        <v>816398</v>
      </c>
      <c r="DS35" s="302">
        <v>816398</v>
      </c>
      <c r="DT35" s="295">
        <v>0</v>
      </c>
      <c r="DU35" s="296">
        <v>0</v>
      </c>
      <c r="DV35" s="297">
        <v>0</v>
      </c>
      <c r="DW35" s="301"/>
      <c r="DX35" s="296">
        <v>0</v>
      </c>
      <c r="DY35" s="296">
        <v>25650</v>
      </c>
      <c r="DZ35" s="296">
        <v>132295</v>
      </c>
      <c r="EA35" s="296">
        <v>239100</v>
      </c>
      <c r="EB35" s="296">
        <v>41760</v>
      </c>
      <c r="EC35" s="299">
        <v>438805</v>
      </c>
      <c r="ED35" s="300">
        <v>438805</v>
      </c>
      <c r="EE35" s="295">
        <v>0</v>
      </c>
      <c r="EF35" s="296">
        <v>0</v>
      </c>
      <c r="EG35" s="297">
        <v>0</v>
      </c>
      <c r="EH35" s="301"/>
      <c r="EI35" s="296">
        <v>210</v>
      </c>
      <c r="EJ35" s="296">
        <v>12118</v>
      </c>
      <c r="EK35" s="296">
        <v>21690</v>
      </c>
      <c r="EL35" s="296">
        <v>12180</v>
      </c>
      <c r="EM35" s="296">
        <v>22620</v>
      </c>
      <c r="EN35" s="299">
        <v>68818</v>
      </c>
      <c r="EO35" s="300">
        <v>68818</v>
      </c>
      <c r="EP35" s="295">
        <v>0</v>
      </c>
      <c r="EQ35" s="296">
        <v>0</v>
      </c>
      <c r="ER35" s="297">
        <v>0</v>
      </c>
      <c r="ES35" s="301"/>
      <c r="ET35" s="296">
        <v>0</v>
      </c>
      <c r="EU35" s="296">
        <v>0</v>
      </c>
      <c r="EV35" s="296">
        <v>0</v>
      </c>
      <c r="EW35" s="296">
        <v>0</v>
      </c>
      <c r="EX35" s="296">
        <v>0</v>
      </c>
      <c r="EY35" s="299">
        <v>0</v>
      </c>
      <c r="EZ35" s="300">
        <v>0</v>
      </c>
      <c r="FA35" s="295">
        <v>0</v>
      </c>
      <c r="FB35" s="296">
        <v>0</v>
      </c>
      <c r="FC35" s="297">
        <v>0</v>
      </c>
      <c r="FD35" s="301"/>
      <c r="FE35" s="296">
        <v>0</v>
      </c>
      <c r="FF35" s="296">
        <v>0</v>
      </c>
      <c r="FG35" s="296">
        <v>0</v>
      </c>
      <c r="FH35" s="296">
        <v>0</v>
      </c>
      <c r="FI35" s="296">
        <v>0</v>
      </c>
      <c r="FJ35" s="299">
        <v>0</v>
      </c>
      <c r="FK35" s="300">
        <v>0</v>
      </c>
      <c r="FL35" s="295">
        <v>0</v>
      </c>
      <c r="FM35" s="296">
        <v>0</v>
      </c>
      <c r="FN35" s="297">
        <v>0</v>
      </c>
      <c r="FO35" s="301"/>
      <c r="FP35" s="296">
        <v>0</v>
      </c>
      <c r="FQ35" s="296">
        <v>0</v>
      </c>
      <c r="FR35" s="296">
        <v>192923</v>
      </c>
      <c r="FS35" s="296">
        <v>42120</v>
      </c>
      <c r="FT35" s="296">
        <v>10530</v>
      </c>
      <c r="FU35" s="299">
        <v>245573</v>
      </c>
      <c r="FV35" s="300">
        <v>245573</v>
      </c>
      <c r="FW35" s="295">
        <v>0</v>
      </c>
      <c r="FX35" s="296">
        <v>0</v>
      </c>
      <c r="FY35" s="297">
        <v>0</v>
      </c>
      <c r="FZ35" s="298">
        <v>0</v>
      </c>
      <c r="GA35" s="296">
        <v>0</v>
      </c>
      <c r="GB35" s="296">
        <v>5820</v>
      </c>
      <c r="GC35" s="296">
        <v>32487</v>
      </c>
      <c r="GD35" s="296">
        <v>15737</v>
      </c>
      <c r="GE35" s="296">
        <v>1940</v>
      </c>
      <c r="GF35" s="299">
        <v>55984</v>
      </c>
      <c r="GG35" s="300">
        <v>55984</v>
      </c>
      <c r="GH35" s="295">
        <v>0</v>
      </c>
      <c r="GI35" s="296">
        <v>0</v>
      </c>
      <c r="GJ35" s="297">
        <v>0</v>
      </c>
      <c r="GK35" s="298">
        <v>0</v>
      </c>
      <c r="GL35" s="296">
        <v>0</v>
      </c>
      <c r="GM35" s="296">
        <v>0</v>
      </c>
      <c r="GN35" s="296">
        <v>6144</v>
      </c>
      <c r="GO35" s="296">
        <v>1074</v>
      </c>
      <c r="GP35" s="296">
        <v>0</v>
      </c>
      <c r="GQ35" s="299">
        <v>7218</v>
      </c>
      <c r="GR35" s="300">
        <v>7218</v>
      </c>
      <c r="GS35" s="295">
        <v>0</v>
      </c>
      <c r="GT35" s="296">
        <v>0</v>
      </c>
      <c r="GU35" s="297">
        <v>0</v>
      </c>
      <c r="GV35" s="298">
        <v>0</v>
      </c>
      <c r="GW35" s="296">
        <v>0</v>
      </c>
      <c r="GX35" s="296">
        <v>0</v>
      </c>
      <c r="GY35" s="296">
        <v>0</v>
      </c>
      <c r="GZ35" s="296">
        <v>0</v>
      </c>
      <c r="HA35" s="296">
        <v>0</v>
      </c>
      <c r="HB35" s="299">
        <v>0</v>
      </c>
      <c r="HC35" s="300">
        <v>0</v>
      </c>
      <c r="HD35" s="295">
        <v>0</v>
      </c>
      <c r="HE35" s="296">
        <v>0</v>
      </c>
      <c r="HF35" s="297">
        <v>0</v>
      </c>
      <c r="HG35" s="301"/>
      <c r="HH35" s="296">
        <v>0</v>
      </c>
      <c r="HI35" s="296">
        <v>0</v>
      </c>
      <c r="HJ35" s="296">
        <v>0</v>
      </c>
      <c r="HK35" s="296">
        <v>0</v>
      </c>
      <c r="HL35" s="296">
        <v>0</v>
      </c>
      <c r="HM35" s="299">
        <v>0</v>
      </c>
      <c r="HN35" s="300">
        <v>0</v>
      </c>
      <c r="HO35" s="295">
        <v>0</v>
      </c>
      <c r="HP35" s="296">
        <v>0</v>
      </c>
      <c r="HQ35" s="297">
        <v>0</v>
      </c>
      <c r="HR35" s="298">
        <v>0</v>
      </c>
      <c r="HS35" s="296">
        <v>2760</v>
      </c>
      <c r="HT35" s="296">
        <v>174776</v>
      </c>
      <c r="HU35" s="296">
        <v>780904</v>
      </c>
      <c r="HV35" s="296">
        <v>649936</v>
      </c>
      <c r="HW35" s="296">
        <v>196090</v>
      </c>
      <c r="HX35" s="299">
        <v>1804466</v>
      </c>
      <c r="HY35" s="300">
        <v>1804466</v>
      </c>
    </row>
    <row r="36" spans="2:233" ht="19.8" customHeight="1" x14ac:dyDescent="0.2">
      <c r="B36" s="293" t="s">
        <v>33</v>
      </c>
      <c r="C36" s="295">
        <v>0</v>
      </c>
      <c r="D36" s="296">
        <v>0</v>
      </c>
      <c r="E36" s="297">
        <v>0</v>
      </c>
      <c r="F36" s="298">
        <v>0</v>
      </c>
      <c r="G36" s="296">
        <v>67205</v>
      </c>
      <c r="H36" s="296">
        <v>102025</v>
      </c>
      <c r="I36" s="296">
        <v>485330</v>
      </c>
      <c r="J36" s="296">
        <v>607797</v>
      </c>
      <c r="K36" s="296">
        <v>374405</v>
      </c>
      <c r="L36" s="299">
        <v>1636762</v>
      </c>
      <c r="M36" s="300">
        <v>1636762</v>
      </c>
      <c r="N36" s="295">
        <v>0</v>
      </c>
      <c r="O36" s="296">
        <v>0</v>
      </c>
      <c r="P36" s="297">
        <v>0</v>
      </c>
      <c r="Q36" s="301"/>
      <c r="R36" s="296">
        <v>0</v>
      </c>
      <c r="S36" s="296">
        <v>26400</v>
      </c>
      <c r="T36" s="296">
        <v>253415</v>
      </c>
      <c r="U36" s="296">
        <v>379155</v>
      </c>
      <c r="V36" s="296">
        <v>272710</v>
      </c>
      <c r="W36" s="299">
        <v>931680</v>
      </c>
      <c r="X36" s="300">
        <v>931680</v>
      </c>
      <c r="Y36" s="295">
        <v>0</v>
      </c>
      <c r="Z36" s="296">
        <v>0</v>
      </c>
      <c r="AA36" s="297">
        <v>0</v>
      </c>
      <c r="AB36" s="301"/>
      <c r="AC36" s="296">
        <v>41850</v>
      </c>
      <c r="AD36" s="296">
        <v>26400</v>
      </c>
      <c r="AE36" s="296">
        <v>179615</v>
      </c>
      <c r="AF36" s="296">
        <v>139350</v>
      </c>
      <c r="AG36" s="296">
        <v>33145</v>
      </c>
      <c r="AH36" s="299">
        <v>420360</v>
      </c>
      <c r="AI36" s="300">
        <v>420360</v>
      </c>
      <c r="AJ36" s="295">
        <v>0</v>
      </c>
      <c r="AK36" s="296">
        <v>0</v>
      </c>
      <c r="AL36" s="297">
        <v>0</v>
      </c>
      <c r="AM36" s="301"/>
      <c r="AN36" s="296">
        <v>0</v>
      </c>
      <c r="AO36" s="296">
        <v>0</v>
      </c>
      <c r="AP36" s="296">
        <v>0</v>
      </c>
      <c r="AQ36" s="296">
        <v>0</v>
      </c>
      <c r="AR36" s="296">
        <v>0</v>
      </c>
      <c r="AS36" s="299">
        <v>0</v>
      </c>
      <c r="AT36" s="300">
        <v>0</v>
      </c>
      <c r="AU36" s="295">
        <v>0</v>
      </c>
      <c r="AV36" s="296">
        <v>0</v>
      </c>
      <c r="AW36" s="297">
        <v>0</v>
      </c>
      <c r="AX36" s="301"/>
      <c r="AY36" s="296">
        <v>23850</v>
      </c>
      <c r="AZ36" s="296">
        <v>49225</v>
      </c>
      <c r="BA36" s="296">
        <v>31055</v>
      </c>
      <c r="BB36" s="296">
        <v>68700</v>
      </c>
      <c r="BC36" s="296">
        <v>68550</v>
      </c>
      <c r="BD36" s="299">
        <v>241380</v>
      </c>
      <c r="BE36" s="300">
        <v>241380</v>
      </c>
      <c r="BF36" s="295">
        <v>0</v>
      </c>
      <c r="BG36" s="296">
        <v>0</v>
      </c>
      <c r="BH36" s="297">
        <v>0</v>
      </c>
      <c r="BI36" s="301"/>
      <c r="BJ36" s="296">
        <v>0</v>
      </c>
      <c r="BK36" s="296">
        <v>0</v>
      </c>
      <c r="BL36" s="296">
        <v>0</v>
      </c>
      <c r="BM36" s="296">
        <v>0</v>
      </c>
      <c r="BN36" s="296">
        <v>0</v>
      </c>
      <c r="BO36" s="299">
        <v>0</v>
      </c>
      <c r="BP36" s="300">
        <v>0</v>
      </c>
      <c r="BQ36" s="295">
        <v>0</v>
      </c>
      <c r="BR36" s="296">
        <v>0</v>
      </c>
      <c r="BS36" s="297">
        <v>0</v>
      </c>
      <c r="BT36" s="298">
        <v>0</v>
      </c>
      <c r="BU36" s="296">
        <v>580</v>
      </c>
      <c r="BV36" s="296">
        <v>0</v>
      </c>
      <c r="BW36" s="296">
        <v>18685</v>
      </c>
      <c r="BX36" s="296">
        <v>20592</v>
      </c>
      <c r="BY36" s="296">
        <v>0</v>
      </c>
      <c r="BZ36" s="299">
        <v>39857</v>
      </c>
      <c r="CA36" s="300">
        <v>39857</v>
      </c>
      <c r="CB36" s="295">
        <v>0</v>
      </c>
      <c r="CC36" s="296">
        <v>0</v>
      </c>
      <c r="CD36" s="297">
        <v>0</v>
      </c>
      <c r="CE36" s="298">
        <v>0</v>
      </c>
      <c r="CF36" s="296">
        <v>925</v>
      </c>
      <c r="CG36" s="296">
        <v>0</v>
      </c>
      <c r="CH36" s="296">
        <v>2560</v>
      </c>
      <c r="CI36" s="296">
        <v>0</v>
      </c>
      <c r="CJ36" s="296">
        <v>0</v>
      </c>
      <c r="CK36" s="299">
        <v>3485</v>
      </c>
      <c r="CL36" s="300">
        <v>3485</v>
      </c>
      <c r="CM36" s="295">
        <v>0</v>
      </c>
      <c r="CN36" s="296">
        <v>0</v>
      </c>
      <c r="CO36" s="297">
        <v>0</v>
      </c>
      <c r="CP36" s="298">
        <v>0</v>
      </c>
      <c r="CQ36" s="296">
        <v>0</v>
      </c>
      <c r="CR36" s="296">
        <v>0</v>
      </c>
      <c r="CS36" s="296">
        <v>0</v>
      </c>
      <c r="CT36" s="296">
        <v>0</v>
      </c>
      <c r="CU36" s="296">
        <v>0</v>
      </c>
      <c r="CV36" s="299">
        <v>0</v>
      </c>
      <c r="CW36" s="300">
        <v>0</v>
      </c>
      <c r="CX36" s="295">
        <v>0</v>
      </c>
      <c r="CY36" s="296">
        <v>0</v>
      </c>
      <c r="CZ36" s="297">
        <v>0</v>
      </c>
      <c r="DA36" s="301"/>
      <c r="DB36" s="296">
        <v>0</v>
      </c>
      <c r="DC36" s="296">
        <v>0</v>
      </c>
      <c r="DD36" s="296">
        <v>0</v>
      </c>
      <c r="DE36" s="296">
        <v>0</v>
      </c>
      <c r="DF36" s="296">
        <v>0</v>
      </c>
      <c r="DG36" s="299">
        <v>0</v>
      </c>
      <c r="DH36" s="300">
        <v>0</v>
      </c>
      <c r="DI36" s="295">
        <v>0</v>
      </c>
      <c r="DJ36" s="296">
        <v>0</v>
      </c>
      <c r="DK36" s="297">
        <v>0</v>
      </c>
      <c r="DL36" s="298">
        <v>0</v>
      </c>
      <c r="DM36" s="296">
        <v>3387</v>
      </c>
      <c r="DN36" s="296">
        <v>51336</v>
      </c>
      <c r="DO36" s="296">
        <v>349761</v>
      </c>
      <c r="DP36" s="296">
        <v>481334</v>
      </c>
      <c r="DQ36" s="296">
        <v>207090</v>
      </c>
      <c r="DR36" s="299">
        <v>1092908</v>
      </c>
      <c r="DS36" s="302">
        <v>1092908</v>
      </c>
      <c r="DT36" s="295">
        <v>0</v>
      </c>
      <c r="DU36" s="296">
        <v>0</v>
      </c>
      <c r="DV36" s="297">
        <v>0</v>
      </c>
      <c r="DW36" s="301"/>
      <c r="DX36" s="296">
        <v>0</v>
      </c>
      <c r="DY36" s="296">
        <v>35430</v>
      </c>
      <c r="DZ36" s="296">
        <v>269841</v>
      </c>
      <c r="EA36" s="296">
        <v>426642</v>
      </c>
      <c r="EB36" s="296">
        <v>194940</v>
      </c>
      <c r="EC36" s="299">
        <v>926853</v>
      </c>
      <c r="ED36" s="300">
        <v>926853</v>
      </c>
      <c r="EE36" s="295">
        <v>0</v>
      </c>
      <c r="EF36" s="296">
        <v>0</v>
      </c>
      <c r="EG36" s="297">
        <v>0</v>
      </c>
      <c r="EH36" s="301"/>
      <c r="EI36" s="296">
        <v>1050</v>
      </c>
      <c r="EJ36" s="296">
        <v>420</v>
      </c>
      <c r="EK36" s="296">
        <v>48089</v>
      </c>
      <c r="EL36" s="296">
        <v>1890</v>
      </c>
      <c r="EM36" s="296">
        <v>210</v>
      </c>
      <c r="EN36" s="299">
        <v>51659</v>
      </c>
      <c r="EO36" s="300">
        <v>51659</v>
      </c>
      <c r="EP36" s="295">
        <v>0</v>
      </c>
      <c r="EQ36" s="296">
        <v>0</v>
      </c>
      <c r="ER36" s="297">
        <v>0</v>
      </c>
      <c r="ES36" s="301"/>
      <c r="ET36" s="296">
        <v>0</v>
      </c>
      <c r="EU36" s="296">
        <v>0</v>
      </c>
      <c r="EV36" s="296">
        <v>0</v>
      </c>
      <c r="EW36" s="296">
        <v>0</v>
      </c>
      <c r="EX36" s="296">
        <v>0</v>
      </c>
      <c r="EY36" s="299">
        <v>0</v>
      </c>
      <c r="EZ36" s="300">
        <v>0</v>
      </c>
      <c r="FA36" s="295">
        <v>0</v>
      </c>
      <c r="FB36" s="296">
        <v>0</v>
      </c>
      <c r="FC36" s="297">
        <v>0</v>
      </c>
      <c r="FD36" s="301"/>
      <c r="FE36" s="296">
        <v>210</v>
      </c>
      <c r="FF36" s="296">
        <v>14516</v>
      </c>
      <c r="FG36" s="296">
        <v>11730</v>
      </c>
      <c r="FH36" s="296">
        <v>22620</v>
      </c>
      <c r="FI36" s="296">
        <v>11940</v>
      </c>
      <c r="FJ36" s="299">
        <v>61016</v>
      </c>
      <c r="FK36" s="300">
        <v>61016</v>
      </c>
      <c r="FL36" s="295">
        <v>0</v>
      </c>
      <c r="FM36" s="296">
        <v>0</v>
      </c>
      <c r="FN36" s="297">
        <v>0</v>
      </c>
      <c r="FO36" s="301"/>
      <c r="FP36" s="296">
        <v>0</v>
      </c>
      <c r="FQ36" s="296">
        <v>0</v>
      </c>
      <c r="FR36" s="296">
        <v>0</v>
      </c>
      <c r="FS36" s="296">
        <v>0</v>
      </c>
      <c r="FT36" s="296">
        <v>0</v>
      </c>
      <c r="FU36" s="299">
        <v>0</v>
      </c>
      <c r="FV36" s="300">
        <v>0</v>
      </c>
      <c r="FW36" s="295">
        <v>0</v>
      </c>
      <c r="FX36" s="296">
        <v>0</v>
      </c>
      <c r="FY36" s="297">
        <v>0</v>
      </c>
      <c r="FZ36" s="298">
        <v>0</v>
      </c>
      <c r="GA36" s="296">
        <v>2106</v>
      </c>
      <c r="GB36" s="296">
        <v>970</v>
      </c>
      <c r="GC36" s="296">
        <v>20073</v>
      </c>
      <c r="GD36" s="296">
        <v>30182</v>
      </c>
      <c r="GE36" s="296">
        <v>0</v>
      </c>
      <c r="GF36" s="299">
        <v>53331</v>
      </c>
      <c r="GG36" s="300">
        <v>53331</v>
      </c>
      <c r="GH36" s="295">
        <v>0</v>
      </c>
      <c r="GI36" s="296">
        <v>0</v>
      </c>
      <c r="GJ36" s="297">
        <v>0</v>
      </c>
      <c r="GK36" s="298">
        <v>0</v>
      </c>
      <c r="GL36" s="296">
        <v>21</v>
      </c>
      <c r="GM36" s="296">
        <v>0</v>
      </c>
      <c r="GN36" s="296">
        <v>28</v>
      </c>
      <c r="GO36" s="296">
        <v>0</v>
      </c>
      <c r="GP36" s="296">
        <v>0</v>
      </c>
      <c r="GQ36" s="299">
        <v>49</v>
      </c>
      <c r="GR36" s="300">
        <v>49</v>
      </c>
      <c r="GS36" s="295">
        <v>0</v>
      </c>
      <c r="GT36" s="296">
        <v>0</v>
      </c>
      <c r="GU36" s="297">
        <v>0</v>
      </c>
      <c r="GV36" s="298">
        <v>0</v>
      </c>
      <c r="GW36" s="296">
        <v>0</v>
      </c>
      <c r="GX36" s="296">
        <v>0</v>
      </c>
      <c r="GY36" s="296">
        <v>0</v>
      </c>
      <c r="GZ36" s="296">
        <v>0</v>
      </c>
      <c r="HA36" s="296">
        <v>0</v>
      </c>
      <c r="HB36" s="299">
        <v>0</v>
      </c>
      <c r="HC36" s="300">
        <v>0</v>
      </c>
      <c r="HD36" s="295">
        <v>0</v>
      </c>
      <c r="HE36" s="296">
        <v>0</v>
      </c>
      <c r="HF36" s="297">
        <v>0</v>
      </c>
      <c r="HG36" s="301"/>
      <c r="HH36" s="296">
        <v>0</v>
      </c>
      <c r="HI36" s="296">
        <v>0</v>
      </c>
      <c r="HJ36" s="296">
        <v>0</v>
      </c>
      <c r="HK36" s="296">
        <v>0</v>
      </c>
      <c r="HL36" s="296">
        <v>0</v>
      </c>
      <c r="HM36" s="299">
        <v>0</v>
      </c>
      <c r="HN36" s="300">
        <v>0</v>
      </c>
      <c r="HO36" s="295">
        <v>0</v>
      </c>
      <c r="HP36" s="296">
        <v>0</v>
      </c>
      <c r="HQ36" s="297">
        <v>0</v>
      </c>
      <c r="HR36" s="298">
        <v>0</v>
      </c>
      <c r="HS36" s="296">
        <v>70592</v>
      </c>
      <c r="HT36" s="296">
        <v>153361</v>
      </c>
      <c r="HU36" s="296">
        <v>835091</v>
      </c>
      <c r="HV36" s="296">
        <v>1089131</v>
      </c>
      <c r="HW36" s="296">
        <v>581495</v>
      </c>
      <c r="HX36" s="299">
        <v>2729670</v>
      </c>
      <c r="HY36" s="300">
        <v>2729670</v>
      </c>
    </row>
    <row r="37" spans="2:233" ht="19.8" customHeight="1" x14ac:dyDescent="0.2">
      <c r="B37" s="293" t="s">
        <v>34</v>
      </c>
      <c r="C37" s="295">
        <v>0</v>
      </c>
      <c r="D37" s="296">
        <v>0</v>
      </c>
      <c r="E37" s="297">
        <v>0</v>
      </c>
      <c r="F37" s="298">
        <v>0</v>
      </c>
      <c r="G37" s="296">
        <v>38303</v>
      </c>
      <c r="H37" s="296">
        <v>72855</v>
      </c>
      <c r="I37" s="296">
        <v>152810</v>
      </c>
      <c r="J37" s="296">
        <v>288670</v>
      </c>
      <c r="K37" s="296">
        <v>122850</v>
      </c>
      <c r="L37" s="299">
        <v>675488</v>
      </c>
      <c r="M37" s="300">
        <v>675488</v>
      </c>
      <c r="N37" s="295">
        <v>0</v>
      </c>
      <c r="O37" s="296">
        <v>0</v>
      </c>
      <c r="P37" s="297">
        <v>0</v>
      </c>
      <c r="Q37" s="301"/>
      <c r="R37" s="296">
        <v>0</v>
      </c>
      <c r="S37" s="296">
        <v>0</v>
      </c>
      <c r="T37" s="296">
        <v>35695</v>
      </c>
      <c r="U37" s="296">
        <v>199350</v>
      </c>
      <c r="V37" s="296">
        <v>96450</v>
      </c>
      <c r="W37" s="299">
        <v>331495</v>
      </c>
      <c r="X37" s="300">
        <v>331495</v>
      </c>
      <c r="Y37" s="295">
        <v>0</v>
      </c>
      <c r="Z37" s="296">
        <v>0</v>
      </c>
      <c r="AA37" s="297">
        <v>0</v>
      </c>
      <c r="AB37" s="301"/>
      <c r="AC37" s="296">
        <v>26400</v>
      </c>
      <c r="AD37" s="296">
        <v>38505</v>
      </c>
      <c r="AE37" s="296">
        <v>116100</v>
      </c>
      <c r="AF37" s="296">
        <v>63300</v>
      </c>
      <c r="AG37" s="296">
        <v>26400</v>
      </c>
      <c r="AH37" s="299">
        <v>270705</v>
      </c>
      <c r="AI37" s="300">
        <v>270705</v>
      </c>
      <c r="AJ37" s="295">
        <v>0</v>
      </c>
      <c r="AK37" s="296">
        <v>0</v>
      </c>
      <c r="AL37" s="297">
        <v>0</v>
      </c>
      <c r="AM37" s="301"/>
      <c r="AN37" s="296">
        <v>0</v>
      </c>
      <c r="AO37" s="296">
        <v>0</v>
      </c>
      <c r="AP37" s="296">
        <v>0</v>
      </c>
      <c r="AQ37" s="296">
        <v>0</v>
      </c>
      <c r="AR37" s="296">
        <v>0</v>
      </c>
      <c r="AS37" s="299">
        <v>0</v>
      </c>
      <c r="AT37" s="300">
        <v>0</v>
      </c>
      <c r="AU37" s="295">
        <v>0</v>
      </c>
      <c r="AV37" s="296">
        <v>0</v>
      </c>
      <c r="AW37" s="297">
        <v>0</v>
      </c>
      <c r="AX37" s="301"/>
      <c r="AY37" s="296">
        <v>0</v>
      </c>
      <c r="AZ37" s="296">
        <v>34350</v>
      </c>
      <c r="BA37" s="296">
        <v>0</v>
      </c>
      <c r="BB37" s="296">
        <v>0</v>
      </c>
      <c r="BC37" s="296">
        <v>0</v>
      </c>
      <c r="BD37" s="299">
        <v>34350</v>
      </c>
      <c r="BE37" s="300">
        <v>34350</v>
      </c>
      <c r="BF37" s="295">
        <v>0</v>
      </c>
      <c r="BG37" s="296">
        <v>0</v>
      </c>
      <c r="BH37" s="297">
        <v>0</v>
      </c>
      <c r="BI37" s="301"/>
      <c r="BJ37" s="296">
        <v>0</v>
      </c>
      <c r="BK37" s="296">
        <v>0</v>
      </c>
      <c r="BL37" s="296">
        <v>0</v>
      </c>
      <c r="BM37" s="296">
        <v>0</v>
      </c>
      <c r="BN37" s="296">
        <v>0</v>
      </c>
      <c r="BO37" s="299">
        <v>0</v>
      </c>
      <c r="BP37" s="300">
        <v>0</v>
      </c>
      <c r="BQ37" s="295">
        <v>0</v>
      </c>
      <c r="BR37" s="296">
        <v>0</v>
      </c>
      <c r="BS37" s="297">
        <v>0</v>
      </c>
      <c r="BT37" s="298">
        <v>0</v>
      </c>
      <c r="BU37" s="296">
        <v>11903</v>
      </c>
      <c r="BV37" s="296">
        <v>0</v>
      </c>
      <c r="BW37" s="296">
        <v>1015</v>
      </c>
      <c r="BX37" s="296">
        <v>21480</v>
      </c>
      <c r="BY37" s="296">
        <v>0</v>
      </c>
      <c r="BZ37" s="299">
        <v>34398</v>
      </c>
      <c r="CA37" s="300">
        <v>34398</v>
      </c>
      <c r="CB37" s="295">
        <v>0</v>
      </c>
      <c r="CC37" s="296">
        <v>0</v>
      </c>
      <c r="CD37" s="297">
        <v>0</v>
      </c>
      <c r="CE37" s="298">
        <v>0</v>
      </c>
      <c r="CF37" s="296">
        <v>0</v>
      </c>
      <c r="CG37" s="296">
        <v>0</v>
      </c>
      <c r="CH37" s="296">
        <v>0</v>
      </c>
      <c r="CI37" s="296">
        <v>4540</v>
      </c>
      <c r="CJ37" s="296">
        <v>0</v>
      </c>
      <c r="CK37" s="299">
        <v>4540</v>
      </c>
      <c r="CL37" s="300">
        <v>4540</v>
      </c>
      <c r="CM37" s="295">
        <v>0</v>
      </c>
      <c r="CN37" s="296">
        <v>0</v>
      </c>
      <c r="CO37" s="297">
        <v>0</v>
      </c>
      <c r="CP37" s="298">
        <v>0</v>
      </c>
      <c r="CQ37" s="296">
        <v>0</v>
      </c>
      <c r="CR37" s="296">
        <v>0</v>
      </c>
      <c r="CS37" s="296">
        <v>0</v>
      </c>
      <c r="CT37" s="296">
        <v>0</v>
      </c>
      <c r="CU37" s="296">
        <v>0</v>
      </c>
      <c r="CV37" s="299">
        <v>0</v>
      </c>
      <c r="CW37" s="300">
        <v>0</v>
      </c>
      <c r="CX37" s="295">
        <v>0</v>
      </c>
      <c r="CY37" s="296">
        <v>0</v>
      </c>
      <c r="CZ37" s="297">
        <v>0</v>
      </c>
      <c r="DA37" s="301"/>
      <c r="DB37" s="296">
        <v>0</v>
      </c>
      <c r="DC37" s="296">
        <v>0</v>
      </c>
      <c r="DD37" s="296">
        <v>0</v>
      </c>
      <c r="DE37" s="296">
        <v>0</v>
      </c>
      <c r="DF37" s="296">
        <v>0</v>
      </c>
      <c r="DG37" s="299">
        <v>0</v>
      </c>
      <c r="DH37" s="300">
        <v>0</v>
      </c>
      <c r="DI37" s="295">
        <v>0</v>
      </c>
      <c r="DJ37" s="296">
        <v>0</v>
      </c>
      <c r="DK37" s="297">
        <v>0</v>
      </c>
      <c r="DL37" s="298">
        <v>0</v>
      </c>
      <c r="DM37" s="296">
        <v>20552</v>
      </c>
      <c r="DN37" s="296">
        <v>12143</v>
      </c>
      <c r="DO37" s="296">
        <v>89040</v>
      </c>
      <c r="DP37" s="296">
        <v>274382</v>
      </c>
      <c r="DQ37" s="296">
        <v>148620</v>
      </c>
      <c r="DR37" s="299">
        <v>544737</v>
      </c>
      <c r="DS37" s="302">
        <v>544737</v>
      </c>
      <c r="DT37" s="295">
        <v>0</v>
      </c>
      <c r="DU37" s="296">
        <v>0</v>
      </c>
      <c r="DV37" s="297">
        <v>0</v>
      </c>
      <c r="DW37" s="301"/>
      <c r="DX37" s="296">
        <v>0</v>
      </c>
      <c r="DY37" s="296">
        <v>0</v>
      </c>
      <c r="DZ37" s="296">
        <v>77340</v>
      </c>
      <c r="EA37" s="296">
        <v>248820</v>
      </c>
      <c r="EB37" s="296">
        <v>148200</v>
      </c>
      <c r="EC37" s="299">
        <v>474360</v>
      </c>
      <c r="ED37" s="300">
        <v>474360</v>
      </c>
      <c r="EE37" s="295">
        <v>0</v>
      </c>
      <c r="EF37" s="296">
        <v>0</v>
      </c>
      <c r="EG37" s="297">
        <v>0</v>
      </c>
      <c r="EH37" s="301"/>
      <c r="EI37" s="296">
        <v>390</v>
      </c>
      <c r="EJ37" s="296">
        <v>833</v>
      </c>
      <c r="EK37" s="296">
        <v>1260</v>
      </c>
      <c r="EL37" s="296">
        <v>11940</v>
      </c>
      <c r="EM37" s="296">
        <v>420</v>
      </c>
      <c r="EN37" s="299">
        <v>14843</v>
      </c>
      <c r="EO37" s="300">
        <v>14843</v>
      </c>
      <c r="EP37" s="295">
        <v>0</v>
      </c>
      <c r="EQ37" s="296">
        <v>0</v>
      </c>
      <c r="ER37" s="297">
        <v>0</v>
      </c>
      <c r="ES37" s="301"/>
      <c r="ET37" s="296">
        <v>0</v>
      </c>
      <c r="EU37" s="296">
        <v>0</v>
      </c>
      <c r="EV37" s="296">
        <v>0</v>
      </c>
      <c r="EW37" s="296">
        <v>0</v>
      </c>
      <c r="EX37" s="296">
        <v>0</v>
      </c>
      <c r="EY37" s="299">
        <v>0</v>
      </c>
      <c r="EZ37" s="300">
        <v>0</v>
      </c>
      <c r="FA37" s="295">
        <v>0</v>
      </c>
      <c r="FB37" s="296">
        <v>0</v>
      </c>
      <c r="FC37" s="297">
        <v>0</v>
      </c>
      <c r="FD37" s="301"/>
      <c r="FE37" s="296">
        <v>0</v>
      </c>
      <c r="FF37" s="296">
        <v>11310</v>
      </c>
      <c r="FG37" s="296">
        <v>0</v>
      </c>
      <c r="FH37" s="296">
        <v>0</v>
      </c>
      <c r="FI37" s="296">
        <v>0</v>
      </c>
      <c r="FJ37" s="299">
        <v>11310</v>
      </c>
      <c r="FK37" s="300">
        <v>11310</v>
      </c>
      <c r="FL37" s="295">
        <v>0</v>
      </c>
      <c r="FM37" s="296">
        <v>0</v>
      </c>
      <c r="FN37" s="297">
        <v>0</v>
      </c>
      <c r="FO37" s="301"/>
      <c r="FP37" s="296">
        <v>0</v>
      </c>
      <c r="FQ37" s="296">
        <v>0</v>
      </c>
      <c r="FR37" s="296">
        <v>0</v>
      </c>
      <c r="FS37" s="296">
        <v>0</v>
      </c>
      <c r="FT37" s="296">
        <v>0</v>
      </c>
      <c r="FU37" s="299">
        <v>0</v>
      </c>
      <c r="FV37" s="300">
        <v>0</v>
      </c>
      <c r="FW37" s="295">
        <v>0</v>
      </c>
      <c r="FX37" s="296">
        <v>0</v>
      </c>
      <c r="FY37" s="297">
        <v>0</v>
      </c>
      <c r="FZ37" s="298">
        <v>0</v>
      </c>
      <c r="GA37" s="296">
        <v>20162</v>
      </c>
      <c r="GB37" s="296">
        <v>0</v>
      </c>
      <c r="GC37" s="296">
        <v>10440</v>
      </c>
      <c r="GD37" s="296">
        <v>13580</v>
      </c>
      <c r="GE37" s="296">
        <v>0</v>
      </c>
      <c r="GF37" s="299">
        <v>44182</v>
      </c>
      <c r="GG37" s="300">
        <v>44182</v>
      </c>
      <c r="GH37" s="295">
        <v>0</v>
      </c>
      <c r="GI37" s="296">
        <v>0</v>
      </c>
      <c r="GJ37" s="297">
        <v>0</v>
      </c>
      <c r="GK37" s="298">
        <v>0</v>
      </c>
      <c r="GL37" s="296">
        <v>0</v>
      </c>
      <c r="GM37" s="296">
        <v>0</v>
      </c>
      <c r="GN37" s="296">
        <v>0</v>
      </c>
      <c r="GO37" s="296">
        <v>42</v>
      </c>
      <c r="GP37" s="296">
        <v>0</v>
      </c>
      <c r="GQ37" s="299">
        <v>42</v>
      </c>
      <c r="GR37" s="300">
        <v>42</v>
      </c>
      <c r="GS37" s="295">
        <v>0</v>
      </c>
      <c r="GT37" s="296">
        <v>0</v>
      </c>
      <c r="GU37" s="297">
        <v>0</v>
      </c>
      <c r="GV37" s="298">
        <v>0</v>
      </c>
      <c r="GW37" s="296">
        <v>0</v>
      </c>
      <c r="GX37" s="296">
        <v>0</v>
      </c>
      <c r="GY37" s="296">
        <v>0</v>
      </c>
      <c r="GZ37" s="296">
        <v>0</v>
      </c>
      <c r="HA37" s="296">
        <v>0</v>
      </c>
      <c r="HB37" s="299">
        <v>0</v>
      </c>
      <c r="HC37" s="300">
        <v>0</v>
      </c>
      <c r="HD37" s="295">
        <v>0</v>
      </c>
      <c r="HE37" s="296">
        <v>0</v>
      </c>
      <c r="HF37" s="297">
        <v>0</v>
      </c>
      <c r="HG37" s="301"/>
      <c r="HH37" s="296">
        <v>0</v>
      </c>
      <c r="HI37" s="296">
        <v>0</v>
      </c>
      <c r="HJ37" s="296">
        <v>0</v>
      </c>
      <c r="HK37" s="296">
        <v>0</v>
      </c>
      <c r="HL37" s="296">
        <v>0</v>
      </c>
      <c r="HM37" s="299">
        <v>0</v>
      </c>
      <c r="HN37" s="300">
        <v>0</v>
      </c>
      <c r="HO37" s="295">
        <v>0</v>
      </c>
      <c r="HP37" s="296">
        <v>0</v>
      </c>
      <c r="HQ37" s="297">
        <v>0</v>
      </c>
      <c r="HR37" s="298">
        <v>0</v>
      </c>
      <c r="HS37" s="296">
        <v>58855</v>
      </c>
      <c r="HT37" s="296">
        <v>84998</v>
      </c>
      <c r="HU37" s="296">
        <v>241850</v>
      </c>
      <c r="HV37" s="296">
        <v>563052</v>
      </c>
      <c r="HW37" s="296">
        <v>271470</v>
      </c>
      <c r="HX37" s="299">
        <v>1220225</v>
      </c>
      <c r="HY37" s="300">
        <v>1220225</v>
      </c>
    </row>
    <row r="38" spans="2:233" ht="19.8" customHeight="1" x14ac:dyDescent="0.2">
      <c r="B38" s="293" t="s">
        <v>35</v>
      </c>
      <c r="C38" s="295">
        <v>0</v>
      </c>
      <c r="D38" s="296">
        <v>0</v>
      </c>
      <c r="E38" s="297">
        <v>0</v>
      </c>
      <c r="F38" s="298">
        <v>0</v>
      </c>
      <c r="G38" s="296">
        <v>328005</v>
      </c>
      <c r="H38" s="296">
        <v>373080</v>
      </c>
      <c r="I38" s="296">
        <v>710577</v>
      </c>
      <c r="J38" s="296">
        <v>818181</v>
      </c>
      <c r="K38" s="296">
        <v>373035</v>
      </c>
      <c r="L38" s="299">
        <v>2602878</v>
      </c>
      <c r="M38" s="300">
        <v>2602878</v>
      </c>
      <c r="N38" s="295">
        <v>0</v>
      </c>
      <c r="O38" s="296">
        <v>0</v>
      </c>
      <c r="P38" s="297">
        <v>0</v>
      </c>
      <c r="Q38" s="301"/>
      <c r="R38" s="296">
        <v>57300</v>
      </c>
      <c r="S38" s="296">
        <v>33300</v>
      </c>
      <c r="T38" s="296">
        <v>302885</v>
      </c>
      <c r="U38" s="296">
        <v>483065</v>
      </c>
      <c r="V38" s="296">
        <v>249310</v>
      </c>
      <c r="W38" s="299">
        <v>1125860</v>
      </c>
      <c r="X38" s="300">
        <v>1125860</v>
      </c>
      <c r="Y38" s="295">
        <v>0</v>
      </c>
      <c r="Z38" s="296">
        <v>0</v>
      </c>
      <c r="AA38" s="297">
        <v>0</v>
      </c>
      <c r="AB38" s="301"/>
      <c r="AC38" s="296">
        <v>197095</v>
      </c>
      <c r="AD38" s="296">
        <v>329070</v>
      </c>
      <c r="AE38" s="296">
        <v>217815</v>
      </c>
      <c r="AF38" s="296">
        <v>200535</v>
      </c>
      <c r="AG38" s="296">
        <v>0</v>
      </c>
      <c r="AH38" s="299">
        <v>944515</v>
      </c>
      <c r="AI38" s="300">
        <v>944515</v>
      </c>
      <c r="AJ38" s="295">
        <v>0</v>
      </c>
      <c r="AK38" s="296">
        <v>0</v>
      </c>
      <c r="AL38" s="297">
        <v>0</v>
      </c>
      <c r="AM38" s="301"/>
      <c r="AN38" s="296">
        <v>0</v>
      </c>
      <c r="AO38" s="296">
        <v>0</v>
      </c>
      <c r="AP38" s="296">
        <v>0</v>
      </c>
      <c r="AQ38" s="296">
        <v>0</v>
      </c>
      <c r="AR38" s="296">
        <v>0</v>
      </c>
      <c r="AS38" s="299">
        <v>0</v>
      </c>
      <c r="AT38" s="300">
        <v>0</v>
      </c>
      <c r="AU38" s="295">
        <v>0</v>
      </c>
      <c r="AV38" s="296">
        <v>0</v>
      </c>
      <c r="AW38" s="297">
        <v>0</v>
      </c>
      <c r="AX38" s="301"/>
      <c r="AY38" s="296">
        <v>71100</v>
      </c>
      <c r="AZ38" s="296">
        <v>0</v>
      </c>
      <c r="BA38" s="296">
        <v>141095</v>
      </c>
      <c r="BB38" s="296">
        <v>92550</v>
      </c>
      <c r="BC38" s="296">
        <v>123725</v>
      </c>
      <c r="BD38" s="299">
        <v>428470</v>
      </c>
      <c r="BE38" s="300">
        <v>428470</v>
      </c>
      <c r="BF38" s="295">
        <v>0</v>
      </c>
      <c r="BG38" s="296">
        <v>0</v>
      </c>
      <c r="BH38" s="297">
        <v>0</v>
      </c>
      <c r="BI38" s="301"/>
      <c r="BJ38" s="296">
        <v>0</v>
      </c>
      <c r="BK38" s="296">
        <v>0</v>
      </c>
      <c r="BL38" s="296">
        <v>0</v>
      </c>
      <c r="BM38" s="296">
        <v>0</v>
      </c>
      <c r="BN38" s="296">
        <v>0</v>
      </c>
      <c r="BO38" s="299">
        <v>0</v>
      </c>
      <c r="BP38" s="300">
        <v>0</v>
      </c>
      <c r="BQ38" s="295">
        <v>0</v>
      </c>
      <c r="BR38" s="296">
        <v>0</v>
      </c>
      <c r="BS38" s="297">
        <v>0</v>
      </c>
      <c r="BT38" s="298">
        <v>0</v>
      </c>
      <c r="BU38" s="296">
        <v>2510</v>
      </c>
      <c r="BV38" s="296">
        <v>10710</v>
      </c>
      <c r="BW38" s="296">
        <v>47977</v>
      </c>
      <c r="BX38" s="296">
        <v>42031</v>
      </c>
      <c r="BY38" s="296">
        <v>0</v>
      </c>
      <c r="BZ38" s="299">
        <v>103228</v>
      </c>
      <c r="CA38" s="300">
        <v>103228</v>
      </c>
      <c r="CB38" s="295">
        <v>0</v>
      </c>
      <c r="CC38" s="296">
        <v>0</v>
      </c>
      <c r="CD38" s="297">
        <v>0</v>
      </c>
      <c r="CE38" s="298">
        <v>0</v>
      </c>
      <c r="CF38" s="296">
        <v>0</v>
      </c>
      <c r="CG38" s="296">
        <v>0</v>
      </c>
      <c r="CH38" s="296">
        <v>805</v>
      </c>
      <c r="CI38" s="296">
        <v>0</v>
      </c>
      <c r="CJ38" s="296">
        <v>0</v>
      </c>
      <c r="CK38" s="299">
        <v>805</v>
      </c>
      <c r="CL38" s="300">
        <v>805</v>
      </c>
      <c r="CM38" s="295">
        <v>0</v>
      </c>
      <c r="CN38" s="296">
        <v>0</v>
      </c>
      <c r="CO38" s="297">
        <v>0</v>
      </c>
      <c r="CP38" s="298">
        <v>0</v>
      </c>
      <c r="CQ38" s="296">
        <v>0</v>
      </c>
      <c r="CR38" s="296">
        <v>0</v>
      </c>
      <c r="CS38" s="296">
        <v>0</v>
      </c>
      <c r="CT38" s="296">
        <v>0</v>
      </c>
      <c r="CU38" s="296">
        <v>0</v>
      </c>
      <c r="CV38" s="299">
        <v>0</v>
      </c>
      <c r="CW38" s="300">
        <v>0</v>
      </c>
      <c r="CX38" s="295">
        <v>0</v>
      </c>
      <c r="CY38" s="296">
        <v>0</v>
      </c>
      <c r="CZ38" s="297">
        <v>0</v>
      </c>
      <c r="DA38" s="301"/>
      <c r="DB38" s="296">
        <v>0</v>
      </c>
      <c r="DC38" s="296">
        <v>0</v>
      </c>
      <c r="DD38" s="296">
        <v>0</v>
      </c>
      <c r="DE38" s="296">
        <v>0</v>
      </c>
      <c r="DF38" s="296">
        <v>0</v>
      </c>
      <c r="DG38" s="299">
        <v>0</v>
      </c>
      <c r="DH38" s="300">
        <v>0</v>
      </c>
      <c r="DI38" s="295">
        <v>0</v>
      </c>
      <c r="DJ38" s="296">
        <v>0</v>
      </c>
      <c r="DK38" s="297">
        <v>0</v>
      </c>
      <c r="DL38" s="298">
        <v>0</v>
      </c>
      <c r="DM38" s="296">
        <v>66649</v>
      </c>
      <c r="DN38" s="296">
        <v>104469</v>
      </c>
      <c r="DO38" s="296">
        <v>464606</v>
      </c>
      <c r="DP38" s="296">
        <v>528104</v>
      </c>
      <c r="DQ38" s="296">
        <v>281232</v>
      </c>
      <c r="DR38" s="299">
        <v>1445060</v>
      </c>
      <c r="DS38" s="302">
        <v>1445060</v>
      </c>
      <c r="DT38" s="295">
        <v>0</v>
      </c>
      <c r="DU38" s="296">
        <v>0</v>
      </c>
      <c r="DV38" s="297">
        <v>0</v>
      </c>
      <c r="DW38" s="301"/>
      <c r="DX38" s="296">
        <v>40200</v>
      </c>
      <c r="DY38" s="296">
        <v>29100</v>
      </c>
      <c r="DZ38" s="296">
        <v>356404</v>
      </c>
      <c r="EA38" s="296">
        <v>421265</v>
      </c>
      <c r="EB38" s="296">
        <v>246882</v>
      </c>
      <c r="EC38" s="299">
        <v>1093851</v>
      </c>
      <c r="ED38" s="300">
        <v>1093851</v>
      </c>
      <c r="EE38" s="295">
        <v>0</v>
      </c>
      <c r="EF38" s="296">
        <v>0</v>
      </c>
      <c r="EG38" s="297">
        <v>0</v>
      </c>
      <c r="EH38" s="301"/>
      <c r="EI38" s="296">
        <v>11944</v>
      </c>
      <c r="EJ38" s="296">
        <v>48776</v>
      </c>
      <c r="EK38" s="296">
        <v>1848</v>
      </c>
      <c r="EL38" s="296">
        <v>1491</v>
      </c>
      <c r="EM38" s="296">
        <v>0</v>
      </c>
      <c r="EN38" s="299">
        <v>64059</v>
      </c>
      <c r="EO38" s="300">
        <v>64059</v>
      </c>
      <c r="EP38" s="295">
        <v>0</v>
      </c>
      <c r="EQ38" s="296">
        <v>0</v>
      </c>
      <c r="ER38" s="297">
        <v>0</v>
      </c>
      <c r="ES38" s="301"/>
      <c r="ET38" s="296">
        <v>0</v>
      </c>
      <c r="EU38" s="296">
        <v>0</v>
      </c>
      <c r="EV38" s="296">
        <v>0</v>
      </c>
      <c r="EW38" s="296">
        <v>0</v>
      </c>
      <c r="EX38" s="296">
        <v>0</v>
      </c>
      <c r="EY38" s="299">
        <v>0</v>
      </c>
      <c r="EZ38" s="300">
        <v>0</v>
      </c>
      <c r="FA38" s="295">
        <v>0</v>
      </c>
      <c r="FB38" s="296">
        <v>0</v>
      </c>
      <c r="FC38" s="297">
        <v>0</v>
      </c>
      <c r="FD38" s="301"/>
      <c r="FE38" s="296">
        <v>11940</v>
      </c>
      <c r="FF38" s="296">
        <v>0</v>
      </c>
      <c r="FG38" s="296">
        <v>45827</v>
      </c>
      <c r="FH38" s="296">
        <v>22830</v>
      </c>
      <c r="FI38" s="296">
        <v>34350</v>
      </c>
      <c r="FJ38" s="299">
        <v>114947</v>
      </c>
      <c r="FK38" s="300">
        <v>114947</v>
      </c>
      <c r="FL38" s="295">
        <v>0</v>
      </c>
      <c r="FM38" s="296">
        <v>0</v>
      </c>
      <c r="FN38" s="297">
        <v>0</v>
      </c>
      <c r="FO38" s="301"/>
      <c r="FP38" s="296">
        <v>0</v>
      </c>
      <c r="FQ38" s="296">
        <v>0</v>
      </c>
      <c r="FR38" s="296">
        <v>0</v>
      </c>
      <c r="FS38" s="296">
        <v>0</v>
      </c>
      <c r="FT38" s="296">
        <v>0</v>
      </c>
      <c r="FU38" s="299">
        <v>0</v>
      </c>
      <c r="FV38" s="300">
        <v>0</v>
      </c>
      <c r="FW38" s="295">
        <v>0</v>
      </c>
      <c r="FX38" s="296">
        <v>0</v>
      </c>
      <c r="FY38" s="297">
        <v>0</v>
      </c>
      <c r="FZ38" s="298">
        <v>0</v>
      </c>
      <c r="GA38" s="296">
        <v>2565</v>
      </c>
      <c r="GB38" s="296">
        <v>26593</v>
      </c>
      <c r="GC38" s="296">
        <v>60506</v>
      </c>
      <c r="GD38" s="296">
        <v>82518</v>
      </c>
      <c r="GE38" s="296">
        <v>0</v>
      </c>
      <c r="GF38" s="299">
        <v>172182</v>
      </c>
      <c r="GG38" s="300">
        <v>172182</v>
      </c>
      <c r="GH38" s="295">
        <v>0</v>
      </c>
      <c r="GI38" s="296">
        <v>0</v>
      </c>
      <c r="GJ38" s="297">
        <v>0</v>
      </c>
      <c r="GK38" s="298">
        <v>0</v>
      </c>
      <c r="GL38" s="296">
        <v>0</v>
      </c>
      <c r="GM38" s="296">
        <v>0</v>
      </c>
      <c r="GN38" s="296">
        <v>21</v>
      </c>
      <c r="GO38" s="296">
        <v>0</v>
      </c>
      <c r="GP38" s="296">
        <v>0</v>
      </c>
      <c r="GQ38" s="299">
        <v>21</v>
      </c>
      <c r="GR38" s="300">
        <v>21</v>
      </c>
      <c r="GS38" s="295">
        <v>0</v>
      </c>
      <c r="GT38" s="296">
        <v>0</v>
      </c>
      <c r="GU38" s="297">
        <v>0</v>
      </c>
      <c r="GV38" s="298">
        <v>0</v>
      </c>
      <c r="GW38" s="296">
        <v>0</v>
      </c>
      <c r="GX38" s="296">
        <v>0</v>
      </c>
      <c r="GY38" s="296">
        <v>0</v>
      </c>
      <c r="GZ38" s="296">
        <v>0</v>
      </c>
      <c r="HA38" s="296">
        <v>0</v>
      </c>
      <c r="HB38" s="299">
        <v>0</v>
      </c>
      <c r="HC38" s="300">
        <v>0</v>
      </c>
      <c r="HD38" s="295">
        <v>0</v>
      </c>
      <c r="HE38" s="296">
        <v>0</v>
      </c>
      <c r="HF38" s="297">
        <v>0</v>
      </c>
      <c r="HG38" s="301"/>
      <c r="HH38" s="296">
        <v>0</v>
      </c>
      <c r="HI38" s="296">
        <v>0</v>
      </c>
      <c r="HJ38" s="296">
        <v>0</v>
      </c>
      <c r="HK38" s="296">
        <v>0</v>
      </c>
      <c r="HL38" s="296">
        <v>0</v>
      </c>
      <c r="HM38" s="299">
        <v>0</v>
      </c>
      <c r="HN38" s="300">
        <v>0</v>
      </c>
      <c r="HO38" s="295">
        <v>0</v>
      </c>
      <c r="HP38" s="296">
        <v>0</v>
      </c>
      <c r="HQ38" s="297">
        <v>0</v>
      </c>
      <c r="HR38" s="298">
        <v>0</v>
      </c>
      <c r="HS38" s="296">
        <v>394654</v>
      </c>
      <c r="HT38" s="296">
        <v>477549</v>
      </c>
      <c r="HU38" s="296">
        <v>1175183</v>
      </c>
      <c r="HV38" s="296">
        <v>1346285</v>
      </c>
      <c r="HW38" s="296">
        <v>654267</v>
      </c>
      <c r="HX38" s="299">
        <v>4047938</v>
      </c>
      <c r="HY38" s="300">
        <v>4047938</v>
      </c>
    </row>
    <row r="39" spans="2:233" ht="19.8" customHeight="1" x14ac:dyDescent="0.2">
      <c r="B39" s="293" t="s">
        <v>36</v>
      </c>
      <c r="C39" s="295">
        <v>0</v>
      </c>
      <c r="D39" s="296">
        <v>0</v>
      </c>
      <c r="E39" s="297">
        <v>0</v>
      </c>
      <c r="F39" s="298">
        <v>0</v>
      </c>
      <c r="G39" s="296">
        <v>183725</v>
      </c>
      <c r="H39" s="296">
        <v>291320</v>
      </c>
      <c r="I39" s="296">
        <v>892470</v>
      </c>
      <c r="J39" s="296">
        <v>866390</v>
      </c>
      <c r="K39" s="296">
        <v>582730</v>
      </c>
      <c r="L39" s="299">
        <v>2816635</v>
      </c>
      <c r="M39" s="300">
        <v>2816635</v>
      </c>
      <c r="N39" s="295">
        <v>0</v>
      </c>
      <c r="O39" s="296">
        <v>0</v>
      </c>
      <c r="P39" s="297">
        <v>0</v>
      </c>
      <c r="Q39" s="301"/>
      <c r="R39" s="296">
        <v>0</v>
      </c>
      <c r="S39" s="296">
        <v>31650</v>
      </c>
      <c r="T39" s="296">
        <v>587850</v>
      </c>
      <c r="U39" s="296">
        <v>575350</v>
      </c>
      <c r="V39" s="296">
        <v>467515</v>
      </c>
      <c r="W39" s="299">
        <v>1662365</v>
      </c>
      <c r="X39" s="300">
        <v>1662365</v>
      </c>
      <c r="Y39" s="295">
        <v>0</v>
      </c>
      <c r="Z39" s="296">
        <v>0</v>
      </c>
      <c r="AA39" s="297">
        <v>0</v>
      </c>
      <c r="AB39" s="301"/>
      <c r="AC39" s="296">
        <v>174000</v>
      </c>
      <c r="AD39" s="296">
        <v>210005</v>
      </c>
      <c r="AE39" s="296">
        <v>290700</v>
      </c>
      <c r="AF39" s="296">
        <v>251265</v>
      </c>
      <c r="AG39" s="296">
        <v>85410</v>
      </c>
      <c r="AH39" s="299">
        <v>1011380</v>
      </c>
      <c r="AI39" s="300">
        <v>1011380</v>
      </c>
      <c r="AJ39" s="295">
        <v>0</v>
      </c>
      <c r="AK39" s="296">
        <v>0</v>
      </c>
      <c r="AL39" s="297">
        <v>0</v>
      </c>
      <c r="AM39" s="301"/>
      <c r="AN39" s="296">
        <v>0</v>
      </c>
      <c r="AO39" s="296">
        <v>0</v>
      </c>
      <c r="AP39" s="296">
        <v>0</v>
      </c>
      <c r="AQ39" s="296">
        <v>0</v>
      </c>
      <c r="AR39" s="296">
        <v>0</v>
      </c>
      <c r="AS39" s="299">
        <v>0</v>
      </c>
      <c r="AT39" s="300">
        <v>0</v>
      </c>
      <c r="AU39" s="295">
        <v>0</v>
      </c>
      <c r="AV39" s="296">
        <v>0</v>
      </c>
      <c r="AW39" s="297">
        <v>0</v>
      </c>
      <c r="AX39" s="301"/>
      <c r="AY39" s="296">
        <v>0</v>
      </c>
      <c r="AZ39" s="296">
        <v>0</v>
      </c>
      <c r="BA39" s="296">
        <v>0</v>
      </c>
      <c r="BB39" s="296">
        <v>28950</v>
      </c>
      <c r="BC39" s="296">
        <v>0</v>
      </c>
      <c r="BD39" s="299">
        <v>28950</v>
      </c>
      <c r="BE39" s="300">
        <v>28950</v>
      </c>
      <c r="BF39" s="295">
        <v>0</v>
      </c>
      <c r="BG39" s="296">
        <v>0</v>
      </c>
      <c r="BH39" s="297">
        <v>0</v>
      </c>
      <c r="BI39" s="301"/>
      <c r="BJ39" s="296">
        <v>0</v>
      </c>
      <c r="BK39" s="296">
        <v>0</v>
      </c>
      <c r="BL39" s="296">
        <v>0</v>
      </c>
      <c r="BM39" s="296">
        <v>0</v>
      </c>
      <c r="BN39" s="296">
        <v>0</v>
      </c>
      <c r="BO39" s="299">
        <v>0</v>
      </c>
      <c r="BP39" s="300">
        <v>0</v>
      </c>
      <c r="BQ39" s="295">
        <v>0</v>
      </c>
      <c r="BR39" s="296">
        <v>0</v>
      </c>
      <c r="BS39" s="297">
        <v>0</v>
      </c>
      <c r="BT39" s="298">
        <v>0</v>
      </c>
      <c r="BU39" s="296">
        <v>9725</v>
      </c>
      <c r="BV39" s="296">
        <v>49665</v>
      </c>
      <c r="BW39" s="296">
        <v>12235</v>
      </c>
      <c r="BX39" s="296">
        <v>10825</v>
      </c>
      <c r="BY39" s="296">
        <v>29805</v>
      </c>
      <c r="BZ39" s="299">
        <v>112255</v>
      </c>
      <c r="CA39" s="300">
        <v>112255</v>
      </c>
      <c r="CB39" s="295">
        <v>0</v>
      </c>
      <c r="CC39" s="296">
        <v>0</v>
      </c>
      <c r="CD39" s="297">
        <v>0</v>
      </c>
      <c r="CE39" s="298">
        <v>0</v>
      </c>
      <c r="CF39" s="296">
        <v>0</v>
      </c>
      <c r="CG39" s="296">
        <v>0</v>
      </c>
      <c r="CH39" s="296">
        <v>1685</v>
      </c>
      <c r="CI39" s="296">
        <v>0</v>
      </c>
      <c r="CJ39" s="296">
        <v>0</v>
      </c>
      <c r="CK39" s="299">
        <v>1685</v>
      </c>
      <c r="CL39" s="300">
        <v>1685</v>
      </c>
      <c r="CM39" s="295">
        <v>0</v>
      </c>
      <c r="CN39" s="296">
        <v>0</v>
      </c>
      <c r="CO39" s="297">
        <v>0</v>
      </c>
      <c r="CP39" s="298">
        <v>0</v>
      </c>
      <c r="CQ39" s="296">
        <v>0</v>
      </c>
      <c r="CR39" s="296">
        <v>0</v>
      </c>
      <c r="CS39" s="296">
        <v>0</v>
      </c>
      <c r="CT39" s="296">
        <v>0</v>
      </c>
      <c r="CU39" s="296">
        <v>0</v>
      </c>
      <c r="CV39" s="299">
        <v>0</v>
      </c>
      <c r="CW39" s="300">
        <v>0</v>
      </c>
      <c r="CX39" s="295">
        <v>0</v>
      </c>
      <c r="CY39" s="296">
        <v>0</v>
      </c>
      <c r="CZ39" s="297">
        <v>0</v>
      </c>
      <c r="DA39" s="301"/>
      <c r="DB39" s="296">
        <v>0</v>
      </c>
      <c r="DC39" s="296">
        <v>0</v>
      </c>
      <c r="DD39" s="296">
        <v>0</v>
      </c>
      <c r="DE39" s="296">
        <v>0</v>
      </c>
      <c r="DF39" s="296">
        <v>0</v>
      </c>
      <c r="DG39" s="299">
        <v>0</v>
      </c>
      <c r="DH39" s="300">
        <v>0</v>
      </c>
      <c r="DI39" s="295">
        <v>0</v>
      </c>
      <c r="DJ39" s="296">
        <v>0</v>
      </c>
      <c r="DK39" s="297">
        <v>0</v>
      </c>
      <c r="DL39" s="298">
        <v>0</v>
      </c>
      <c r="DM39" s="296">
        <v>9310</v>
      </c>
      <c r="DN39" s="296">
        <v>107680</v>
      </c>
      <c r="DO39" s="296">
        <v>621927</v>
      </c>
      <c r="DP39" s="296">
        <v>861438</v>
      </c>
      <c r="DQ39" s="296">
        <v>754369</v>
      </c>
      <c r="DR39" s="299">
        <v>2354724</v>
      </c>
      <c r="DS39" s="302">
        <v>2354724</v>
      </c>
      <c r="DT39" s="295">
        <v>0</v>
      </c>
      <c r="DU39" s="296">
        <v>0</v>
      </c>
      <c r="DV39" s="297">
        <v>0</v>
      </c>
      <c r="DW39" s="301"/>
      <c r="DX39" s="296">
        <v>0</v>
      </c>
      <c r="DY39" s="296">
        <v>14550</v>
      </c>
      <c r="DZ39" s="296">
        <v>564630</v>
      </c>
      <c r="EA39" s="296">
        <v>805756</v>
      </c>
      <c r="EB39" s="296">
        <v>713164</v>
      </c>
      <c r="EC39" s="299">
        <v>2098100</v>
      </c>
      <c r="ED39" s="300">
        <v>2098100</v>
      </c>
      <c r="EE39" s="295">
        <v>0</v>
      </c>
      <c r="EF39" s="296">
        <v>0</v>
      </c>
      <c r="EG39" s="297">
        <v>0</v>
      </c>
      <c r="EH39" s="301"/>
      <c r="EI39" s="296">
        <v>2520</v>
      </c>
      <c r="EJ39" s="296">
        <v>24510</v>
      </c>
      <c r="EK39" s="296">
        <v>15748</v>
      </c>
      <c r="EL39" s="296">
        <v>24170</v>
      </c>
      <c r="EM39" s="296">
        <v>1260</v>
      </c>
      <c r="EN39" s="299">
        <v>68208</v>
      </c>
      <c r="EO39" s="300">
        <v>68208</v>
      </c>
      <c r="EP39" s="295">
        <v>0</v>
      </c>
      <c r="EQ39" s="296">
        <v>0</v>
      </c>
      <c r="ER39" s="297">
        <v>0</v>
      </c>
      <c r="ES39" s="301"/>
      <c r="ET39" s="296">
        <v>0</v>
      </c>
      <c r="EU39" s="296">
        <v>0</v>
      </c>
      <c r="EV39" s="296">
        <v>0</v>
      </c>
      <c r="EW39" s="296">
        <v>0</v>
      </c>
      <c r="EX39" s="296">
        <v>0</v>
      </c>
      <c r="EY39" s="299">
        <v>0</v>
      </c>
      <c r="EZ39" s="300">
        <v>0</v>
      </c>
      <c r="FA39" s="295">
        <v>0</v>
      </c>
      <c r="FB39" s="296">
        <v>0</v>
      </c>
      <c r="FC39" s="297">
        <v>0</v>
      </c>
      <c r="FD39" s="301"/>
      <c r="FE39" s="296">
        <v>0</v>
      </c>
      <c r="FF39" s="296">
        <v>0</v>
      </c>
      <c r="FG39" s="296">
        <v>0</v>
      </c>
      <c r="FH39" s="296">
        <v>630</v>
      </c>
      <c r="FI39" s="296">
        <v>0</v>
      </c>
      <c r="FJ39" s="299">
        <v>630</v>
      </c>
      <c r="FK39" s="300">
        <v>630</v>
      </c>
      <c r="FL39" s="295">
        <v>0</v>
      </c>
      <c r="FM39" s="296">
        <v>0</v>
      </c>
      <c r="FN39" s="297">
        <v>0</v>
      </c>
      <c r="FO39" s="301"/>
      <c r="FP39" s="296">
        <v>0</v>
      </c>
      <c r="FQ39" s="296">
        <v>0</v>
      </c>
      <c r="FR39" s="296">
        <v>0</v>
      </c>
      <c r="FS39" s="296">
        <v>0</v>
      </c>
      <c r="FT39" s="296">
        <v>0</v>
      </c>
      <c r="FU39" s="299">
        <v>0</v>
      </c>
      <c r="FV39" s="300">
        <v>0</v>
      </c>
      <c r="FW39" s="295">
        <v>0</v>
      </c>
      <c r="FX39" s="296">
        <v>0</v>
      </c>
      <c r="FY39" s="297">
        <v>0</v>
      </c>
      <c r="FZ39" s="298">
        <v>0</v>
      </c>
      <c r="GA39" s="296">
        <v>6790</v>
      </c>
      <c r="GB39" s="296">
        <v>68620</v>
      </c>
      <c r="GC39" s="296">
        <v>41458</v>
      </c>
      <c r="GD39" s="296">
        <v>30882</v>
      </c>
      <c r="GE39" s="296">
        <v>39945</v>
      </c>
      <c r="GF39" s="299">
        <v>187695</v>
      </c>
      <c r="GG39" s="300">
        <v>187695</v>
      </c>
      <c r="GH39" s="295">
        <v>0</v>
      </c>
      <c r="GI39" s="296">
        <v>0</v>
      </c>
      <c r="GJ39" s="297">
        <v>0</v>
      </c>
      <c r="GK39" s="298">
        <v>0</v>
      </c>
      <c r="GL39" s="296">
        <v>0</v>
      </c>
      <c r="GM39" s="296">
        <v>0</v>
      </c>
      <c r="GN39" s="296">
        <v>91</v>
      </c>
      <c r="GO39" s="296">
        <v>0</v>
      </c>
      <c r="GP39" s="296">
        <v>0</v>
      </c>
      <c r="GQ39" s="299">
        <v>91</v>
      </c>
      <c r="GR39" s="300">
        <v>91</v>
      </c>
      <c r="GS39" s="295">
        <v>0</v>
      </c>
      <c r="GT39" s="296">
        <v>0</v>
      </c>
      <c r="GU39" s="297">
        <v>0</v>
      </c>
      <c r="GV39" s="298">
        <v>0</v>
      </c>
      <c r="GW39" s="296">
        <v>0</v>
      </c>
      <c r="GX39" s="296">
        <v>0</v>
      </c>
      <c r="GY39" s="296">
        <v>0</v>
      </c>
      <c r="GZ39" s="296">
        <v>0</v>
      </c>
      <c r="HA39" s="296">
        <v>0</v>
      </c>
      <c r="HB39" s="299">
        <v>0</v>
      </c>
      <c r="HC39" s="300">
        <v>0</v>
      </c>
      <c r="HD39" s="295">
        <v>0</v>
      </c>
      <c r="HE39" s="296">
        <v>0</v>
      </c>
      <c r="HF39" s="297">
        <v>0</v>
      </c>
      <c r="HG39" s="301"/>
      <c r="HH39" s="296">
        <v>0</v>
      </c>
      <c r="HI39" s="296">
        <v>0</v>
      </c>
      <c r="HJ39" s="296">
        <v>0</v>
      </c>
      <c r="HK39" s="296">
        <v>0</v>
      </c>
      <c r="HL39" s="296">
        <v>0</v>
      </c>
      <c r="HM39" s="299">
        <v>0</v>
      </c>
      <c r="HN39" s="300">
        <v>0</v>
      </c>
      <c r="HO39" s="295">
        <v>0</v>
      </c>
      <c r="HP39" s="296">
        <v>0</v>
      </c>
      <c r="HQ39" s="297">
        <v>0</v>
      </c>
      <c r="HR39" s="298">
        <v>0</v>
      </c>
      <c r="HS39" s="296">
        <v>193035</v>
      </c>
      <c r="HT39" s="296">
        <v>399000</v>
      </c>
      <c r="HU39" s="296">
        <v>1514397</v>
      </c>
      <c r="HV39" s="296">
        <v>1727828</v>
      </c>
      <c r="HW39" s="296">
        <v>1337099</v>
      </c>
      <c r="HX39" s="299">
        <v>5171359</v>
      </c>
      <c r="HY39" s="300">
        <v>5171359</v>
      </c>
    </row>
    <row r="40" spans="2:233" ht="19.8" customHeight="1" thickBot="1" x14ac:dyDescent="0.25">
      <c r="B40" s="294" t="s">
        <v>37</v>
      </c>
      <c r="C40" s="303">
        <v>0</v>
      </c>
      <c r="D40" s="304">
        <v>0</v>
      </c>
      <c r="E40" s="305">
        <v>0</v>
      </c>
      <c r="F40" s="306">
        <v>0</v>
      </c>
      <c r="G40" s="304">
        <v>845</v>
      </c>
      <c r="H40" s="304">
        <v>2805</v>
      </c>
      <c r="I40" s="304">
        <v>51365</v>
      </c>
      <c r="J40" s="304">
        <v>36750</v>
      </c>
      <c r="K40" s="304">
        <v>34200</v>
      </c>
      <c r="L40" s="307">
        <v>125965</v>
      </c>
      <c r="M40" s="308">
        <v>125965</v>
      </c>
      <c r="N40" s="303">
        <v>0</v>
      </c>
      <c r="O40" s="304">
        <v>0</v>
      </c>
      <c r="P40" s="305">
        <v>0</v>
      </c>
      <c r="Q40" s="309"/>
      <c r="R40" s="304">
        <v>0</v>
      </c>
      <c r="S40" s="304">
        <v>0</v>
      </c>
      <c r="T40" s="304">
        <v>39300</v>
      </c>
      <c r="U40" s="304">
        <v>34200</v>
      </c>
      <c r="V40" s="304">
        <v>34200</v>
      </c>
      <c r="W40" s="307">
        <v>107700</v>
      </c>
      <c r="X40" s="308">
        <v>107700</v>
      </c>
      <c r="Y40" s="303">
        <v>0</v>
      </c>
      <c r="Z40" s="304">
        <v>0</v>
      </c>
      <c r="AA40" s="305">
        <v>0</v>
      </c>
      <c r="AB40" s="309"/>
      <c r="AC40" s="304">
        <v>0</v>
      </c>
      <c r="AD40" s="304">
        <v>2550</v>
      </c>
      <c r="AE40" s="304">
        <v>2550</v>
      </c>
      <c r="AF40" s="304">
        <v>2550</v>
      </c>
      <c r="AG40" s="304">
        <v>0</v>
      </c>
      <c r="AH40" s="307">
        <v>7650</v>
      </c>
      <c r="AI40" s="308">
        <v>7650</v>
      </c>
      <c r="AJ40" s="303">
        <v>0</v>
      </c>
      <c r="AK40" s="304">
        <v>0</v>
      </c>
      <c r="AL40" s="305">
        <v>0</v>
      </c>
      <c r="AM40" s="309"/>
      <c r="AN40" s="304">
        <v>0</v>
      </c>
      <c r="AO40" s="304">
        <v>0</v>
      </c>
      <c r="AP40" s="304">
        <v>0</v>
      </c>
      <c r="AQ40" s="304">
        <v>0</v>
      </c>
      <c r="AR40" s="304">
        <v>0</v>
      </c>
      <c r="AS40" s="307">
        <v>0</v>
      </c>
      <c r="AT40" s="308">
        <v>0</v>
      </c>
      <c r="AU40" s="303">
        <v>0</v>
      </c>
      <c r="AV40" s="304">
        <v>0</v>
      </c>
      <c r="AW40" s="305">
        <v>0</v>
      </c>
      <c r="AX40" s="309"/>
      <c r="AY40" s="304">
        <v>0</v>
      </c>
      <c r="AZ40" s="304">
        <v>0</v>
      </c>
      <c r="BA40" s="304">
        <v>0</v>
      </c>
      <c r="BB40" s="304">
        <v>0</v>
      </c>
      <c r="BC40" s="304">
        <v>0</v>
      </c>
      <c r="BD40" s="307">
        <v>0</v>
      </c>
      <c r="BE40" s="308">
        <v>0</v>
      </c>
      <c r="BF40" s="303">
        <v>0</v>
      </c>
      <c r="BG40" s="304">
        <v>0</v>
      </c>
      <c r="BH40" s="305">
        <v>0</v>
      </c>
      <c r="BI40" s="309"/>
      <c r="BJ40" s="304">
        <v>0</v>
      </c>
      <c r="BK40" s="304">
        <v>0</v>
      </c>
      <c r="BL40" s="304">
        <v>0</v>
      </c>
      <c r="BM40" s="304">
        <v>0</v>
      </c>
      <c r="BN40" s="304">
        <v>0</v>
      </c>
      <c r="BO40" s="307">
        <v>0</v>
      </c>
      <c r="BP40" s="308">
        <v>0</v>
      </c>
      <c r="BQ40" s="303">
        <v>0</v>
      </c>
      <c r="BR40" s="304">
        <v>0</v>
      </c>
      <c r="BS40" s="305">
        <v>0</v>
      </c>
      <c r="BT40" s="306">
        <v>0</v>
      </c>
      <c r="BU40" s="304">
        <v>0</v>
      </c>
      <c r="BV40" s="304">
        <v>255</v>
      </c>
      <c r="BW40" s="304">
        <v>7290</v>
      </c>
      <c r="BX40" s="304">
        <v>0</v>
      </c>
      <c r="BY40" s="304">
        <v>0</v>
      </c>
      <c r="BZ40" s="307">
        <v>7545</v>
      </c>
      <c r="CA40" s="308">
        <v>7545</v>
      </c>
      <c r="CB40" s="303">
        <v>0</v>
      </c>
      <c r="CC40" s="304">
        <v>0</v>
      </c>
      <c r="CD40" s="305">
        <v>0</v>
      </c>
      <c r="CE40" s="306">
        <v>0</v>
      </c>
      <c r="CF40" s="304">
        <v>845</v>
      </c>
      <c r="CG40" s="304">
        <v>0</v>
      </c>
      <c r="CH40" s="304">
        <v>2225</v>
      </c>
      <c r="CI40" s="304">
        <v>0</v>
      </c>
      <c r="CJ40" s="304">
        <v>0</v>
      </c>
      <c r="CK40" s="307">
        <v>3070</v>
      </c>
      <c r="CL40" s="308">
        <v>3070</v>
      </c>
      <c r="CM40" s="303">
        <v>0</v>
      </c>
      <c r="CN40" s="304">
        <v>0</v>
      </c>
      <c r="CO40" s="305">
        <v>0</v>
      </c>
      <c r="CP40" s="306">
        <v>0</v>
      </c>
      <c r="CQ40" s="304">
        <v>0</v>
      </c>
      <c r="CR40" s="304">
        <v>0</v>
      </c>
      <c r="CS40" s="304">
        <v>0</v>
      </c>
      <c r="CT40" s="304">
        <v>0</v>
      </c>
      <c r="CU40" s="304">
        <v>0</v>
      </c>
      <c r="CV40" s="307">
        <v>0</v>
      </c>
      <c r="CW40" s="308">
        <v>0</v>
      </c>
      <c r="CX40" s="303">
        <v>0</v>
      </c>
      <c r="CY40" s="304">
        <v>0</v>
      </c>
      <c r="CZ40" s="305">
        <v>0</v>
      </c>
      <c r="DA40" s="309"/>
      <c r="DB40" s="304">
        <v>0</v>
      </c>
      <c r="DC40" s="304">
        <v>0</v>
      </c>
      <c r="DD40" s="304">
        <v>0</v>
      </c>
      <c r="DE40" s="304">
        <v>0</v>
      </c>
      <c r="DF40" s="304">
        <v>0</v>
      </c>
      <c r="DG40" s="307">
        <v>0</v>
      </c>
      <c r="DH40" s="308">
        <v>0</v>
      </c>
      <c r="DI40" s="303">
        <v>0</v>
      </c>
      <c r="DJ40" s="304">
        <v>0</v>
      </c>
      <c r="DK40" s="305">
        <v>0</v>
      </c>
      <c r="DL40" s="306">
        <v>0</v>
      </c>
      <c r="DM40" s="304">
        <v>7</v>
      </c>
      <c r="DN40" s="304">
        <v>1263</v>
      </c>
      <c r="DO40" s="304">
        <v>75955</v>
      </c>
      <c r="DP40" s="304">
        <v>50340</v>
      </c>
      <c r="DQ40" s="304">
        <v>29100</v>
      </c>
      <c r="DR40" s="307">
        <v>156665</v>
      </c>
      <c r="DS40" s="310">
        <v>156665</v>
      </c>
      <c r="DT40" s="303">
        <v>0</v>
      </c>
      <c r="DU40" s="304">
        <v>0</v>
      </c>
      <c r="DV40" s="305">
        <v>0</v>
      </c>
      <c r="DW40" s="309"/>
      <c r="DX40" s="304">
        <v>0</v>
      </c>
      <c r="DY40" s="304">
        <v>0</v>
      </c>
      <c r="DZ40" s="304">
        <v>70860</v>
      </c>
      <c r="EA40" s="304">
        <v>50130</v>
      </c>
      <c r="EB40" s="304">
        <v>29100</v>
      </c>
      <c r="EC40" s="307">
        <v>150090</v>
      </c>
      <c r="ED40" s="308">
        <v>150090</v>
      </c>
      <c r="EE40" s="303">
        <v>0</v>
      </c>
      <c r="EF40" s="304">
        <v>0</v>
      </c>
      <c r="EG40" s="305">
        <v>0</v>
      </c>
      <c r="EH40" s="309"/>
      <c r="EI40" s="304">
        <v>0</v>
      </c>
      <c r="EJ40" s="304">
        <v>210</v>
      </c>
      <c r="EK40" s="304">
        <v>210</v>
      </c>
      <c r="EL40" s="304">
        <v>210</v>
      </c>
      <c r="EM40" s="304">
        <v>0</v>
      </c>
      <c r="EN40" s="307">
        <v>630</v>
      </c>
      <c r="EO40" s="308">
        <v>630</v>
      </c>
      <c r="EP40" s="303">
        <v>0</v>
      </c>
      <c r="EQ40" s="304">
        <v>0</v>
      </c>
      <c r="ER40" s="305">
        <v>0</v>
      </c>
      <c r="ES40" s="309"/>
      <c r="ET40" s="304">
        <v>0</v>
      </c>
      <c r="EU40" s="304">
        <v>0</v>
      </c>
      <c r="EV40" s="304">
        <v>0</v>
      </c>
      <c r="EW40" s="304">
        <v>0</v>
      </c>
      <c r="EX40" s="304">
        <v>0</v>
      </c>
      <c r="EY40" s="307">
        <v>0</v>
      </c>
      <c r="EZ40" s="308">
        <v>0</v>
      </c>
      <c r="FA40" s="303">
        <v>0</v>
      </c>
      <c r="FB40" s="304">
        <v>0</v>
      </c>
      <c r="FC40" s="305">
        <v>0</v>
      </c>
      <c r="FD40" s="309"/>
      <c r="FE40" s="304">
        <v>0</v>
      </c>
      <c r="FF40" s="304">
        <v>0</v>
      </c>
      <c r="FG40" s="304">
        <v>0</v>
      </c>
      <c r="FH40" s="304">
        <v>0</v>
      </c>
      <c r="FI40" s="304">
        <v>0</v>
      </c>
      <c r="FJ40" s="307">
        <v>0</v>
      </c>
      <c r="FK40" s="308">
        <v>0</v>
      </c>
      <c r="FL40" s="303">
        <v>0</v>
      </c>
      <c r="FM40" s="304">
        <v>0</v>
      </c>
      <c r="FN40" s="305">
        <v>0</v>
      </c>
      <c r="FO40" s="309"/>
      <c r="FP40" s="304">
        <v>0</v>
      </c>
      <c r="FQ40" s="304">
        <v>0</v>
      </c>
      <c r="FR40" s="304">
        <v>0</v>
      </c>
      <c r="FS40" s="304">
        <v>0</v>
      </c>
      <c r="FT40" s="304">
        <v>0</v>
      </c>
      <c r="FU40" s="307">
        <v>0</v>
      </c>
      <c r="FV40" s="308">
        <v>0</v>
      </c>
      <c r="FW40" s="303">
        <v>0</v>
      </c>
      <c r="FX40" s="304">
        <v>0</v>
      </c>
      <c r="FY40" s="305">
        <v>0</v>
      </c>
      <c r="FZ40" s="306">
        <v>0</v>
      </c>
      <c r="GA40" s="304">
        <v>0</v>
      </c>
      <c r="GB40" s="304">
        <v>1053</v>
      </c>
      <c r="GC40" s="304">
        <v>4850</v>
      </c>
      <c r="GD40" s="304">
        <v>0</v>
      </c>
      <c r="GE40" s="304">
        <v>0</v>
      </c>
      <c r="GF40" s="307">
        <v>5903</v>
      </c>
      <c r="GG40" s="308">
        <v>5903</v>
      </c>
      <c r="GH40" s="303">
        <v>0</v>
      </c>
      <c r="GI40" s="304">
        <v>0</v>
      </c>
      <c r="GJ40" s="305">
        <v>0</v>
      </c>
      <c r="GK40" s="306">
        <v>0</v>
      </c>
      <c r="GL40" s="304">
        <v>7</v>
      </c>
      <c r="GM40" s="304">
        <v>0</v>
      </c>
      <c r="GN40" s="304">
        <v>35</v>
      </c>
      <c r="GO40" s="304">
        <v>0</v>
      </c>
      <c r="GP40" s="304">
        <v>0</v>
      </c>
      <c r="GQ40" s="307">
        <v>42</v>
      </c>
      <c r="GR40" s="308">
        <v>42</v>
      </c>
      <c r="GS40" s="303">
        <v>0</v>
      </c>
      <c r="GT40" s="304">
        <v>0</v>
      </c>
      <c r="GU40" s="305">
        <v>0</v>
      </c>
      <c r="GV40" s="306">
        <v>0</v>
      </c>
      <c r="GW40" s="304">
        <v>0</v>
      </c>
      <c r="GX40" s="304">
        <v>0</v>
      </c>
      <c r="GY40" s="304">
        <v>0</v>
      </c>
      <c r="GZ40" s="304">
        <v>0</v>
      </c>
      <c r="HA40" s="304">
        <v>0</v>
      </c>
      <c r="HB40" s="307">
        <v>0</v>
      </c>
      <c r="HC40" s="308">
        <v>0</v>
      </c>
      <c r="HD40" s="303">
        <v>0</v>
      </c>
      <c r="HE40" s="304">
        <v>0</v>
      </c>
      <c r="HF40" s="305">
        <v>0</v>
      </c>
      <c r="HG40" s="309"/>
      <c r="HH40" s="304">
        <v>0</v>
      </c>
      <c r="HI40" s="304">
        <v>0</v>
      </c>
      <c r="HJ40" s="304">
        <v>0</v>
      </c>
      <c r="HK40" s="304">
        <v>0</v>
      </c>
      <c r="HL40" s="304">
        <v>0</v>
      </c>
      <c r="HM40" s="307">
        <v>0</v>
      </c>
      <c r="HN40" s="308">
        <v>0</v>
      </c>
      <c r="HO40" s="303">
        <v>0</v>
      </c>
      <c r="HP40" s="304">
        <v>0</v>
      </c>
      <c r="HQ40" s="305">
        <v>0</v>
      </c>
      <c r="HR40" s="306">
        <v>0</v>
      </c>
      <c r="HS40" s="304">
        <v>852</v>
      </c>
      <c r="HT40" s="304">
        <v>4068</v>
      </c>
      <c r="HU40" s="304">
        <v>127320</v>
      </c>
      <c r="HV40" s="304">
        <v>87090</v>
      </c>
      <c r="HW40" s="304">
        <v>63300</v>
      </c>
      <c r="HX40" s="307">
        <v>282630</v>
      </c>
      <c r="HY40" s="308">
        <v>282630</v>
      </c>
    </row>
    <row r="41" spans="2:233" x14ac:dyDescent="0.2">
      <c r="B41" s="1" t="s">
        <v>84</v>
      </c>
    </row>
  </sheetData>
  <mergeCells count="88">
    <mergeCell ref="HD4:HN4"/>
    <mergeCell ref="DI3:HN3"/>
    <mergeCell ref="EP4:EZ4"/>
    <mergeCell ref="FL4:FV4"/>
    <mergeCell ref="HO3:HY4"/>
    <mergeCell ref="EE4:EO4"/>
    <mergeCell ref="FW4:GG4"/>
    <mergeCell ref="GH4:GR4"/>
    <mergeCell ref="GS4:HC4"/>
    <mergeCell ref="CX4:DH4"/>
    <mergeCell ref="C3:DH3"/>
    <mergeCell ref="FA4:FK4"/>
    <mergeCell ref="DI4:DS4"/>
    <mergeCell ref="DT4:ED4"/>
    <mergeCell ref="C4:M4"/>
    <mergeCell ref="N4:X4"/>
    <mergeCell ref="Y4:AI4"/>
    <mergeCell ref="AJ4:AT4"/>
    <mergeCell ref="BF4:BP4"/>
    <mergeCell ref="AU4:BE4"/>
    <mergeCell ref="C5:E5"/>
    <mergeCell ref="F5:L5"/>
    <mergeCell ref="M5:M6"/>
    <mergeCell ref="N5:P5"/>
    <mergeCell ref="Q5:W5"/>
    <mergeCell ref="G1:H1"/>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4" max="1048575" man="1"/>
    <brk id="57" max="1048575" man="1"/>
    <brk id="79" max="1048575" man="1"/>
    <brk id="112" max="1048575" man="1"/>
    <brk id="134" max="1048575" man="1"/>
    <brk id="167" max="1048575" man="1"/>
    <brk id="189" max="1048575" man="1"/>
    <brk id="22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4</v>
      </c>
      <c r="G1" s="524"/>
      <c r="H1" s="248">
        <f>第１表!G2</f>
        <v>8</v>
      </c>
      <c r="I1" s="523">
        <f>H1</f>
        <v>8</v>
      </c>
      <c r="J1" s="523"/>
    </row>
    <row r="2" spans="2:299" ht="24" customHeight="1" thickBot="1" x14ac:dyDescent="0.25">
      <c r="B2" s="20" t="s">
        <v>132</v>
      </c>
    </row>
    <row r="3" spans="2:299" ht="22.5" customHeight="1" thickBot="1" x14ac:dyDescent="0.25">
      <c r="B3" s="510" t="s">
        <v>38</v>
      </c>
      <c r="C3" s="505" t="s">
        <v>96</v>
      </c>
      <c r="D3" s="505"/>
      <c r="E3" s="505"/>
      <c r="F3" s="505"/>
      <c r="G3" s="505"/>
      <c r="H3" s="505"/>
      <c r="I3" s="505"/>
      <c r="J3" s="505"/>
      <c r="K3" s="505"/>
      <c r="L3" s="505"/>
      <c r="M3" s="505"/>
      <c r="N3" s="505"/>
      <c r="O3" s="505"/>
      <c r="P3" s="505"/>
      <c r="Q3" s="505"/>
      <c r="R3" s="505"/>
      <c r="S3" s="505"/>
      <c r="T3" s="505"/>
      <c r="U3" s="505"/>
      <c r="V3" s="505"/>
      <c r="W3" s="505"/>
      <c r="X3" s="505"/>
      <c r="Y3" s="505"/>
      <c r="Z3" s="505"/>
      <c r="AA3" s="505"/>
      <c r="AB3" s="505"/>
      <c r="AC3" s="505"/>
      <c r="AD3" s="505"/>
      <c r="AE3" s="505"/>
      <c r="AF3" s="505"/>
      <c r="AG3" s="505"/>
      <c r="AH3" s="505"/>
      <c r="AI3" s="505"/>
      <c r="AJ3" s="505"/>
      <c r="AK3" s="505"/>
      <c r="AL3" s="505"/>
      <c r="AM3" s="505"/>
      <c r="AN3" s="505"/>
      <c r="AO3" s="505"/>
      <c r="AP3" s="505"/>
      <c r="AQ3" s="505"/>
      <c r="AR3" s="505"/>
      <c r="AS3" s="505"/>
      <c r="AT3" s="505"/>
      <c r="AU3" s="505"/>
      <c r="AV3" s="505"/>
      <c r="AW3" s="505"/>
      <c r="AX3" s="505"/>
      <c r="AY3" s="505"/>
      <c r="AZ3" s="505"/>
      <c r="BA3" s="505"/>
      <c r="BB3" s="505"/>
      <c r="BC3" s="505"/>
      <c r="BD3" s="505"/>
      <c r="BE3" s="505"/>
      <c r="BF3" s="505"/>
      <c r="BG3" s="505"/>
      <c r="BH3" s="505"/>
      <c r="BI3" s="505"/>
      <c r="BJ3" s="505"/>
      <c r="BK3" s="505"/>
      <c r="BL3" s="505"/>
      <c r="BM3" s="505"/>
      <c r="BN3" s="505"/>
      <c r="BO3" s="505"/>
      <c r="BP3" s="505"/>
      <c r="BQ3" s="505"/>
      <c r="BR3" s="505"/>
      <c r="BS3" s="505"/>
      <c r="BT3" s="505"/>
      <c r="BU3" s="505"/>
      <c r="BV3" s="505"/>
      <c r="BW3" s="505"/>
      <c r="BX3" s="505"/>
      <c r="BY3" s="505"/>
      <c r="BZ3" s="505"/>
      <c r="CA3" s="505"/>
      <c r="CB3" s="505"/>
      <c r="CC3" s="505"/>
      <c r="CD3" s="505"/>
      <c r="CE3" s="505"/>
      <c r="CF3" s="505"/>
      <c r="CG3" s="505"/>
      <c r="CH3" s="505"/>
      <c r="CI3" s="505"/>
      <c r="CJ3" s="505"/>
      <c r="CK3" s="505"/>
      <c r="CL3" s="505"/>
      <c r="CM3" s="505"/>
      <c r="CN3" s="505"/>
      <c r="CO3" s="505"/>
      <c r="CP3" s="505"/>
      <c r="CQ3" s="505"/>
      <c r="CR3" s="505"/>
      <c r="CS3" s="505"/>
      <c r="CT3" s="505"/>
      <c r="CU3" s="505"/>
      <c r="CV3" s="505"/>
      <c r="CW3" s="506"/>
      <c r="CX3" s="505" t="s">
        <v>103</v>
      </c>
      <c r="CY3" s="505"/>
      <c r="CZ3" s="505"/>
      <c r="DA3" s="505"/>
      <c r="DB3" s="505"/>
      <c r="DC3" s="505"/>
      <c r="DD3" s="505"/>
      <c r="DE3" s="505"/>
      <c r="DF3" s="505"/>
      <c r="DG3" s="505"/>
      <c r="DH3" s="505"/>
      <c r="DI3" s="505"/>
      <c r="DJ3" s="505"/>
      <c r="DK3" s="505"/>
      <c r="DL3" s="505"/>
      <c r="DM3" s="505"/>
      <c r="DN3" s="505"/>
      <c r="DO3" s="505"/>
      <c r="DP3" s="505"/>
      <c r="DQ3" s="505"/>
      <c r="DR3" s="505"/>
      <c r="DS3" s="505"/>
      <c r="DT3" s="505"/>
      <c r="DU3" s="505"/>
      <c r="DV3" s="505"/>
      <c r="DW3" s="505"/>
      <c r="DX3" s="505"/>
      <c r="DY3" s="505"/>
      <c r="DZ3" s="505"/>
      <c r="EA3" s="505"/>
      <c r="EB3" s="505"/>
      <c r="EC3" s="505"/>
      <c r="ED3" s="505"/>
      <c r="EE3" s="505"/>
      <c r="EF3" s="505"/>
      <c r="EG3" s="505"/>
      <c r="EH3" s="505"/>
      <c r="EI3" s="505"/>
      <c r="EJ3" s="505"/>
      <c r="EK3" s="505"/>
      <c r="EL3" s="505"/>
      <c r="EM3" s="505"/>
      <c r="EN3" s="505"/>
      <c r="EO3" s="505"/>
      <c r="EP3" s="505"/>
      <c r="EQ3" s="505"/>
      <c r="ER3" s="505"/>
      <c r="ES3" s="505"/>
      <c r="ET3" s="505"/>
      <c r="EU3" s="505"/>
      <c r="EV3" s="505"/>
      <c r="EW3" s="505"/>
      <c r="EX3" s="505"/>
      <c r="EY3" s="505"/>
      <c r="EZ3" s="505"/>
      <c r="FA3" s="505"/>
      <c r="FB3" s="505"/>
      <c r="FC3" s="505"/>
      <c r="FD3" s="505"/>
      <c r="FE3" s="505"/>
      <c r="FF3" s="505"/>
      <c r="FG3" s="505"/>
      <c r="FH3" s="505"/>
      <c r="FI3" s="505"/>
      <c r="FJ3" s="505"/>
      <c r="FK3" s="505"/>
      <c r="FL3" s="505"/>
      <c r="FM3" s="505"/>
      <c r="FN3" s="505"/>
      <c r="FO3" s="505"/>
      <c r="FP3" s="505"/>
      <c r="FQ3" s="505"/>
      <c r="FR3" s="505"/>
      <c r="FS3" s="505"/>
      <c r="FT3" s="505"/>
      <c r="FU3" s="505"/>
      <c r="FV3" s="505"/>
      <c r="FW3" s="505"/>
      <c r="FX3" s="505"/>
      <c r="FY3" s="505"/>
      <c r="FZ3" s="505"/>
      <c r="GA3" s="505"/>
      <c r="GB3" s="505"/>
      <c r="GC3" s="505"/>
      <c r="GD3" s="505"/>
      <c r="GE3" s="505"/>
      <c r="GF3" s="505"/>
      <c r="GG3" s="505"/>
      <c r="GH3" s="505"/>
      <c r="GI3" s="505"/>
      <c r="GJ3" s="505"/>
      <c r="GK3" s="505"/>
      <c r="GL3" s="505"/>
      <c r="GM3" s="505"/>
      <c r="GN3" s="505"/>
      <c r="GO3" s="505"/>
      <c r="GP3" s="505"/>
      <c r="GQ3" s="505"/>
      <c r="GR3" s="506"/>
      <c r="GS3" s="505" t="s">
        <v>104</v>
      </c>
      <c r="GT3" s="505"/>
      <c r="GU3" s="505"/>
      <c r="GV3" s="505"/>
      <c r="GW3" s="505"/>
      <c r="GX3" s="505"/>
      <c r="GY3" s="505"/>
      <c r="GZ3" s="505"/>
      <c r="HA3" s="505"/>
      <c r="HB3" s="505"/>
      <c r="HC3" s="505"/>
      <c r="HD3" s="505"/>
      <c r="HE3" s="505"/>
      <c r="HF3" s="505"/>
      <c r="HG3" s="505"/>
      <c r="HH3" s="505"/>
      <c r="HI3" s="505"/>
      <c r="HJ3" s="505"/>
      <c r="HK3" s="505"/>
      <c r="HL3" s="505"/>
      <c r="HM3" s="505"/>
      <c r="HN3" s="505"/>
      <c r="HO3" s="505"/>
      <c r="HP3" s="505"/>
      <c r="HQ3" s="505"/>
      <c r="HR3" s="505"/>
      <c r="HS3" s="505"/>
      <c r="HT3" s="505"/>
      <c r="HU3" s="505"/>
      <c r="HV3" s="505"/>
      <c r="HW3" s="505"/>
      <c r="HX3" s="505"/>
      <c r="HY3" s="505"/>
      <c r="HZ3" s="505"/>
      <c r="IA3" s="505"/>
      <c r="IB3" s="505"/>
      <c r="IC3" s="505"/>
      <c r="ID3" s="505"/>
      <c r="IE3" s="505"/>
      <c r="IF3" s="505"/>
      <c r="IG3" s="505"/>
      <c r="IH3" s="505"/>
      <c r="II3" s="505"/>
      <c r="IJ3" s="505"/>
      <c r="IK3" s="505"/>
      <c r="IL3" s="505"/>
      <c r="IM3" s="505"/>
      <c r="IN3" s="505"/>
      <c r="IO3" s="505"/>
      <c r="IP3" s="505"/>
      <c r="IQ3" s="505"/>
      <c r="IR3" s="505"/>
      <c r="IS3" s="505"/>
      <c r="IT3" s="505"/>
      <c r="IU3" s="505"/>
      <c r="IV3" s="505"/>
      <c r="IW3" s="505"/>
      <c r="IX3" s="505"/>
      <c r="IY3" s="505"/>
      <c r="IZ3" s="505"/>
      <c r="JA3" s="505"/>
      <c r="JB3" s="505"/>
      <c r="JC3" s="505"/>
      <c r="JD3" s="505"/>
      <c r="JE3" s="505"/>
      <c r="JF3" s="505"/>
      <c r="JG3" s="505"/>
      <c r="JH3" s="505"/>
      <c r="JI3" s="505"/>
      <c r="JJ3" s="505"/>
      <c r="JK3" s="505"/>
      <c r="JL3" s="505"/>
      <c r="JM3" s="505"/>
      <c r="JN3" s="505"/>
      <c r="JO3" s="505"/>
      <c r="JP3" s="505"/>
      <c r="JQ3" s="505"/>
      <c r="JR3" s="505"/>
      <c r="JS3" s="505"/>
      <c r="JT3" s="505"/>
      <c r="JU3" s="505"/>
      <c r="JV3" s="505"/>
      <c r="JW3" s="505"/>
      <c r="JX3" s="505"/>
      <c r="JY3" s="505"/>
      <c r="JZ3" s="505"/>
      <c r="KA3" s="505"/>
      <c r="KB3" s="505"/>
      <c r="KC3" s="505"/>
      <c r="KD3" s="505"/>
      <c r="KE3" s="505"/>
      <c r="KF3" s="505"/>
      <c r="KG3" s="505"/>
      <c r="KH3" s="505"/>
      <c r="KI3" s="505"/>
      <c r="KJ3" s="505"/>
      <c r="KK3" s="505"/>
      <c r="KL3" s="505"/>
      <c r="KM3" s="506"/>
    </row>
    <row r="4" spans="2:299" ht="27.75" customHeight="1" thickBot="1" x14ac:dyDescent="0.25">
      <c r="B4" s="522"/>
      <c r="C4" s="507" t="s">
        <v>39</v>
      </c>
      <c r="D4" s="508"/>
      <c r="E4" s="508"/>
      <c r="F4" s="508"/>
      <c r="G4" s="508"/>
      <c r="H4" s="508"/>
      <c r="I4" s="508"/>
      <c r="J4" s="508"/>
      <c r="K4" s="508"/>
      <c r="L4" s="508"/>
      <c r="M4" s="508"/>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508"/>
      <c r="BX4" s="508"/>
      <c r="BY4" s="508"/>
      <c r="BZ4" s="508"/>
      <c r="CA4" s="509"/>
      <c r="CB4" s="510" t="s">
        <v>40</v>
      </c>
      <c r="CC4" s="511"/>
      <c r="CD4" s="511"/>
      <c r="CE4" s="511"/>
      <c r="CF4" s="511"/>
      <c r="CG4" s="511"/>
      <c r="CH4" s="511"/>
      <c r="CI4" s="511"/>
      <c r="CJ4" s="511"/>
      <c r="CK4" s="511"/>
      <c r="CL4" s="512"/>
      <c r="CM4" s="510" t="s">
        <v>41</v>
      </c>
      <c r="CN4" s="511"/>
      <c r="CO4" s="511"/>
      <c r="CP4" s="511"/>
      <c r="CQ4" s="511"/>
      <c r="CR4" s="511"/>
      <c r="CS4" s="511"/>
      <c r="CT4" s="511"/>
      <c r="CU4" s="511"/>
      <c r="CV4" s="511"/>
      <c r="CW4" s="512"/>
      <c r="CX4" s="507" t="s">
        <v>39</v>
      </c>
      <c r="CY4" s="508"/>
      <c r="CZ4" s="508"/>
      <c r="DA4" s="508"/>
      <c r="DB4" s="508"/>
      <c r="DC4" s="508"/>
      <c r="DD4" s="508"/>
      <c r="DE4" s="508"/>
      <c r="DF4" s="508"/>
      <c r="DG4" s="508"/>
      <c r="DH4" s="508"/>
      <c r="DI4" s="508"/>
      <c r="DJ4" s="508"/>
      <c r="DK4" s="508"/>
      <c r="DL4" s="508"/>
      <c r="DM4" s="508"/>
      <c r="DN4" s="508"/>
      <c r="DO4" s="508"/>
      <c r="DP4" s="508"/>
      <c r="DQ4" s="508"/>
      <c r="DR4" s="508"/>
      <c r="DS4" s="508"/>
      <c r="DT4" s="508"/>
      <c r="DU4" s="508"/>
      <c r="DV4" s="508"/>
      <c r="DW4" s="508"/>
      <c r="DX4" s="508"/>
      <c r="DY4" s="508"/>
      <c r="DZ4" s="508"/>
      <c r="EA4" s="508"/>
      <c r="EB4" s="508"/>
      <c r="EC4" s="508"/>
      <c r="ED4" s="508"/>
      <c r="EE4" s="508"/>
      <c r="EF4" s="508"/>
      <c r="EG4" s="508"/>
      <c r="EH4" s="508"/>
      <c r="EI4" s="508"/>
      <c r="EJ4" s="508"/>
      <c r="EK4" s="508"/>
      <c r="EL4" s="508"/>
      <c r="EM4" s="508"/>
      <c r="EN4" s="508"/>
      <c r="EO4" s="508"/>
      <c r="EP4" s="508"/>
      <c r="EQ4" s="508"/>
      <c r="ER4" s="508"/>
      <c r="ES4" s="508"/>
      <c r="ET4" s="508"/>
      <c r="EU4" s="508"/>
      <c r="EV4" s="508"/>
      <c r="EW4" s="508"/>
      <c r="EX4" s="508"/>
      <c r="EY4" s="508"/>
      <c r="EZ4" s="508"/>
      <c r="FA4" s="508"/>
      <c r="FB4" s="508"/>
      <c r="FC4" s="508"/>
      <c r="FD4" s="508"/>
      <c r="FE4" s="508"/>
      <c r="FF4" s="508"/>
      <c r="FG4" s="508"/>
      <c r="FH4" s="508"/>
      <c r="FI4" s="508"/>
      <c r="FJ4" s="508"/>
      <c r="FK4" s="508"/>
      <c r="FL4" s="508"/>
      <c r="FM4" s="508"/>
      <c r="FN4" s="508"/>
      <c r="FO4" s="508"/>
      <c r="FP4" s="508"/>
      <c r="FQ4" s="508"/>
      <c r="FR4" s="508"/>
      <c r="FS4" s="508"/>
      <c r="FT4" s="508"/>
      <c r="FU4" s="508"/>
      <c r="FV4" s="509"/>
      <c r="FW4" s="510" t="s">
        <v>40</v>
      </c>
      <c r="FX4" s="511"/>
      <c r="FY4" s="511"/>
      <c r="FZ4" s="511"/>
      <c r="GA4" s="511"/>
      <c r="GB4" s="511"/>
      <c r="GC4" s="511"/>
      <c r="GD4" s="511"/>
      <c r="GE4" s="511"/>
      <c r="GF4" s="511"/>
      <c r="GG4" s="512"/>
      <c r="GH4" s="510" t="s">
        <v>41</v>
      </c>
      <c r="GI4" s="511"/>
      <c r="GJ4" s="511"/>
      <c r="GK4" s="511"/>
      <c r="GL4" s="511"/>
      <c r="GM4" s="511"/>
      <c r="GN4" s="511"/>
      <c r="GO4" s="511"/>
      <c r="GP4" s="511"/>
      <c r="GQ4" s="511"/>
      <c r="GR4" s="512"/>
      <c r="GS4" s="507" t="s">
        <v>39</v>
      </c>
      <c r="GT4" s="508"/>
      <c r="GU4" s="508"/>
      <c r="GV4" s="508"/>
      <c r="GW4" s="508"/>
      <c r="GX4" s="508"/>
      <c r="GY4" s="508"/>
      <c r="GZ4" s="508"/>
      <c r="HA4" s="508"/>
      <c r="HB4" s="508"/>
      <c r="HC4" s="508"/>
      <c r="HD4" s="508"/>
      <c r="HE4" s="508"/>
      <c r="HF4" s="508"/>
      <c r="HG4" s="508"/>
      <c r="HH4" s="508"/>
      <c r="HI4" s="508"/>
      <c r="HJ4" s="508"/>
      <c r="HK4" s="508"/>
      <c r="HL4" s="508"/>
      <c r="HM4" s="508"/>
      <c r="HN4" s="508"/>
      <c r="HO4" s="508"/>
      <c r="HP4" s="508"/>
      <c r="HQ4" s="508"/>
      <c r="HR4" s="508"/>
      <c r="HS4" s="508"/>
      <c r="HT4" s="508"/>
      <c r="HU4" s="508"/>
      <c r="HV4" s="508"/>
      <c r="HW4" s="508"/>
      <c r="HX4" s="508"/>
      <c r="HY4" s="508"/>
      <c r="HZ4" s="508"/>
      <c r="IA4" s="508"/>
      <c r="IB4" s="508"/>
      <c r="IC4" s="508"/>
      <c r="ID4" s="508"/>
      <c r="IE4" s="508"/>
      <c r="IF4" s="508"/>
      <c r="IG4" s="508"/>
      <c r="IH4" s="508"/>
      <c r="II4" s="508"/>
      <c r="IJ4" s="508"/>
      <c r="IK4" s="508"/>
      <c r="IL4" s="508"/>
      <c r="IM4" s="508"/>
      <c r="IN4" s="508"/>
      <c r="IO4" s="508"/>
      <c r="IP4" s="508"/>
      <c r="IQ4" s="508"/>
      <c r="IR4" s="508"/>
      <c r="IS4" s="508"/>
      <c r="IT4" s="508"/>
      <c r="IU4" s="508"/>
      <c r="IV4" s="508"/>
      <c r="IW4" s="508"/>
      <c r="IX4" s="508"/>
      <c r="IY4" s="508"/>
      <c r="IZ4" s="508"/>
      <c r="JA4" s="508"/>
      <c r="JB4" s="508"/>
      <c r="JC4" s="508"/>
      <c r="JD4" s="508"/>
      <c r="JE4" s="508"/>
      <c r="JF4" s="508"/>
      <c r="JG4" s="508"/>
      <c r="JH4" s="508"/>
      <c r="JI4" s="508"/>
      <c r="JJ4" s="508"/>
      <c r="JK4" s="508"/>
      <c r="JL4" s="508"/>
      <c r="JM4" s="508"/>
      <c r="JN4" s="508"/>
      <c r="JO4" s="508"/>
      <c r="JP4" s="508"/>
      <c r="JQ4" s="509"/>
      <c r="JR4" s="510" t="s">
        <v>40</v>
      </c>
      <c r="JS4" s="511"/>
      <c r="JT4" s="511"/>
      <c r="JU4" s="511"/>
      <c r="JV4" s="511"/>
      <c r="JW4" s="511"/>
      <c r="JX4" s="511"/>
      <c r="JY4" s="511"/>
      <c r="JZ4" s="511"/>
      <c r="KA4" s="511"/>
      <c r="KB4" s="512"/>
      <c r="KC4" s="510" t="s">
        <v>41</v>
      </c>
      <c r="KD4" s="511"/>
      <c r="KE4" s="511"/>
      <c r="KF4" s="511"/>
      <c r="KG4" s="511"/>
      <c r="KH4" s="511"/>
      <c r="KI4" s="511"/>
      <c r="KJ4" s="511"/>
      <c r="KK4" s="511"/>
      <c r="KL4" s="511"/>
      <c r="KM4" s="512"/>
    </row>
    <row r="5" spans="2:299" ht="27.75" customHeight="1" thickBot="1" x14ac:dyDescent="0.25">
      <c r="B5" s="516"/>
      <c r="C5" s="516"/>
      <c r="D5" s="517"/>
      <c r="E5" s="517"/>
      <c r="F5" s="517"/>
      <c r="G5" s="517"/>
      <c r="H5" s="517"/>
      <c r="I5" s="517"/>
      <c r="J5" s="517"/>
      <c r="K5" s="517"/>
      <c r="L5" s="517"/>
      <c r="M5" s="518"/>
      <c r="N5" s="519" t="s">
        <v>97</v>
      </c>
      <c r="O5" s="520"/>
      <c r="P5" s="520"/>
      <c r="Q5" s="520"/>
      <c r="R5" s="520"/>
      <c r="S5" s="520"/>
      <c r="T5" s="520"/>
      <c r="U5" s="520"/>
      <c r="V5" s="520"/>
      <c r="W5" s="520"/>
      <c r="X5" s="521"/>
      <c r="Y5" s="519" t="s">
        <v>98</v>
      </c>
      <c r="Z5" s="520"/>
      <c r="AA5" s="520"/>
      <c r="AB5" s="520"/>
      <c r="AC5" s="520"/>
      <c r="AD5" s="520"/>
      <c r="AE5" s="520"/>
      <c r="AF5" s="520"/>
      <c r="AG5" s="520"/>
      <c r="AH5" s="520"/>
      <c r="AI5" s="521"/>
      <c r="AJ5" s="519" t="s">
        <v>99</v>
      </c>
      <c r="AK5" s="520"/>
      <c r="AL5" s="520"/>
      <c r="AM5" s="520"/>
      <c r="AN5" s="520"/>
      <c r="AO5" s="520"/>
      <c r="AP5" s="520"/>
      <c r="AQ5" s="520"/>
      <c r="AR5" s="520"/>
      <c r="AS5" s="520"/>
      <c r="AT5" s="521"/>
      <c r="AU5" s="519" t="s">
        <v>100</v>
      </c>
      <c r="AV5" s="520"/>
      <c r="AW5" s="520"/>
      <c r="AX5" s="520"/>
      <c r="AY5" s="520"/>
      <c r="AZ5" s="520"/>
      <c r="BA5" s="520"/>
      <c r="BB5" s="520"/>
      <c r="BC5" s="520"/>
      <c r="BD5" s="520"/>
      <c r="BE5" s="521"/>
      <c r="BF5" s="519" t="s">
        <v>101</v>
      </c>
      <c r="BG5" s="520"/>
      <c r="BH5" s="520"/>
      <c r="BI5" s="520"/>
      <c r="BJ5" s="520"/>
      <c r="BK5" s="520"/>
      <c r="BL5" s="520"/>
      <c r="BM5" s="520"/>
      <c r="BN5" s="520"/>
      <c r="BO5" s="520"/>
      <c r="BP5" s="521"/>
      <c r="BQ5" s="519" t="s">
        <v>102</v>
      </c>
      <c r="BR5" s="520"/>
      <c r="BS5" s="520"/>
      <c r="BT5" s="520"/>
      <c r="BU5" s="520"/>
      <c r="BV5" s="520"/>
      <c r="BW5" s="520"/>
      <c r="BX5" s="520"/>
      <c r="BY5" s="520"/>
      <c r="BZ5" s="520"/>
      <c r="CA5" s="521"/>
      <c r="CB5" s="513"/>
      <c r="CC5" s="514"/>
      <c r="CD5" s="514"/>
      <c r="CE5" s="514"/>
      <c r="CF5" s="514"/>
      <c r="CG5" s="514"/>
      <c r="CH5" s="514"/>
      <c r="CI5" s="514"/>
      <c r="CJ5" s="514"/>
      <c r="CK5" s="514"/>
      <c r="CL5" s="515"/>
      <c r="CM5" s="513"/>
      <c r="CN5" s="514"/>
      <c r="CO5" s="514"/>
      <c r="CP5" s="514"/>
      <c r="CQ5" s="514"/>
      <c r="CR5" s="514"/>
      <c r="CS5" s="514"/>
      <c r="CT5" s="514"/>
      <c r="CU5" s="514"/>
      <c r="CV5" s="514"/>
      <c r="CW5" s="515"/>
      <c r="CX5" s="516"/>
      <c r="CY5" s="517"/>
      <c r="CZ5" s="517"/>
      <c r="DA5" s="517"/>
      <c r="DB5" s="517"/>
      <c r="DC5" s="517"/>
      <c r="DD5" s="517"/>
      <c r="DE5" s="517"/>
      <c r="DF5" s="517"/>
      <c r="DG5" s="517"/>
      <c r="DH5" s="518"/>
      <c r="DI5" s="519" t="s">
        <v>97</v>
      </c>
      <c r="DJ5" s="520"/>
      <c r="DK5" s="520"/>
      <c r="DL5" s="520"/>
      <c r="DM5" s="520"/>
      <c r="DN5" s="520"/>
      <c r="DO5" s="520"/>
      <c r="DP5" s="520"/>
      <c r="DQ5" s="520"/>
      <c r="DR5" s="520"/>
      <c r="DS5" s="521"/>
      <c r="DT5" s="519" t="s">
        <v>98</v>
      </c>
      <c r="DU5" s="520"/>
      <c r="DV5" s="520"/>
      <c r="DW5" s="520"/>
      <c r="DX5" s="520"/>
      <c r="DY5" s="520"/>
      <c r="DZ5" s="520"/>
      <c r="EA5" s="520"/>
      <c r="EB5" s="520"/>
      <c r="EC5" s="520"/>
      <c r="ED5" s="521"/>
      <c r="EE5" s="519" t="s">
        <v>99</v>
      </c>
      <c r="EF5" s="520"/>
      <c r="EG5" s="520"/>
      <c r="EH5" s="520"/>
      <c r="EI5" s="520"/>
      <c r="EJ5" s="520"/>
      <c r="EK5" s="520"/>
      <c r="EL5" s="520"/>
      <c r="EM5" s="520"/>
      <c r="EN5" s="520"/>
      <c r="EO5" s="521"/>
      <c r="EP5" s="519" t="s">
        <v>100</v>
      </c>
      <c r="EQ5" s="520"/>
      <c r="ER5" s="520"/>
      <c r="ES5" s="520"/>
      <c r="ET5" s="520"/>
      <c r="EU5" s="520"/>
      <c r="EV5" s="520"/>
      <c r="EW5" s="520"/>
      <c r="EX5" s="520"/>
      <c r="EY5" s="520"/>
      <c r="EZ5" s="521"/>
      <c r="FA5" s="519" t="s">
        <v>101</v>
      </c>
      <c r="FB5" s="520"/>
      <c r="FC5" s="520"/>
      <c r="FD5" s="520"/>
      <c r="FE5" s="520"/>
      <c r="FF5" s="520"/>
      <c r="FG5" s="520"/>
      <c r="FH5" s="520"/>
      <c r="FI5" s="520"/>
      <c r="FJ5" s="520"/>
      <c r="FK5" s="521"/>
      <c r="FL5" s="519" t="s">
        <v>102</v>
      </c>
      <c r="FM5" s="520"/>
      <c r="FN5" s="520"/>
      <c r="FO5" s="520"/>
      <c r="FP5" s="520"/>
      <c r="FQ5" s="520"/>
      <c r="FR5" s="520"/>
      <c r="FS5" s="520"/>
      <c r="FT5" s="520"/>
      <c r="FU5" s="520"/>
      <c r="FV5" s="521"/>
      <c r="FW5" s="513"/>
      <c r="FX5" s="514"/>
      <c r="FY5" s="514"/>
      <c r="FZ5" s="514"/>
      <c r="GA5" s="514"/>
      <c r="GB5" s="514"/>
      <c r="GC5" s="514"/>
      <c r="GD5" s="514"/>
      <c r="GE5" s="514"/>
      <c r="GF5" s="514"/>
      <c r="GG5" s="515"/>
      <c r="GH5" s="513"/>
      <c r="GI5" s="514"/>
      <c r="GJ5" s="514"/>
      <c r="GK5" s="514"/>
      <c r="GL5" s="514"/>
      <c r="GM5" s="514"/>
      <c r="GN5" s="514"/>
      <c r="GO5" s="514"/>
      <c r="GP5" s="514"/>
      <c r="GQ5" s="514"/>
      <c r="GR5" s="515"/>
      <c r="GS5" s="516"/>
      <c r="GT5" s="517"/>
      <c r="GU5" s="517"/>
      <c r="GV5" s="517"/>
      <c r="GW5" s="517"/>
      <c r="GX5" s="517"/>
      <c r="GY5" s="517"/>
      <c r="GZ5" s="517"/>
      <c r="HA5" s="517"/>
      <c r="HB5" s="517"/>
      <c r="HC5" s="518"/>
      <c r="HD5" s="519" t="s">
        <v>97</v>
      </c>
      <c r="HE5" s="520"/>
      <c r="HF5" s="520"/>
      <c r="HG5" s="520"/>
      <c r="HH5" s="520"/>
      <c r="HI5" s="520"/>
      <c r="HJ5" s="520"/>
      <c r="HK5" s="520"/>
      <c r="HL5" s="520"/>
      <c r="HM5" s="520"/>
      <c r="HN5" s="521"/>
      <c r="HO5" s="519" t="s">
        <v>98</v>
      </c>
      <c r="HP5" s="520"/>
      <c r="HQ5" s="520"/>
      <c r="HR5" s="520"/>
      <c r="HS5" s="520"/>
      <c r="HT5" s="520"/>
      <c r="HU5" s="520"/>
      <c r="HV5" s="520"/>
      <c r="HW5" s="520"/>
      <c r="HX5" s="520"/>
      <c r="HY5" s="521"/>
      <c r="HZ5" s="519" t="s">
        <v>99</v>
      </c>
      <c r="IA5" s="520"/>
      <c r="IB5" s="520"/>
      <c r="IC5" s="520"/>
      <c r="ID5" s="520"/>
      <c r="IE5" s="520"/>
      <c r="IF5" s="520"/>
      <c r="IG5" s="520"/>
      <c r="IH5" s="520"/>
      <c r="II5" s="520"/>
      <c r="IJ5" s="521"/>
      <c r="IK5" s="519" t="s">
        <v>100</v>
      </c>
      <c r="IL5" s="520"/>
      <c r="IM5" s="520"/>
      <c r="IN5" s="520"/>
      <c r="IO5" s="520"/>
      <c r="IP5" s="520"/>
      <c r="IQ5" s="520"/>
      <c r="IR5" s="520"/>
      <c r="IS5" s="520"/>
      <c r="IT5" s="520"/>
      <c r="IU5" s="521"/>
      <c r="IV5" s="519" t="s">
        <v>101</v>
      </c>
      <c r="IW5" s="520"/>
      <c r="IX5" s="520"/>
      <c r="IY5" s="520"/>
      <c r="IZ5" s="520"/>
      <c r="JA5" s="520"/>
      <c r="JB5" s="520"/>
      <c r="JC5" s="520"/>
      <c r="JD5" s="520"/>
      <c r="JE5" s="520"/>
      <c r="JF5" s="521"/>
      <c r="JG5" s="519" t="s">
        <v>102</v>
      </c>
      <c r="JH5" s="520"/>
      <c r="JI5" s="520"/>
      <c r="JJ5" s="520"/>
      <c r="JK5" s="520"/>
      <c r="JL5" s="520"/>
      <c r="JM5" s="520"/>
      <c r="JN5" s="520"/>
      <c r="JO5" s="520"/>
      <c r="JP5" s="520"/>
      <c r="JQ5" s="521"/>
      <c r="JR5" s="513"/>
      <c r="JS5" s="514"/>
      <c r="JT5" s="514"/>
      <c r="JU5" s="514"/>
      <c r="JV5" s="514"/>
      <c r="JW5" s="514"/>
      <c r="JX5" s="514"/>
      <c r="JY5" s="514"/>
      <c r="JZ5" s="514"/>
      <c r="KA5" s="514"/>
      <c r="KB5" s="515"/>
      <c r="KC5" s="513"/>
      <c r="KD5" s="514"/>
      <c r="KE5" s="514"/>
      <c r="KF5" s="514"/>
      <c r="KG5" s="514"/>
      <c r="KH5" s="514"/>
      <c r="KI5" s="514"/>
      <c r="KJ5" s="514"/>
      <c r="KK5" s="514"/>
      <c r="KL5" s="514"/>
      <c r="KM5" s="515"/>
    </row>
    <row r="6" spans="2:299" ht="44.25" customHeight="1" thickBot="1" x14ac:dyDescent="0.25">
      <c r="B6" s="318" t="s">
        <v>42</v>
      </c>
      <c r="C6" s="51" t="s">
        <v>43</v>
      </c>
      <c r="D6" s="47" t="s">
        <v>44</v>
      </c>
      <c r="E6" s="48" t="s">
        <v>45</v>
      </c>
      <c r="F6" s="52" t="s">
        <v>46</v>
      </c>
      <c r="G6" s="47" t="s">
        <v>47</v>
      </c>
      <c r="H6" s="47" t="s">
        <v>48</v>
      </c>
      <c r="I6" s="47" t="s">
        <v>49</v>
      </c>
      <c r="J6" s="47" t="s">
        <v>50</v>
      </c>
      <c r="K6" s="47" t="s">
        <v>51</v>
      </c>
      <c r="L6" s="48" t="s">
        <v>45</v>
      </c>
      <c r="M6" s="53" t="s">
        <v>52</v>
      </c>
      <c r="N6" s="357" t="s">
        <v>43</v>
      </c>
      <c r="O6" s="358" t="s">
        <v>44</v>
      </c>
      <c r="P6" s="359" t="s">
        <v>45</v>
      </c>
      <c r="Q6" s="360" t="s">
        <v>46</v>
      </c>
      <c r="R6" s="358" t="s">
        <v>47</v>
      </c>
      <c r="S6" s="358" t="s">
        <v>48</v>
      </c>
      <c r="T6" s="358" t="s">
        <v>49</v>
      </c>
      <c r="U6" s="358" t="s">
        <v>50</v>
      </c>
      <c r="V6" s="358" t="s">
        <v>51</v>
      </c>
      <c r="W6" s="359" t="s">
        <v>45</v>
      </c>
      <c r="X6" s="356" t="s">
        <v>52</v>
      </c>
      <c r="Y6" s="357" t="s">
        <v>43</v>
      </c>
      <c r="Z6" s="358" t="s">
        <v>44</v>
      </c>
      <c r="AA6" s="359" t="s">
        <v>45</v>
      </c>
      <c r="AB6" s="360" t="s">
        <v>46</v>
      </c>
      <c r="AC6" s="358" t="s">
        <v>47</v>
      </c>
      <c r="AD6" s="358" t="s">
        <v>48</v>
      </c>
      <c r="AE6" s="358" t="s">
        <v>49</v>
      </c>
      <c r="AF6" s="358" t="s">
        <v>50</v>
      </c>
      <c r="AG6" s="358" t="s">
        <v>51</v>
      </c>
      <c r="AH6" s="359" t="s">
        <v>45</v>
      </c>
      <c r="AI6" s="361" t="s">
        <v>52</v>
      </c>
      <c r="AJ6" s="357" t="s">
        <v>43</v>
      </c>
      <c r="AK6" s="358" t="s">
        <v>44</v>
      </c>
      <c r="AL6" s="359" t="s">
        <v>45</v>
      </c>
      <c r="AM6" s="360" t="s">
        <v>46</v>
      </c>
      <c r="AN6" s="358" t="s">
        <v>47</v>
      </c>
      <c r="AO6" s="358" t="s">
        <v>48</v>
      </c>
      <c r="AP6" s="358" t="s">
        <v>49</v>
      </c>
      <c r="AQ6" s="358" t="s">
        <v>50</v>
      </c>
      <c r="AR6" s="358" t="s">
        <v>51</v>
      </c>
      <c r="AS6" s="359" t="s">
        <v>45</v>
      </c>
      <c r="AT6" s="361" t="s">
        <v>52</v>
      </c>
      <c r="AU6" s="357" t="s">
        <v>43</v>
      </c>
      <c r="AV6" s="358" t="s">
        <v>44</v>
      </c>
      <c r="AW6" s="359" t="s">
        <v>45</v>
      </c>
      <c r="AX6" s="360" t="s">
        <v>46</v>
      </c>
      <c r="AY6" s="358" t="s">
        <v>47</v>
      </c>
      <c r="AZ6" s="358" t="s">
        <v>48</v>
      </c>
      <c r="BA6" s="358" t="s">
        <v>49</v>
      </c>
      <c r="BB6" s="358" t="s">
        <v>50</v>
      </c>
      <c r="BC6" s="358" t="s">
        <v>51</v>
      </c>
      <c r="BD6" s="359" t="s">
        <v>45</v>
      </c>
      <c r="BE6" s="361" t="s">
        <v>52</v>
      </c>
      <c r="BF6" s="357" t="s">
        <v>43</v>
      </c>
      <c r="BG6" s="358" t="s">
        <v>44</v>
      </c>
      <c r="BH6" s="359" t="s">
        <v>45</v>
      </c>
      <c r="BI6" s="360" t="s">
        <v>46</v>
      </c>
      <c r="BJ6" s="358" t="s">
        <v>47</v>
      </c>
      <c r="BK6" s="358" t="s">
        <v>48</v>
      </c>
      <c r="BL6" s="358" t="s">
        <v>49</v>
      </c>
      <c r="BM6" s="358" t="s">
        <v>50</v>
      </c>
      <c r="BN6" s="358" t="s">
        <v>51</v>
      </c>
      <c r="BO6" s="359" t="s">
        <v>45</v>
      </c>
      <c r="BP6" s="361" t="s">
        <v>52</v>
      </c>
      <c r="BQ6" s="357" t="s">
        <v>43</v>
      </c>
      <c r="BR6" s="358" t="s">
        <v>44</v>
      </c>
      <c r="BS6" s="359" t="s">
        <v>45</v>
      </c>
      <c r="BT6" s="360" t="s">
        <v>46</v>
      </c>
      <c r="BU6" s="358" t="s">
        <v>47</v>
      </c>
      <c r="BV6" s="358" t="s">
        <v>48</v>
      </c>
      <c r="BW6" s="358" t="s">
        <v>49</v>
      </c>
      <c r="BX6" s="358" t="s">
        <v>50</v>
      </c>
      <c r="BY6" s="358" t="s">
        <v>51</v>
      </c>
      <c r="BZ6" s="359" t="s">
        <v>45</v>
      </c>
      <c r="CA6" s="361" t="s">
        <v>52</v>
      </c>
      <c r="CB6" s="357" t="s">
        <v>43</v>
      </c>
      <c r="CC6" s="358" t="s">
        <v>44</v>
      </c>
      <c r="CD6" s="359" t="s">
        <v>45</v>
      </c>
      <c r="CE6" s="360" t="s">
        <v>46</v>
      </c>
      <c r="CF6" s="358" t="s">
        <v>47</v>
      </c>
      <c r="CG6" s="358" t="s">
        <v>48</v>
      </c>
      <c r="CH6" s="358" t="s">
        <v>49</v>
      </c>
      <c r="CI6" s="358" t="s">
        <v>50</v>
      </c>
      <c r="CJ6" s="358" t="s">
        <v>51</v>
      </c>
      <c r="CK6" s="359" t="s">
        <v>45</v>
      </c>
      <c r="CL6" s="361" t="s">
        <v>52</v>
      </c>
      <c r="CM6" s="357" t="s">
        <v>43</v>
      </c>
      <c r="CN6" s="358" t="s">
        <v>44</v>
      </c>
      <c r="CO6" s="359" t="s">
        <v>45</v>
      </c>
      <c r="CP6" s="360" t="s">
        <v>46</v>
      </c>
      <c r="CQ6" s="358" t="s">
        <v>47</v>
      </c>
      <c r="CR6" s="358" t="s">
        <v>48</v>
      </c>
      <c r="CS6" s="358" t="s">
        <v>49</v>
      </c>
      <c r="CT6" s="358" t="s">
        <v>50</v>
      </c>
      <c r="CU6" s="358" t="s">
        <v>51</v>
      </c>
      <c r="CV6" s="359" t="s">
        <v>45</v>
      </c>
      <c r="CW6" s="361" t="s">
        <v>52</v>
      </c>
      <c r="CX6" s="51" t="s">
        <v>43</v>
      </c>
      <c r="CY6" s="47" t="s">
        <v>44</v>
      </c>
      <c r="CZ6" s="48" t="s">
        <v>45</v>
      </c>
      <c r="DA6" s="52" t="s">
        <v>46</v>
      </c>
      <c r="DB6" s="47" t="s">
        <v>47</v>
      </c>
      <c r="DC6" s="47" t="s">
        <v>48</v>
      </c>
      <c r="DD6" s="47" t="s">
        <v>49</v>
      </c>
      <c r="DE6" s="47" t="s">
        <v>50</v>
      </c>
      <c r="DF6" s="47" t="s">
        <v>51</v>
      </c>
      <c r="DG6" s="48" t="s">
        <v>45</v>
      </c>
      <c r="DH6" s="53" t="s">
        <v>52</v>
      </c>
      <c r="DI6" s="357" t="s">
        <v>43</v>
      </c>
      <c r="DJ6" s="358" t="s">
        <v>44</v>
      </c>
      <c r="DK6" s="359" t="s">
        <v>45</v>
      </c>
      <c r="DL6" s="360" t="s">
        <v>46</v>
      </c>
      <c r="DM6" s="358" t="s">
        <v>47</v>
      </c>
      <c r="DN6" s="358" t="s">
        <v>48</v>
      </c>
      <c r="DO6" s="358" t="s">
        <v>49</v>
      </c>
      <c r="DP6" s="358" t="s">
        <v>50</v>
      </c>
      <c r="DQ6" s="358" t="s">
        <v>51</v>
      </c>
      <c r="DR6" s="359" t="s">
        <v>45</v>
      </c>
      <c r="DS6" s="361" t="s">
        <v>52</v>
      </c>
      <c r="DT6" s="357" t="s">
        <v>43</v>
      </c>
      <c r="DU6" s="358" t="s">
        <v>44</v>
      </c>
      <c r="DV6" s="359" t="s">
        <v>45</v>
      </c>
      <c r="DW6" s="360" t="s">
        <v>46</v>
      </c>
      <c r="DX6" s="358" t="s">
        <v>47</v>
      </c>
      <c r="DY6" s="358" t="s">
        <v>48</v>
      </c>
      <c r="DZ6" s="358" t="s">
        <v>49</v>
      </c>
      <c r="EA6" s="358" t="s">
        <v>50</v>
      </c>
      <c r="EB6" s="358" t="s">
        <v>51</v>
      </c>
      <c r="EC6" s="359" t="s">
        <v>45</v>
      </c>
      <c r="ED6" s="361" t="s">
        <v>52</v>
      </c>
      <c r="EE6" s="357" t="s">
        <v>43</v>
      </c>
      <c r="EF6" s="358" t="s">
        <v>44</v>
      </c>
      <c r="EG6" s="359" t="s">
        <v>45</v>
      </c>
      <c r="EH6" s="360" t="s">
        <v>46</v>
      </c>
      <c r="EI6" s="358" t="s">
        <v>47</v>
      </c>
      <c r="EJ6" s="358" t="s">
        <v>48</v>
      </c>
      <c r="EK6" s="358" t="s">
        <v>49</v>
      </c>
      <c r="EL6" s="358" t="s">
        <v>50</v>
      </c>
      <c r="EM6" s="358" t="s">
        <v>51</v>
      </c>
      <c r="EN6" s="359" t="s">
        <v>45</v>
      </c>
      <c r="EO6" s="361" t="s">
        <v>52</v>
      </c>
      <c r="EP6" s="357" t="s">
        <v>43</v>
      </c>
      <c r="EQ6" s="358" t="s">
        <v>44</v>
      </c>
      <c r="ER6" s="359" t="s">
        <v>45</v>
      </c>
      <c r="ES6" s="360" t="s">
        <v>46</v>
      </c>
      <c r="ET6" s="358" t="s">
        <v>47</v>
      </c>
      <c r="EU6" s="358" t="s">
        <v>48</v>
      </c>
      <c r="EV6" s="358" t="s">
        <v>49</v>
      </c>
      <c r="EW6" s="358" t="s">
        <v>50</v>
      </c>
      <c r="EX6" s="358" t="s">
        <v>51</v>
      </c>
      <c r="EY6" s="359" t="s">
        <v>45</v>
      </c>
      <c r="EZ6" s="361" t="s">
        <v>52</v>
      </c>
      <c r="FA6" s="357" t="s">
        <v>43</v>
      </c>
      <c r="FB6" s="358" t="s">
        <v>44</v>
      </c>
      <c r="FC6" s="359" t="s">
        <v>45</v>
      </c>
      <c r="FD6" s="360" t="s">
        <v>46</v>
      </c>
      <c r="FE6" s="358" t="s">
        <v>47</v>
      </c>
      <c r="FF6" s="358" t="s">
        <v>48</v>
      </c>
      <c r="FG6" s="358" t="s">
        <v>49</v>
      </c>
      <c r="FH6" s="358" t="s">
        <v>50</v>
      </c>
      <c r="FI6" s="358" t="s">
        <v>51</v>
      </c>
      <c r="FJ6" s="359" t="s">
        <v>45</v>
      </c>
      <c r="FK6" s="361" t="s">
        <v>52</v>
      </c>
      <c r="FL6" s="357" t="s">
        <v>43</v>
      </c>
      <c r="FM6" s="358" t="s">
        <v>44</v>
      </c>
      <c r="FN6" s="359" t="s">
        <v>45</v>
      </c>
      <c r="FO6" s="360" t="s">
        <v>46</v>
      </c>
      <c r="FP6" s="358" t="s">
        <v>47</v>
      </c>
      <c r="FQ6" s="358" t="s">
        <v>48</v>
      </c>
      <c r="FR6" s="358" t="s">
        <v>49</v>
      </c>
      <c r="FS6" s="358" t="s">
        <v>50</v>
      </c>
      <c r="FT6" s="358" t="s">
        <v>51</v>
      </c>
      <c r="FU6" s="359" t="s">
        <v>45</v>
      </c>
      <c r="FV6" s="361" t="s">
        <v>52</v>
      </c>
      <c r="FW6" s="357" t="s">
        <v>43</v>
      </c>
      <c r="FX6" s="358" t="s">
        <v>44</v>
      </c>
      <c r="FY6" s="359" t="s">
        <v>45</v>
      </c>
      <c r="FZ6" s="360" t="s">
        <v>46</v>
      </c>
      <c r="GA6" s="358" t="s">
        <v>47</v>
      </c>
      <c r="GB6" s="358" t="s">
        <v>48</v>
      </c>
      <c r="GC6" s="358" t="s">
        <v>49</v>
      </c>
      <c r="GD6" s="358" t="s">
        <v>50</v>
      </c>
      <c r="GE6" s="358" t="s">
        <v>51</v>
      </c>
      <c r="GF6" s="359" t="s">
        <v>45</v>
      </c>
      <c r="GG6" s="361" t="s">
        <v>52</v>
      </c>
      <c r="GH6" s="357" t="s">
        <v>43</v>
      </c>
      <c r="GI6" s="358" t="s">
        <v>44</v>
      </c>
      <c r="GJ6" s="359" t="s">
        <v>45</v>
      </c>
      <c r="GK6" s="360" t="s">
        <v>46</v>
      </c>
      <c r="GL6" s="358" t="s">
        <v>47</v>
      </c>
      <c r="GM6" s="358" t="s">
        <v>48</v>
      </c>
      <c r="GN6" s="358" t="s">
        <v>49</v>
      </c>
      <c r="GO6" s="358" t="s">
        <v>50</v>
      </c>
      <c r="GP6" s="358" t="s">
        <v>51</v>
      </c>
      <c r="GQ6" s="359" t="s">
        <v>45</v>
      </c>
      <c r="GR6" s="361" t="s">
        <v>52</v>
      </c>
      <c r="GS6" s="51" t="s">
        <v>43</v>
      </c>
      <c r="GT6" s="47" t="s">
        <v>44</v>
      </c>
      <c r="GU6" s="48" t="s">
        <v>45</v>
      </c>
      <c r="GV6" s="52" t="s">
        <v>46</v>
      </c>
      <c r="GW6" s="47" t="s">
        <v>47</v>
      </c>
      <c r="GX6" s="47" t="s">
        <v>48</v>
      </c>
      <c r="GY6" s="47" t="s">
        <v>49</v>
      </c>
      <c r="GZ6" s="47" t="s">
        <v>50</v>
      </c>
      <c r="HA6" s="47" t="s">
        <v>51</v>
      </c>
      <c r="HB6" s="48" t="s">
        <v>45</v>
      </c>
      <c r="HC6" s="53" t="s">
        <v>52</v>
      </c>
      <c r="HD6" s="357" t="s">
        <v>43</v>
      </c>
      <c r="HE6" s="358" t="s">
        <v>44</v>
      </c>
      <c r="HF6" s="359" t="s">
        <v>45</v>
      </c>
      <c r="HG6" s="360" t="s">
        <v>46</v>
      </c>
      <c r="HH6" s="358" t="s">
        <v>47</v>
      </c>
      <c r="HI6" s="358" t="s">
        <v>48</v>
      </c>
      <c r="HJ6" s="358" t="s">
        <v>49</v>
      </c>
      <c r="HK6" s="358" t="s">
        <v>50</v>
      </c>
      <c r="HL6" s="358" t="s">
        <v>51</v>
      </c>
      <c r="HM6" s="359" t="s">
        <v>45</v>
      </c>
      <c r="HN6" s="361" t="s">
        <v>52</v>
      </c>
      <c r="HO6" s="357" t="s">
        <v>43</v>
      </c>
      <c r="HP6" s="358" t="s">
        <v>44</v>
      </c>
      <c r="HQ6" s="359" t="s">
        <v>45</v>
      </c>
      <c r="HR6" s="360" t="s">
        <v>46</v>
      </c>
      <c r="HS6" s="358" t="s">
        <v>47</v>
      </c>
      <c r="HT6" s="358" t="s">
        <v>48</v>
      </c>
      <c r="HU6" s="358" t="s">
        <v>49</v>
      </c>
      <c r="HV6" s="358" t="s">
        <v>50</v>
      </c>
      <c r="HW6" s="358" t="s">
        <v>51</v>
      </c>
      <c r="HX6" s="359" t="s">
        <v>45</v>
      </c>
      <c r="HY6" s="361" t="s">
        <v>52</v>
      </c>
      <c r="HZ6" s="357" t="s">
        <v>43</v>
      </c>
      <c r="IA6" s="358" t="s">
        <v>44</v>
      </c>
      <c r="IB6" s="359" t="s">
        <v>45</v>
      </c>
      <c r="IC6" s="360" t="s">
        <v>46</v>
      </c>
      <c r="ID6" s="358" t="s">
        <v>47</v>
      </c>
      <c r="IE6" s="358" t="s">
        <v>48</v>
      </c>
      <c r="IF6" s="358" t="s">
        <v>49</v>
      </c>
      <c r="IG6" s="358" t="s">
        <v>50</v>
      </c>
      <c r="IH6" s="358" t="s">
        <v>51</v>
      </c>
      <c r="II6" s="359" t="s">
        <v>45</v>
      </c>
      <c r="IJ6" s="361" t="s">
        <v>52</v>
      </c>
      <c r="IK6" s="357" t="s">
        <v>43</v>
      </c>
      <c r="IL6" s="358" t="s">
        <v>44</v>
      </c>
      <c r="IM6" s="359" t="s">
        <v>45</v>
      </c>
      <c r="IN6" s="360" t="s">
        <v>46</v>
      </c>
      <c r="IO6" s="358" t="s">
        <v>47</v>
      </c>
      <c r="IP6" s="358" t="s">
        <v>48</v>
      </c>
      <c r="IQ6" s="358" t="s">
        <v>49</v>
      </c>
      <c r="IR6" s="358" t="s">
        <v>50</v>
      </c>
      <c r="IS6" s="358" t="s">
        <v>51</v>
      </c>
      <c r="IT6" s="359" t="s">
        <v>45</v>
      </c>
      <c r="IU6" s="361" t="s">
        <v>52</v>
      </c>
      <c r="IV6" s="357" t="s">
        <v>43</v>
      </c>
      <c r="IW6" s="358" t="s">
        <v>44</v>
      </c>
      <c r="IX6" s="359" t="s">
        <v>45</v>
      </c>
      <c r="IY6" s="360" t="s">
        <v>46</v>
      </c>
      <c r="IZ6" s="358" t="s">
        <v>47</v>
      </c>
      <c r="JA6" s="358" t="s">
        <v>48</v>
      </c>
      <c r="JB6" s="358" t="s">
        <v>49</v>
      </c>
      <c r="JC6" s="358" t="s">
        <v>50</v>
      </c>
      <c r="JD6" s="358" t="s">
        <v>51</v>
      </c>
      <c r="JE6" s="359" t="s">
        <v>45</v>
      </c>
      <c r="JF6" s="361" t="s">
        <v>52</v>
      </c>
      <c r="JG6" s="357" t="s">
        <v>43</v>
      </c>
      <c r="JH6" s="358" t="s">
        <v>44</v>
      </c>
      <c r="JI6" s="359" t="s">
        <v>45</v>
      </c>
      <c r="JJ6" s="360" t="s">
        <v>46</v>
      </c>
      <c r="JK6" s="358" t="s">
        <v>47</v>
      </c>
      <c r="JL6" s="358" t="s">
        <v>48</v>
      </c>
      <c r="JM6" s="358" t="s">
        <v>49</v>
      </c>
      <c r="JN6" s="358" t="s">
        <v>50</v>
      </c>
      <c r="JO6" s="358" t="s">
        <v>51</v>
      </c>
      <c r="JP6" s="359" t="s">
        <v>45</v>
      </c>
      <c r="JQ6" s="361" t="s">
        <v>52</v>
      </c>
      <c r="JR6" s="357" t="s">
        <v>43</v>
      </c>
      <c r="JS6" s="358" t="s">
        <v>44</v>
      </c>
      <c r="JT6" s="359" t="s">
        <v>45</v>
      </c>
      <c r="JU6" s="360" t="s">
        <v>46</v>
      </c>
      <c r="JV6" s="358" t="s">
        <v>47</v>
      </c>
      <c r="JW6" s="358" t="s">
        <v>48</v>
      </c>
      <c r="JX6" s="358" t="s">
        <v>49</v>
      </c>
      <c r="JY6" s="358" t="s">
        <v>50</v>
      </c>
      <c r="JZ6" s="358" t="s">
        <v>51</v>
      </c>
      <c r="KA6" s="359" t="s">
        <v>45</v>
      </c>
      <c r="KB6" s="361" t="s">
        <v>52</v>
      </c>
      <c r="KC6" s="357" t="s">
        <v>43</v>
      </c>
      <c r="KD6" s="358" t="s">
        <v>44</v>
      </c>
      <c r="KE6" s="359" t="s">
        <v>45</v>
      </c>
      <c r="KF6" s="360" t="s">
        <v>46</v>
      </c>
      <c r="KG6" s="358" t="s">
        <v>47</v>
      </c>
      <c r="KH6" s="358" t="s">
        <v>48</v>
      </c>
      <c r="KI6" s="358" t="s">
        <v>49</v>
      </c>
      <c r="KJ6" s="358" t="s">
        <v>50</v>
      </c>
      <c r="KK6" s="358" t="s">
        <v>51</v>
      </c>
      <c r="KL6" s="359" t="s">
        <v>45</v>
      </c>
      <c r="KM6" s="361" t="s">
        <v>52</v>
      </c>
    </row>
    <row r="7" spans="2:299" ht="19.8" customHeight="1" x14ac:dyDescent="0.2">
      <c r="B7" s="125" t="s">
        <v>4</v>
      </c>
      <c r="C7" s="315">
        <v>4395</v>
      </c>
      <c r="D7" s="78">
        <v>3978</v>
      </c>
      <c r="E7" s="79">
        <v>8373</v>
      </c>
      <c r="F7" s="240"/>
      <c r="G7" s="78">
        <v>5913</v>
      </c>
      <c r="H7" s="78">
        <v>5202</v>
      </c>
      <c r="I7" s="78">
        <v>3552</v>
      </c>
      <c r="J7" s="78">
        <v>2891</v>
      </c>
      <c r="K7" s="78">
        <v>1630</v>
      </c>
      <c r="L7" s="80">
        <v>19188</v>
      </c>
      <c r="M7" s="81">
        <v>27561</v>
      </c>
      <c r="N7" s="66">
        <v>51</v>
      </c>
      <c r="O7" s="67">
        <v>60</v>
      </c>
      <c r="P7" s="68">
        <v>111</v>
      </c>
      <c r="Q7" s="243"/>
      <c r="R7" s="67">
        <v>86</v>
      </c>
      <c r="S7" s="67">
        <v>118</v>
      </c>
      <c r="T7" s="67">
        <v>50</v>
      </c>
      <c r="U7" s="67">
        <v>52</v>
      </c>
      <c r="V7" s="67">
        <v>33</v>
      </c>
      <c r="W7" s="68">
        <v>339</v>
      </c>
      <c r="X7" s="69">
        <v>450</v>
      </c>
      <c r="Y7" s="66">
        <v>166</v>
      </c>
      <c r="Z7" s="67">
        <v>178</v>
      </c>
      <c r="AA7" s="68">
        <v>344</v>
      </c>
      <c r="AB7" s="243"/>
      <c r="AC7" s="67">
        <v>221</v>
      </c>
      <c r="AD7" s="67">
        <v>226</v>
      </c>
      <c r="AE7" s="67">
        <v>142</v>
      </c>
      <c r="AF7" s="67">
        <v>132</v>
      </c>
      <c r="AG7" s="67">
        <v>99</v>
      </c>
      <c r="AH7" s="68">
        <v>820</v>
      </c>
      <c r="AI7" s="69">
        <v>1164</v>
      </c>
      <c r="AJ7" s="66">
        <v>347</v>
      </c>
      <c r="AK7" s="67">
        <v>339</v>
      </c>
      <c r="AL7" s="68">
        <v>686</v>
      </c>
      <c r="AM7" s="243"/>
      <c r="AN7" s="67">
        <v>446</v>
      </c>
      <c r="AO7" s="67">
        <v>386</v>
      </c>
      <c r="AP7" s="67">
        <v>261</v>
      </c>
      <c r="AQ7" s="67">
        <v>207</v>
      </c>
      <c r="AR7" s="67">
        <v>155</v>
      </c>
      <c r="AS7" s="68">
        <v>1455</v>
      </c>
      <c r="AT7" s="69">
        <v>2141</v>
      </c>
      <c r="AU7" s="66">
        <v>898</v>
      </c>
      <c r="AV7" s="67">
        <v>789</v>
      </c>
      <c r="AW7" s="68">
        <v>1687</v>
      </c>
      <c r="AX7" s="243"/>
      <c r="AY7" s="67">
        <v>1155</v>
      </c>
      <c r="AZ7" s="67">
        <v>958</v>
      </c>
      <c r="BA7" s="67">
        <v>582</v>
      </c>
      <c r="BB7" s="67">
        <v>443</v>
      </c>
      <c r="BC7" s="67">
        <v>334</v>
      </c>
      <c r="BD7" s="68">
        <v>3472</v>
      </c>
      <c r="BE7" s="69">
        <v>5159</v>
      </c>
      <c r="BF7" s="66">
        <v>1619</v>
      </c>
      <c r="BG7" s="67">
        <v>1354</v>
      </c>
      <c r="BH7" s="68">
        <v>2973</v>
      </c>
      <c r="BI7" s="243"/>
      <c r="BJ7" s="67">
        <v>2004</v>
      </c>
      <c r="BK7" s="67">
        <v>1597</v>
      </c>
      <c r="BL7" s="67">
        <v>1094</v>
      </c>
      <c r="BM7" s="67">
        <v>861</v>
      </c>
      <c r="BN7" s="67">
        <v>479</v>
      </c>
      <c r="BO7" s="68">
        <v>6035</v>
      </c>
      <c r="BP7" s="69">
        <v>9008</v>
      </c>
      <c r="BQ7" s="66">
        <v>1314</v>
      </c>
      <c r="BR7" s="67">
        <v>1258</v>
      </c>
      <c r="BS7" s="68">
        <v>2572</v>
      </c>
      <c r="BT7" s="243"/>
      <c r="BU7" s="67">
        <v>2001</v>
      </c>
      <c r="BV7" s="67">
        <v>1917</v>
      </c>
      <c r="BW7" s="67">
        <v>1423</v>
      </c>
      <c r="BX7" s="67">
        <v>1196</v>
      </c>
      <c r="BY7" s="67">
        <v>530</v>
      </c>
      <c r="BZ7" s="68">
        <v>7067</v>
      </c>
      <c r="CA7" s="69">
        <v>9639</v>
      </c>
      <c r="CB7" s="66">
        <v>0</v>
      </c>
      <c r="CC7" s="67">
        <v>0</v>
      </c>
      <c r="CD7" s="68">
        <v>0</v>
      </c>
      <c r="CE7" s="243"/>
      <c r="CF7" s="67">
        <v>0</v>
      </c>
      <c r="CG7" s="67">
        <v>0</v>
      </c>
      <c r="CH7" s="67">
        <v>0</v>
      </c>
      <c r="CI7" s="67">
        <v>0</v>
      </c>
      <c r="CJ7" s="67">
        <v>0</v>
      </c>
      <c r="CK7" s="68">
        <v>0</v>
      </c>
      <c r="CL7" s="69">
        <v>0</v>
      </c>
      <c r="CM7" s="66">
        <v>4395</v>
      </c>
      <c r="CN7" s="67">
        <v>3978</v>
      </c>
      <c r="CO7" s="68">
        <v>8373</v>
      </c>
      <c r="CP7" s="243"/>
      <c r="CQ7" s="67">
        <v>5913</v>
      </c>
      <c r="CR7" s="67">
        <v>5202</v>
      </c>
      <c r="CS7" s="67">
        <v>3552</v>
      </c>
      <c r="CT7" s="67">
        <v>2891</v>
      </c>
      <c r="CU7" s="67">
        <v>1630</v>
      </c>
      <c r="CV7" s="68">
        <v>19188</v>
      </c>
      <c r="CW7" s="69">
        <v>27561</v>
      </c>
      <c r="CX7" s="122">
        <v>597</v>
      </c>
      <c r="CY7" s="78">
        <v>623</v>
      </c>
      <c r="CZ7" s="79">
        <v>1220</v>
      </c>
      <c r="DA7" s="240"/>
      <c r="DB7" s="78">
        <v>778</v>
      </c>
      <c r="DC7" s="78">
        <v>754</v>
      </c>
      <c r="DD7" s="78">
        <v>514</v>
      </c>
      <c r="DE7" s="78">
        <v>517</v>
      </c>
      <c r="DF7" s="78">
        <v>345</v>
      </c>
      <c r="DG7" s="80">
        <v>2908</v>
      </c>
      <c r="DH7" s="81">
        <v>4128</v>
      </c>
      <c r="DI7" s="66">
        <v>15</v>
      </c>
      <c r="DJ7" s="67">
        <v>11</v>
      </c>
      <c r="DK7" s="68">
        <v>26</v>
      </c>
      <c r="DL7" s="243"/>
      <c r="DM7" s="67">
        <v>7</v>
      </c>
      <c r="DN7" s="67">
        <v>10</v>
      </c>
      <c r="DO7" s="67">
        <v>9</v>
      </c>
      <c r="DP7" s="67">
        <v>9</v>
      </c>
      <c r="DQ7" s="67">
        <v>2</v>
      </c>
      <c r="DR7" s="68">
        <v>37</v>
      </c>
      <c r="DS7" s="69">
        <v>63</v>
      </c>
      <c r="DT7" s="66">
        <v>40</v>
      </c>
      <c r="DU7" s="67">
        <v>46</v>
      </c>
      <c r="DV7" s="68">
        <v>86</v>
      </c>
      <c r="DW7" s="243"/>
      <c r="DX7" s="67">
        <v>37</v>
      </c>
      <c r="DY7" s="67">
        <v>27</v>
      </c>
      <c r="DZ7" s="67">
        <v>14</v>
      </c>
      <c r="EA7" s="67">
        <v>19</v>
      </c>
      <c r="EB7" s="67">
        <v>10</v>
      </c>
      <c r="EC7" s="68">
        <v>107</v>
      </c>
      <c r="ED7" s="69">
        <v>193</v>
      </c>
      <c r="EE7" s="66">
        <v>67</v>
      </c>
      <c r="EF7" s="67">
        <v>62</v>
      </c>
      <c r="EG7" s="68">
        <v>129</v>
      </c>
      <c r="EH7" s="243"/>
      <c r="EI7" s="67">
        <v>70</v>
      </c>
      <c r="EJ7" s="67">
        <v>66</v>
      </c>
      <c r="EK7" s="67">
        <v>27</v>
      </c>
      <c r="EL7" s="67">
        <v>20</v>
      </c>
      <c r="EM7" s="67">
        <v>22</v>
      </c>
      <c r="EN7" s="68">
        <v>205</v>
      </c>
      <c r="EO7" s="69">
        <v>334</v>
      </c>
      <c r="EP7" s="66">
        <v>174</v>
      </c>
      <c r="EQ7" s="67">
        <v>148</v>
      </c>
      <c r="ER7" s="68">
        <v>322</v>
      </c>
      <c r="ES7" s="243"/>
      <c r="ET7" s="67">
        <v>151</v>
      </c>
      <c r="EU7" s="67">
        <v>106</v>
      </c>
      <c r="EV7" s="67">
        <v>69</v>
      </c>
      <c r="EW7" s="67">
        <v>61</v>
      </c>
      <c r="EX7" s="67">
        <v>42</v>
      </c>
      <c r="EY7" s="68">
        <v>429</v>
      </c>
      <c r="EZ7" s="69">
        <v>751</v>
      </c>
      <c r="FA7" s="66">
        <v>165</v>
      </c>
      <c r="FB7" s="67">
        <v>207</v>
      </c>
      <c r="FC7" s="68">
        <v>372</v>
      </c>
      <c r="FD7" s="243"/>
      <c r="FE7" s="67">
        <v>239</v>
      </c>
      <c r="FF7" s="67">
        <v>215</v>
      </c>
      <c r="FG7" s="67">
        <v>129</v>
      </c>
      <c r="FH7" s="67">
        <v>125</v>
      </c>
      <c r="FI7" s="67">
        <v>92</v>
      </c>
      <c r="FJ7" s="68">
        <v>800</v>
      </c>
      <c r="FK7" s="69">
        <v>1172</v>
      </c>
      <c r="FL7" s="66">
        <v>136</v>
      </c>
      <c r="FM7" s="67">
        <v>149</v>
      </c>
      <c r="FN7" s="68">
        <v>285</v>
      </c>
      <c r="FO7" s="243"/>
      <c r="FP7" s="67">
        <v>274</v>
      </c>
      <c r="FQ7" s="67">
        <v>330</v>
      </c>
      <c r="FR7" s="67">
        <v>266</v>
      </c>
      <c r="FS7" s="67">
        <v>283</v>
      </c>
      <c r="FT7" s="67">
        <v>177</v>
      </c>
      <c r="FU7" s="68">
        <v>1330</v>
      </c>
      <c r="FV7" s="69">
        <v>1615</v>
      </c>
      <c r="FW7" s="66">
        <v>0</v>
      </c>
      <c r="FX7" s="67">
        <v>0</v>
      </c>
      <c r="FY7" s="68">
        <v>0</v>
      </c>
      <c r="FZ7" s="243"/>
      <c r="GA7" s="67">
        <v>0</v>
      </c>
      <c r="GB7" s="67">
        <v>0</v>
      </c>
      <c r="GC7" s="67">
        <v>0</v>
      </c>
      <c r="GD7" s="67">
        <v>0</v>
      </c>
      <c r="GE7" s="67">
        <v>0</v>
      </c>
      <c r="GF7" s="68">
        <v>0</v>
      </c>
      <c r="GG7" s="69">
        <v>0</v>
      </c>
      <c r="GH7" s="66">
        <v>597</v>
      </c>
      <c r="GI7" s="67">
        <v>623</v>
      </c>
      <c r="GJ7" s="68">
        <v>1220</v>
      </c>
      <c r="GK7" s="243"/>
      <c r="GL7" s="67">
        <v>778</v>
      </c>
      <c r="GM7" s="67">
        <v>754</v>
      </c>
      <c r="GN7" s="67">
        <v>514</v>
      </c>
      <c r="GO7" s="67">
        <v>517</v>
      </c>
      <c r="GP7" s="67">
        <v>345</v>
      </c>
      <c r="GQ7" s="68">
        <v>2908</v>
      </c>
      <c r="GR7" s="69">
        <v>4128</v>
      </c>
      <c r="GS7" s="122">
        <v>4992</v>
      </c>
      <c r="GT7" s="78">
        <v>4601</v>
      </c>
      <c r="GU7" s="79">
        <v>9593</v>
      </c>
      <c r="GV7" s="240"/>
      <c r="GW7" s="78">
        <v>6691</v>
      </c>
      <c r="GX7" s="78">
        <v>5956</v>
      </c>
      <c r="GY7" s="78">
        <v>4066</v>
      </c>
      <c r="GZ7" s="78">
        <v>3408</v>
      </c>
      <c r="HA7" s="78">
        <v>1975</v>
      </c>
      <c r="HB7" s="80">
        <v>22096</v>
      </c>
      <c r="HC7" s="81">
        <v>31689</v>
      </c>
      <c r="HD7" s="66">
        <v>66</v>
      </c>
      <c r="HE7" s="67">
        <v>71</v>
      </c>
      <c r="HF7" s="68">
        <v>137</v>
      </c>
      <c r="HG7" s="243"/>
      <c r="HH7" s="67">
        <v>93</v>
      </c>
      <c r="HI7" s="67">
        <v>128</v>
      </c>
      <c r="HJ7" s="67">
        <v>59</v>
      </c>
      <c r="HK7" s="67">
        <v>61</v>
      </c>
      <c r="HL7" s="67">
        <v>35</v>
      </c>
      <c r="HM7" s="68">
        <v>376</v>
      </c>
      <c r="HN7" s="69">
        <v>513</v>
      </c>
      <c r="HO7" s="66">
        <v>206</v>
      </c>
      <c r="HP7" s="67">
        <v>224</v>
      </c>
      <c r="HQ7" s="68">
        <v>430</v>
      </c>
      <c r="HR7" s="243"/>
      <c r="HS7" s="67">
        <v>258</v>
      </c>
      <c r="HT7" s="67">
        <v>253</v>
      </c>
      <c r="HU7" s="67">
        <v>156</v>
      </c>
      <c r="HV7" s="67">
        <v>151</v>
      </c>
      <c r="HW7" s="67">
        <v>109</v>
      </c>
      <c r="HX7" s="68">
        <v>927</v>
      </c>
      <c r="HY7" s="69">
        <v>1357</v>
      </c>
      <c r="HZ7" s="66">
        <v>414</v>
      </c>
      <c r="IA7" s="67">
        <v>401</v>
      </c>
      <c r="IB7" s="68">
        <v>815</v>
      </c>
      <c r="IC7" s="243"/>
      <c r="ID7" s="67">
        <v>516</v>
      </c>
      <c r="IE7" s="67">
        <v>452</v>
      </c>
      <c r="IF7" s="67">
        <v>288</v>
      </c>
      <c r="IG7" s="67">
        <v>227</v>
      </c>
      <c r="IH7" s="67">
        <v>177</v>
      </c>
      <c r="II7" s="68">
        <v>1660</v>
      </c>
      <c r="IJ7" s="69">
        <v>2475</v>
      </c>
      <c r="IK7" s="66">
        <v>1072</v>
      </c>
      <c r="IL7" s="67">
        <v>937</v>
      </c>
      <c r="IM7" s="68">
        <v>2009</v>
      </c>
      <c r="IN7" s="243"/>
      <c r="IO7" s="67">
        <v>1306</v>
      </c>
      <c r="IP7" s="67">
        <v>1064</v>
      </c>
      <c r="IQ7" s="67">
        <v>651</v>
      </c>
      <c r="IR7" s="67">
        <v>504</v>
      </c>
      <c r="IS7" s="67">
        <v>376</v>
      </c>
      <c r="IT7" s="68">
        <v>3901</v>
      </c>
      <c r="IU7" s="69">
        <v>5910</v>
      </c>
      <c r="IV7" s="66">
        <v>1784</v>
      </c>
      <c r="IW7" s="67">
        <v>1561</v>
      </c>
      <c r="IX7" s="68">
        <v>3345</v>
      </c>
      <c r="IY7" s="243"/>
      <c r="IZ7" s="67">
        <v>2243</v>
      </c>
      <c r="JA7" s="67">
        <v>1812</v>
      </c>
      <c r="JB7" s="67">
        <v>1223</v>
      </c>
      <c r="JC7" s="67">
        <v>986</v>
      </c>
      <c r="JD7" s="67">
        <v>571</v>
      </c>
      <c r="JE7" s="68">
        <v>6835</v>
      </c>
      <c r="JF7" s="69">
        <v>10180</v>
      </c>
      <c r="JG7" s="66">
        <v>1450</v>
      </c>
      <c r="JH7" s="67">
        <v>1407</v>
      </c>
      <c r="JI7" s="68">
        <v>2857</v>
      </c>
      <c r="JJ7" s="243"/>
      <c r="JK7" s="67">
        <v>2275</v>
      </c>
      <c r="JL7" s="67">
        <v>2247</v>
      </c>
      <c r="JM7" s="67">
        <v>1689</v>
      </c>
      <c r="JN7" s="67">
        <v>1479</v>
      </c>
      <c r="JO7" s="67">
        <v>707</v>
      </c>
      <c r="JP7" s="68">
        <v>8397</v>
      </c>
      <c r="JQ7" s="69">
        <v>11254</v>
      </c>
      <c r="JR7" s="66">
        <v>0</v>
      </c>
      <c r="JS7" s="67">
        <v>0</v>
      </c>
      <c r="JT7" s="68">
        <v>0</v>
      </c>
      <c r="JU7" s="243"/>
      <c r="JV7" s="67">
        <v>0</v>
      </c>
      <c r="JW7" s="67">
        <v>0</v>
      </c>
      <c r="JX7" s="67">
        <v>0</v>
      </c>
      <c r="JY7" s="67">
        <v>0</v>
      </c>
      <c r="JZ7" s="67">
        <v>0</v>
      </c>
      <c r="KA7" s="68">
        <v>0</v>
      </c>
      <c r="KB7" s="69">
        <v>0</v>
      </c>
      <c r="KC7" s="66">
        <v>4992</v>
      </c>
      <c r="KD7" s="67">
        <v>4601</v>
      </c>
      <c r="KE7" s="68">
        <v>9593</v>
      </c>
      <c r="KF7" s="243"/>
      <c r="KG7" s="67">
        <v>6691</v>
      </c>
      <c r="KH7" s="67">
        <v>5956</v>
      </c>
      <c r="KI7" s="67">
        <v>4066</v>
      </c>
      <c r="KJ7" s="67">
        <v>3408</v>
      </c>
      <c r="KK7" s="67">
        <v>1975</v>
      </c>
      <c r="KL7" s="68">
        <v>22096</v>
      </c>
      <c r="KM7" s="69">
        <v>31689</v>
      </c>
    </row>
    <row r="8" spans="2:299" ht="19.8" customHeight="1" x14ac:dyDescent="0.2">
      <c r="B8" s="126" t="s">
        <v>5</v>
      </c>
      <c r="C8" s="316">
        <v>1940</v>
      </c>
      <c r="D8" s="82">
        <v>2029</v>
      </c>
      <c r="E8" s="83">
        <v>3969</v>
      </c>
      <c r="F8" s="241"/>
      <c r="G8" s="82">
        <v>2185</v>
      </c>
      <c r="H8" s="82">
        <v>2458</v>
      </c>
      <c r="I8" s="82">
        <v>1622</v>
      </c>
      <c r="J8" s="82">
        <v>1245</v>
      </c>
      <c r="K8" s="82">
        <v>730</v>
      </c>
      <c r="L8" s="84">
        <v>8240</v>
      </c>
      <c r="M8" s="85">
        <v>12209</v>
      </c>
      <c r="N8" s="70">
        <v>17</v>
      </c>
      <c r="O8" s="71">
        <v>24</v>
      </c>
      <c r="P8" s="72">
        <v>41</v>
      </c>
      <c r="Q8" s="244"/>
      <c r="R8" s="71">
        <v>28</v>
      </c>
      <c r="S8" s="71">
        <v>57</v>
      </c>
      <c r="T8" s="71">
        <v>19</v>
      </c>
      <c r="U8" s="71">
        <v>23</v>
      </c>
      <c r="V8" s="71">
        <v>15</v>
      </c>
      <c r="W8" s="72">
        <v>142</v>
      </c>
      <c r="X8" s="73">
        <v>183</v>
      </c>
      <c r="Y8" s="70">
        <v>67</v>
      </c>
      <c r="Z8" s="71">
        <v>91</v>
      </c>
      <c r="AA8" s="72">
        <v>158</v>
      </c>
      <c r="AB8" s="244"/>
      <c r="AC8" s="71">
        <v>73</v>
      </c>
      <c r="AD8" s="71">
        <v>101</v>
      </c>
      <c r="AE8" s="71">
        <v>68</v>
      </c>
      <c r="AF8" s="71">
        <v>48</v>
      </c>
      <c r="AG8" s="71">
        <v>40</v>
      </c>
      <c r="AH8" s="72">
        <v>330</v>
      </c>
      <c r="AI8" s="73">
        <v>488</v>
      </c>
      <c r="AJ8" s="70">
        <v>144</v>
      </c>
      <c r="AK8" s="71">
        <v>169</v>
      </c>
      <c r="AL8" s="72">
        <v>313</v>
      </c>
      <c r="AM8" s="244"/>
      <c r="AN8" s="71">
        <v>134</v>
      </c>
      <c r="AO8" s="71">
        <v>172</v>
      </c>
      <c r="AP8" s="71">
        <v>107</v>
      </c>
      <c r="AQ8" s="71">
        <v>82</v>
      </c>
      <c r="AR8" s="71">
        <v>60</v>
      </c>
      <c r="AS8" s="72">
        <v>555</v>
      </c>
      <c r="AT8" s="73">
        <v>868</v>
      </c>
      <c r="AU8" s="70">
        <v>394</v>
      </c>
      <c r="AV8" s="71">
        <v>393</v>
      </c>
      <c r="AW8" s="72">
        <v>787</v>
      </c>
      <c r="AX8" s="244"/>
      <c r="AY8" s="71">
        <v>427</v>
      </c>
      <c r="AZ8" s="71">
        <v>394</v>
      </c>
      <c r="BA8" s="71">
        <v>251</v>
      </c>
      <c r="BB8" s="71">
        <v>176</v>
      </c>
      <c r="BC8" s="71">
        <v>150</v>
      </c>
      <c r="BD8" s="72">
        <v>1398</v>
      </c>
      <c r="BE8" s="73">
        <v>2185</v>
      </c>
      <c r="BF8" s="70">
        <v>738</v>
      </c>
      <c r="BG8" s="71">
        <v>708</v>
      </c>
      <c r="BH8" s="72">
        <v>1446</v>
      </c>
      <c r="BI8" s="244"/>
      <c r="BJ8" s="71">
        <v>797</v>
      </c>
      <c r="BK8" s="71">
        <v>763</v>
      </c>
      <c r="BL8" s="71">
        <v>500</v>
      </c>
      <c r="BM8" s="71">
        <v>380</v>
      </c>
      <c r="BN8" s="71">
        <v>212</v>
      </c>
      <c r="BO8" s="72">
        <v>2652</v>
      </c>
      <c r="BP8" s="73">
        <v>4098</v>
      </c>
      <c r="BQ8" s="70">
        <v>580</v>
      </c>
      <c r="BR8" s="71">
        <v>644</v>
      </c>
      <c r="BS8" s="72">
        <v>1224</v>
      </c>
      <c r="BT8" s="244"/>
      <c r="BU8" s="71">
        <v>726</v>
      </c>
      <c r="BV8" s="71">
        <v>971</v>
      </c>
      <c r="BW8" s="71">
        <v>677</v>
      </c>
      <c r="BX8" s="71">
        <v>536</v>
      </c>
      <c r="BY8" s="71">
        <v>253</v>
      </c>
      <c r="BZ8" s="72">
        <v>3163</v>
      </c>
      <c r="CA8" s="73">
        <v>4387</v>
      </c>
      <c r="CB8" s="70">
        <v>0</v>
      </c>
      <c r="CC8" s="71">
        <v>0</v>
      </c>
      <c r="CD8" s="72">
        <v>0</v>
      </c>
      <c r="CE8" s="244"/>
      <c r="CF8" s="71">
        <v>0</v>
      </c>
      <c r="CG8" s="71">
        <v>0</v>
      </c>
      <c r="CH8" s="71">
        <v>0</v>
      </c>
      <c r="CI8" s="71">
        <v>0</v>
      </c>
      <c r="CJ8" s="71">
        <v>0</v>
      </c>
      <c r="CK8" s="72">
        <v>0</v>
      </c>
      <c r="CL8" s="73">
        <v>0</v>
      </c>
      <c r="CM8" s="70">
        <v>1940</v>
      </c>
      <c r="CN8" s="71">
        <v>2029</v>
      </c>
      <c r="CO8" s="72">
        <v>3969</v>
      </c>
      <c r="CP8" s="244"/>
      <c r="CQ8" s="71">
        <v>2185</v>
      </c>
      <c r="CR8" s="71">
        <v>2458</v>
      </c>
      <c r="CS8" s="71">
        <v>1622</v>
      </c>
      <c r="CT8" s="71">
        <v>1245</v>
      </c>
      <c r="CU8" s="71">
        <v>730</v>
      </c>
      <c r="CV8" s="72">
        <v>8240</v>
      </c>
      <c r="CW8" s="73">
        <v>12209</v>
      </c>
      <c r="CX8" s="123">
        <v>250</v>
      </c>
      <c r="CY8" s="82">
        <v>306</v>
      </c>
      <c r="CZ8" s="83">
        <v>556</v>
      </c>
      <c r="DA8" s="241"/>
      <c r="DB8" s="82">
        <v>300</v>
      </c>
      <c r="DC8" s="82">
        <v>349</v>
      </c>
      <c r="DD8" s="82">
        <v>223</v>
      </c>
      <c r="DE8" s="82">
        <v>232</v>
      </c>
      <c r="DF8" s="82">
        <v>151</v>
      </c>
      <c r="DG8" s="84">
        <v>1255</v>
      </c>
      <c r="DH8" s="85">
        <v>1811</v>
      </c>
      <c r="DI8" s="70">
        <v>7</v>
      </c>
      <c r="DJ8" s="71">
        <v>5</v>
      </c>
      <c r="DK8" s="72">
        <v>12</v>
      </c>
      <c r="DL8" s="244"/>
      <c r="DM8" s="71">
        <v>2</v>
      </c>
      <c r="DN8" s="71">
        <v>6</v>
      </c>
      <c r="DO8" s="71">
        <v>3</v>
      </c>
      <c r="DP8" s="71">
        <v>4</v>
      </c>
      <c r="DQ8" s="71">
        <v>1</v>
      </c>
      <c r="DR8" s="72">
        <v>16</v>
      </c>
      <c r="DS8" s="73">
        <v>28</v>
      </c>
      <c r="DT8" s="70">
        <v>17</v>
      </c>
      <c r="DU8" s="71">
        <v>24</v>
      </c>
      <c r="DV8" s="72">
        <v>41</v>
      </c>
      <c r="DW8" s="244"/>
      <c r="DX8" s="71">
        <v>14</v>
      </c>
      <c r="DY8" s="71">
        <v>10</v>
      </c>
      <c r="DZ8" s="71">
        <v>3</v>
      </c>
      <c r="EA8" s="71">
        <v>9</v>
      </c>
      <c r="EB8" s="71">
        <v>3</v>
      </c>
      <c r="EC8" s="72">
        <v>39</v>
      </c>
      <c r="ED8" s="73">
        <v>80</v>
      </c>
      <c r="EE8" s="70">
        <v>23</v>
      </c>
      <c r="EF8" s="71">
        <v>34</v>
      </c>
      <c r="EG8" s="72">
        <v>57</v>
      </c>
      <c r="EH8" s="244"/>
      <c r="EI8" s="71">
        <v>30</v>
      </c>
      <c r="EJ8" s="71">
        <v>34</v>
      </c>
      <c r="EK8" s="71">
        <v>12</v>
      </c>
      <c r="EL8" s="71">
        <v>9</v>
      </c>
      <c r="EM8" s="71">
        <v>17</v>
      </c>
      <c r="EN8" s="72">
        <v>102</v>
      </c>
      <c r="EO8" s="73">
        <v>159</v>
      </c>
      <c r="EP8" s="70">
        <v>75</v>
      </c>
      <c r="EQ8" s="71">
        <v>74</v>
      </c>
      <c r="ER8" s="72">
        <v>149</v>
      </c>
      <c r="ES8" s="244"/>
      <c r="ET8" s="71">
        <v>57</v>
      </c>
      <c r="EU8" s="71">
        <v>50</v>
      </c>
      <c r="EV8" s="71">
        <v>29</v>
      </c>
      <c r="EW8" s="71">
        <v>34</v>
      </c>
      <c r="EX8" s="71">
        <v>16</v>
      </c>
      <c r="EY8" s="72">
        <v>186</v>
      </c>
      <c r="EZ8" s="73">
        <v>335</v>
      </c>
      <c r="FA8" s="70">
        <v>66</v>
      </c>
      <c r="FB8" s="71">
        <v>97</v>
      </c>
      <c r="FC8" s="72">
        <v>163</v>
      </c>
      <c r="FD8" s="244"/>
      <c r="FE8" s="71">
        <v>94</v>
      </c>
      <c r="FF8" s="71">
        <v>93</v>
      </c>
      <c r="FG8" s="71">
        <v>53</v>
      </c>
      <c r="FH8" s="71">
        <v>55</v>
      </c>
      <c r="FI8" s="71">
        <v>38</v>
      </c>
      <c r="FJ8" s="72">
        <v>333</v>
      </c>
      <c r="FK8" s="73">
        <v>496</v>
      </c>
      <c r="FL8" s="70">
        <v>62</v>
      </c>
      <c r="FM8" s="71">
        <v>72</v>
      </c>
      <c r="FN8" s="72">
        <v>134</v>
      </c>
      <c r="FO8" s="244"/>
      <c r="FP8" s="71">
        <v>103</v>
      </c>
      <c r="FQ8" s="71">
        <v>156</v>
      </c>
      <c r="FR8" s="71">
        <v>123</v>
      </c>
      <c r="FS8" s="71">
        <v>121</v>
      </c>
      <c r="FT8" s="71">
        <v>76</v>
      </c>
      <c r="FU8" s="72">
        <v>579</v>
      </c>
      <c r="FV8" s="73">
        <v>713</v>
      </c>
      <c r="FW8" s="70">
        <v>0</v>
      </c>
      <c r="FX8" s="71">
        <v>0</v>
      </c>
      <c r="FY8" s="72">
        <v>0</v>
      </c>
      <c r="FZ8" s="244"/>
      <c r="GA8" s="71">
        <v>0</v>
      </c>
      <c r="GB8" s="71">
        <v>0</v>
      </c>
      <c r="GC8" s="71">
        <v>0</v>
      </c>
      <c r="GD8" s="71">
        <v>0</v>
      </c>
      <c r="GE8" s="71">
        <v>0</v>
      </c>
      <c r="GF8" s="72">
        <v>0</v>
      </c>
      <c r="GG8" s="73">
        <v>0</v>
      </c>
      <c r="GH8" s="70">
        <v>250</v>
      </c>
      <c r="GI8" s="71">
        <v>306</v>
      </c>
      <c r="GJ8" s="72">
        <v>556</v>
      </c>
      <c r="GK8" s="244"/>
      <c r="GL8" s="71">
        <v>300</v>
      </c>
      <c r="GM8" s="71">
        <v>349</v>
      </c>
      <c r="GN8" s="71">
        <v>223</v>
      </c>
      <c r="GO8" s="71">
        <v>232</v>
      </c>
      <c r="GP8" s="71">
        <v>151</v>
      </c>
      <c r="GQ8" s="72">
        <v>1255</v>
      </c>
      <c r="GR8" s="73">
        <v>1811</v>
      </c>
      <c r="GS8" s="123">
        <v>2190</v>
      </c>
      <c r="GT8" s="82">
        <v>2335</v>
      </c>
      <c r="GU8" s="83">
        <v>4525</v>
      </c>
      <c r="GV8" s="241"/>
      <c r="GW8" s="82">
        <v>2485</v>
      </c>
      <c r="GX8" s="82">
        <v>2807</v>
      </c>
      <c r="GY8" s="82">
        <v>1845</v>
      </c>
      <c r="GZ8" s="82">
        <v>1477</v>
      </c>
      <c r="HA8" s="82">
        <v>881</v>
      </c>
      <c r="HB8" s="84">
        <v>9495</v>
      </c>
      <c r="HC8" s="85">
        <v>14020</v>
      </c>
      <c r="HD8" s="70">
        <v>24</v>
      </c>
      <c r="HE8" s="71">
        <v>29</v>
      </c>
      <c r="HF8" s="72">
        <v>53</v>
      </c>
      <c r="HG8" s="244"/>
      <c r="HH8" s="71">
        <v>30</v>
      </c>
      <c r="HI8" s="71">
        <v>63</v>
      </c>
      <c r="HJ8" s="71">
        <v>22</v>
      </c>
      <c r="HK8" s="71">
        <v>27</v>
      </c>
      <c r="HL8" s="71">
        <v>16</v>
      </c>
      <c r="HM8" s="72">
        <v>158</v>
      </c>
      <c r="HN8" s="73">
        <v>211</v>
      </c>
      <c r="HO8" s="70">
        <v>84</v>
      </c>
      <c r="HP8" s="71">
        <v>115</v>
      </c>
      <c r="HQ8" s="72">
        <v>199</v>
      </c>
      <c r="HR8" s="244"/>
      <c r="HS8" s="71">
        <v>87</v>
      </c>
      <c r="HT8" s="71">
        <v>111</v>
      </c>
      <c r="HU8" s="71">
        <v>71</v>
      </c>
      <c r="HV8" s="71">
        <v>57</v>
      </c>
      <c r="HW8" s="71">
        <v>43</v>
      </c>
      <c r="HX8" s="72">
        <v>369</v>
      </c>
      <c r="HY8" s="73">
        <v>568</v>
      </c>
      <c r="HZ8" s="70">
        <v>167</v>
      </c>
      <c r="IA8" s="71">
        <v>203</v>
      </c>
      <c r="IB8" s="72">
        <v>370</v>
      </c>
      <c r="IC8" s="244"/>
      <c r="ID8" s="71">
        <v>164</v>
      </c>
      <c r="IE8" s="71">
        <v>206</v>
      </c>
      <c r="IF8" s="71">
        <v>119</v>
      </c>
      <c r="IG8" s="71">
        <v>91</v>
      </c>
      <c r="IH8" s="71">
        <v>77</v>
      </c>
      <c r="II8" s="72">
        <v>657</v>
      </c>
      <c r="IJ8" s="73">
        <v>1027</v>
      </c>
      <c r="IK8" s="70">
        <v>469</v>
      </c>
      <c r="IL8" s="71">
        <v>467</v>
      </c>
      <c r="IM8" s="72">
        <v>936</v>
      </c>
      <c r="IN8" s="244"/>
      <c r="IO8" s="71">
        <v>484</v>
      </c>
      <c r="IP8" s="71">
        <v>444</v>
      </c>
      <c r="IQ8" s="71">
        <v>280</v>
      </c>
      <c r="IR8" s="71">
        <v>210</v>
      </c>
      <c r="IS8" s="71">
        <v>166</v>
      </c>
      <c r="IT8" s="72">
        <v>1584</v>
      </c>
      <c r="IU8" s="73">
        <v>2520</v>
      </c>
      <c r="IV8" s="70">
        <v>804</v>
      </c>
      <c r="IW8" s="71">
        <v>805</v>
      </c>
      <c r="IX8" s="72">
        <v>1609</v>
      </c>
      <c r="IY8" s="244"/>
      <c r="IZ8" s="71">
        <v>891</v>
      </c>
      <c r="JA8" s="71">
        <v>856</v>
      </c>
      <c r="JB8" s="71">
        <v>553</v>
      </c>
      <c r="JC8" s="71">
        <v>435</v>
      </c>
      <c r="JD8" s="71">
        <v>250</v>
      </c>
      <c r="JE8" s="72">
        <v>2985</v>
      </c>
      <c r="JF8" s="73">
        <v>4594</v>
      </c>
      <c r="JG8" s="70">
        <v>642</v>
      </c>
      <c r="JH8" s="71">
        <v>716</v>
      </c>
      <c r="JI8" s="72">
        <v>1358</v>
      </c>
      <c r="JJ8" s="244"/>
      <c r="JK8" s="71">
        <v>829</v>
      </c>
      <c r="JL8" s="71">
        <v>1127</v>
      </c>
      <c r="JM8" s="71">
        <v>800</v>
      </c>
      <c r="JN8" s="71">
        <v>657</v>
      </c>
      <c r="JO8" s="71">
        <v>329</v>
      </c>
      <c r="JP8" s="72">
        <v>3742</v>
      </c>
      <c r="JQ8" s="73">
        <v>5100</v>
      </c>
      <c r="JR8" s="70">
        <v>0</v>
      </c>
      <c r="JS8" s="71">
        <v>0</v>
      </c>
      <c r="JT8" s="72">
        <v>0</v>
      </c>
      <c r="JU8" s="244"/>
      <c r="JV8" s="71">
        <v>0</v>
      </c>
      <c r="JW8" s="71">
        <v>0</v>
      </c>
      <c r="JX8" s="71">
        <v>0</v>
      </c>
      <c r="JY8" s="71">
        <v>0</v>
      </c>
      <c r="JZ8" s="71">
        <v>0</v>
      </c>
      <c r="KA8" s="72">
        <v>0</v>
      </c>
      <c r="KB8" s="73">
        <v>0</v>
      </c>
      <c r="KC8" s="70">
        <v>2190</v>
      </c>
      <c r="KD8" s="71">
        <v>2335</v>
      </c>
      <c r="KE8" s="72">
        <v>4525</v>
      </c>
      <c r="KF8" s="244"/>
      <c r="KG8" s="71">
        <v>2485</v>
      </c>
      <c r="KH8" s="71">
        <v>2807</v>
      </c>
      <c r="KI8" s="71">
        <v>1845</v>
      </c>
      <c r="KJ8" s="71">
        <v>1477</v>
      </c>
      <c r="KK8" s="71">
        <v>881</v>
      </c>
      <c r="KL8" s="72">
        <v>9495</v>
      </c>
      <c r="KM8" s="73">
        <v>14020</v>
      </c>
    </row>
    <row r="9" spans="2:299" ht="19.8" customHeight="1" x14ac:dyDescent="0.2">
      <c r="B9" s="126" t="s">
        <v>6</v>
      </c>
      <c r="C9" s="316">
        <v>523</v>
      </c>
      <c r="D9" s="82">
        <v>362</v>
      </c>
      <c r="E9" s="83">
        <v>885</v>
      </c>
      <c r="F9" s="241"/>
      <c r="G9" s="82">
        <v>801</v>
      </c>
      <c r="H9" s="82">
        <v>547</v>
      </c>
      <c r="I9" s="82">
        <v>414</v>
      </c>
      <c r="J9" s="82">
        <v>353</v>
      </c>
      <c r="K9" s="82">
        <v>247</v>
      </c>
      <c r="L9" s="84">
        <v>2362</v>
      </c>
      <c r="M9" s="85">
        <v>3247</v>
      </c>
      <c r="N9" s="70">
        <v>9</v>
      </c>
      <c r="O9" s="71">
        <v>6</v>
      </c>
      <c r="P9" s="72">
        <v>15</v>
      </c>
      <c r="Q9" s="244"/>
      <c r="R9" s="71">
        <v>16</v>
      </c>
      <c r="S9" s="71">
        <v>12</v>
      </c>
      <c r="T9" s="71">
        <v>4</v>
      </c>
      <c r="U9" s="71">
        <v>7</v>
      </c>
      <c r="V9" s="71">
        <v>8</v>
      </c>
      <c r="W9" s="72">
        <v>47</v>
      </c>
      <c r="X9" s="73">
        <v>62</v>
      </c>
      <c r="Y9" s="70">
        <v>13</v>
      </c>
      <c r="Z9" s="71">
        <v>10</v>
      </c>
      <c r="AA9" s="72">
        <v>23</v>
      </c>
      <c r="AB9" s="244"/>
      <c r="AC9" s="71">
        <v>42</v>
      </c>
      <c r="AD9" s="71">
        <v>32</v>
      </c>
      <c r="AE9" s="71">
        <v>12</v>
      </c>
      <c r="AF9" s="71">
        <v>18</v>
      </c>
      <c r="AG9" s="71">
        <v>20</v>
      </c>
      <c r="AH9" s="72">
        <v>124</v>
      </c>
      <c r="AI9" s="73">
        <v>147</v>
      </c>
      <c r="AJ9" s="70">
        <v>47</v>
      </c>
      <c r="AK9" s="71">
        <v>32</v>
      </c>
      <c r="AL9" s="72">
        <v>79</v>
      </c>
      <c r="AM9" s="244"/>
      <c r="AN9" s="71">
        <v>54</v>
      </c>
      <c r="AO9" s="71">
        <v>36</v>
      </c>
      <c r="AP9" s="71">
        <v>24</v>
      </c>
      <c r="AQ9" s="71">
        <v>27</v>
      </c>
      <c r="AR9" s="71">
        <v>24</v>
      </c>
      <c r="AS9" s="72">
        <v>165</v>
      </c>
      <c r="AT9" s="73">
        <v>244</v>
      </c>
      <c r="AU9" s="70">
        <v>96</v>
      </c>
      <c r="AV9" s="71">
        <v>51</v>
      </c>
      <c r="AW9" s="72">
        <v>147</v>
      </c>
      <c r="AX9" s="244"/>
      <c r="AY9" s="71">
        <v>144</v>
      </c>
      <c r="AZ9" s="71">
        <v>107</v>
      </c>
      <c r="BA9" s="71">
        <v>77</v>
      </c>
      <c r="BB9" s="71">
        <v>45</v>
      </c>
      <c r="BC9" s="71">
        <v>36</v>
      </c>
      <c r="BD9" s="72">
        <v>409</v>
      </c>
      <c r="BE9" s="73">
        <v>556</v>
      </c>
      <c r="BF9" s="70">
        <v>178</v>
      </c>
      <c r="BG9" s="71">
        <v>131</v>
      </c>
      <c r="BH9" s="72">
        <v>309</v>
      </c>
      <c r="BI9" s="244"/>
      <c r="BJ9" s="71">
        <v>251</v>
      </c>
      <c r="BK9" s="71">
        <v>166</v>
      </c>
      <c r="BL9" s="71">
        <v>133</v>
      </c>
      <c r="BM9" s="71">
        <v>96</v>
      </c>
      <c r="BN9" s="71">
        <v>88</v>
      </c>
      <c r="BO9" s="72">
        <v>734</v>
      </c>
      <c r="BP9" s="73">
        <v>1043</v>
      </c>
      <c r="BQ9" s="70">
        <v>180</v>
      </c>
      <c r="BR9" s="71">
        <v>132</v>
      </c>
      <c r="BS9" s="72">
        <v>312</v>
      </c>
      <c r="BT9" s="244"/>
      <c r="BU9" s="71">
        <v>294</v>
      </c>
      <c r="BV9" s="71">
        <v>194</v>
      </c>
      <c r="BW9" s="71">
        <v>164</v>
      </c>
      <c r="BX9" s="71">
        <v>160</v>
      </c>
      <c r="BY9" s="71">
        <v>71</v>
      </c>
      <c r="BZ9" s="72">
        <v>883</v>
      </c>
      <c r="CA9" s="73">
        <v>1195</v>
      </c>
      <c r="CB9" s="70">
        <v>0</v>
      </c>
      <c r="CC9" s="71">
        <v>0</v>
      </c>
      <c r="CD9" s="72">
        <v>0</v>
      </c>
      <c r="CE9" s="244"/>
      <c r="CF9" s="71">
        <v>0</v>
      </c>
      <c r="CG9" s="71">
        <v>0</v>
      </c>
      <c r="CH9" s="71">
        <v>0</v>
      </c>
      <c r="CI9" s="71">
        <v>0</v>
      </c>
      <c r="CJ9" s="71">
        <v>0</v>
      </c>
      <c r="CK9" s="72">
        <v>0</v>
      </c>
      <c r="CL9" s="73">
        <v>0</v>
      </c>
      <c r="CM9" s="70">
        <v>523</v>
      </c>
      <c r="CN9" s="71">
        <v>362</v>
      </c>
      <c r="CO9" s="72">
        <v>885</v>
      </c>
      <c r="CP9" s="244"/>
      <c r="CQ9" s="71">
        <v>801</v>
      </c>
      <c r="CR9" s="71">
        <v>547</v>
      </c>
      <c r="CS9" s="71">
        <v>414</v>
      </c>
      <c r="CT9" s="71">
        <v>353</v>
      </c>
      <c r="CU9" s="71">
        <v>247</v>
      </c>
      <c r="CV9" s="72">
        <v>2362</v>
      </c>
      <c r="CW9" s="73">
        <v>3247</v>
      </c>
      <c r="CX9" s="123">
        <v>106</v>
      </c>
      <c r="CY9" s="82">
        <v>88</v>
      </c>
      <c r="CZ9" s="83">
        <v>194</v>
      </c>
      <c r="DA9" s="241"/>
      <c r="DB9" s="82">
        <v>112</v>
      </c>
      <c r="DC9" s="82">
        <v>107</v>
      </c>
      <c r="DD9" s="82">
        <v>71</v>
      </c>
      <c r="DE9" s="82">
        <v>77</v>
      </c>
      <c r="DF9" s="82">
        <v>54</v>
      </c>
      <c r="DG9" s="84">
        <v>421</v>
      </c>
      <c r="DH9" s="85">
        <v>615</v>
      </c>
      <c r="DI9" s="70">
        <v>3</v>
      </c>
      <c r="DJ9" s="71">
        <v>2</v>
      </c>
      <c r="DK9" s="72">
        <v>5</v>
      </c>
      <c r="DL9" s="244"/>
      <c r="DM9" s="71">
        <v>1</v>
      </c>
      <c r="DN9" s="71">
        <v>1</v>
      </c>
      <c r="DO9" s="71">
        <v>0</v>
      </c>
      <c r="DP9" s="71">
        <v>2</v>
      </c>
      <c r="DQ9" s="71">
        <v>1</v>
      </c>
      <c r="DR9" s="72">
        <v>5</v>
      </c>
      <c r="DS9" s="73">
        <v>10</v>
      </c>
      <c r="DT9" s="70">
        <v>4</v>
      </c>
      <c r="DU9" s="71">
        <v>7</v>
      </c>
      <c r="DV9" s="72">
        <v>11</v>
      </c>
      <c r="DW9" s="244"/>
      <c r="DX9" s="71">
        <v>5</v>
      </c>
      <c r="DY9" s="71">
        <v>2</v>
      </c>
      <c r="DZ9" s="71">
        <v>2</v>
      </c>
      <c r="EA9" s="71">
        <v>4</v>
      </c>
      <c r="EB9" s="71">
        <v>1</v>
      </c>
      <c r="EC9" s="72">
        <v>14</v>
      </c>
      <c r="ED9" s="73">
        <v>25</v>
      </c>
      <c r="EE9" s="70">
        <v>18</v>
      </c>
      <c r="EF9" s="71">
        <v>10</v>
      </c>
      <c r="EG9" s="72">
        <v>28</v>
      </c>
      <c r="EH9" s="244"/>
      <c r="EI9" s="71">
        <v>9</v>
      </c>
      <c r="EJ9" s="71">
        <v>6</v>
      </c>
      <c r="EK9" s="71">
        <v>2</v>
      </c>
      <c r="EL9" s="71">
        <v>4</v>
      </c>
      <c r="EM9" s="71">
        <v>0</v>
      </c>
      <c r="EN9" s="72">
        <v>21</v>
      </c>
      <c r="EO9" s="73">
        <v>49</v>
      </c>
      <c r="EP9" s="70">
        <v>30</v>
      </c>
      <c r="EQ9" s="71">
        <v>18</v>
      </c>
      <c r="ER9" s="72">
        <v>48</v>
      </c>
      <c r="ES9" s="244"/>
      <c r="ET9" s="71">
        <v>20</v>
      </c>
      <c r="EU9" s="71">
        <v>15</v>
      </c>
      <c r="EV9" s="71">
        <v>16</v>
      </c>
      <c r="EW9" s="71">
        <v>4</v>
      </c>
      <c r="EX9" s="71">
        <v>7</v>
      </c>
      <c r="EY9" s="72">
        <v>62</v>
      </c>
      <c r="EZ9" s="73">
        <v>110</v>
      </c>
      <c r="FA9" s="70">
        <v>30</v>
      </c>
      <c r="FB9" s="71">
        <v>35</v>
      </c>
      <c r="FC9" s="72">
        <v>65</v>
      </c>
      <c r="FD9" s="244"/>
      <c r="FE9" s="71">
        <v>39</v>
      </c>
      <c r="FF9" s="71">
        <v>42</v>
      </c>
      <c r="FG9" s="71">
        <v>22</v>
      </c>
      <c r="FH9" s="71">
        <v>24</v>
      </c>
      <c r="FI9" s="71">
        <v>15</v>
      </c>
      <c r="FJ9" s="72">
        <v>142</v>
      </c>
      <c r="FK9" s="73">
        <v>207</v>
      </c>
      <c r="FL9" s="70">
        <v>21</v>
      </c>
      <c r="FM9" s="71">
        <v>16</v>
      </c>
      <c r="FN9" s="72">
        <v>37</v>
      </c>
      <c r="FO9" s="244"/>
      <c r="FP9" s="71">
        <v>38</v>
      </c>
      <c r="FQ9" s="71">
        <v>41</v>
      </c>
      <c r="FR9" s="71">
        <v>29</v>
      </c>
      <c r="FS9" s="71">
        <v>39</v>
      </c>
      <c r="FT9" s="71">
        <v>30</v>
      </c>
      <c r="FU9" s="72">
        <v>177</v>
      </c>
      <c r="FV9" s="73">
        <v>214</v>
      </c>
      <c r="FW9" s="70">
        <v>0</v>
      </c>
      <c r="FX9" s="71">
        <v>0</v>
      </c>
      <c r="FY9" s="72">
        <v>0</v>
      </c>
      <c r="FZ9" s="244"/>
      <c r="GA9" s="71">
        <v>0</v>
      </c>
      <c r="GB9" s="71">
        <v>0</v>
      </c>
      <c r="GC9" s="71">
        <v>0</v>
      </c>
      <c r="GD9" s="71">
        <v>0</v>
      </c>
      <c r="GE9" s="71">
        <v>0</v>
      </c>
      <c r="GF9" s="72">
        <v>0</v>
      </c>
      <c r="GG9" s="73">
        <v>0</v>
      </c>
      <c r="GH9" s="70">
        <v>106</v>
      </c>
      <c r="GI9" s="71">
        <v>88</v>
      </c>
      <c r="GJ9" s="72">
        <v>194</v>
      </c>
      <c r="GK9" s="244"/>
      <c r="GL9" s="71">
        <v>112</v>
      </c>
      <c r="GM9" s="71">
        <v>107</v>
      </c>
      <c r="GN9" s="71">
        <v>71</v>
      </c>
      <c r="GO9" s="71">
        <v>77</v>
      </c>
      <c r="GP9" s="71">
        <v>54</v>
      </c>
      <c r="GQ9" s="72">
        <v>421</v>
      </c>
      <c r="GR9" s="73">
        <v>615</v>
      </c>
      <c r="GS9" s="123">
        <v>629</v>
      </c>
      <c r="GT9" s="82">
        <v>450</v>
      </c>
      <c r="GU9" s="83">
        <v>1079</v>
      </c>
      <c r="GV9" s="241"/>
      <c r="GW9" s="82">
        <v>913</v>
      </c>
      <c r="GX9" s="82">
        <v>654</v>
      </c>
      <c r="GY9" s="82">
        <v>485</v>
      </c>
      <c r="GZ9" s="82">
        <v>430</v>
      </c>
      <c r="HA9" s="82">
        <v>301</v>
      </c>
      <c r="HB9" s="84">
        <v>2783</v>
      </c>
      <c r="HC9" s="85">
        <v>3862</v>
      </c>
      <c r="HD9" s="70">
        <v>12</v>
      </c>
      <c r="HE9" s="71">
        <v>8</v>
      </c>
      <c r="HF9" s="72">
        <v>20</v>
      </c>
      <c r="HG9" s="244"/>
      <c r="HH9" s="71">
        <v>17</v>
      </c>
      <c r="HI9" s="71">
        <v>13</v>
      </c>
      <c r="HJ9" s="71">
        <v>4</v>
      </c>
      <c r="HK9" s="71">
        <v>9</v>
      </c>
      <c r="HL9" s="71">
        <v>9</v>
      </c>
      <c r="HM9" s="72">
        <v>52</v>
      </c>
      <c r="HN9" s="73">
        <v>72</v>
      </c>
      <c r="HO9" s="70">
        <v>17</v>
      </c>
      <c r="HP9" s="71">
        <v>17</v>
      </c>
      <c r="HQ9" s="72">
        <v>34</v>
      </c>
      <c r="HR9" s="244"/>
      <c r="HS9" s="71">
        <v>47</v>
      </c>
      <c r="HT9" s="71">
        <v>34</v>
      </c>
      <c r="HU9" s="71">
        <v>14</v>
      </c>
      <c r="HV9" s="71">
        <v>22</v>
      </c>
      <c r="HW9" s="71">
        <v>21</v>
      </c>
      <c r="HX9" s="72">
        <v>138</v>
      </c>
      <c r="HY9" s="73">
        <v>172</v>
      </c>
      <c r="HZ9" s="70">
        <v>65</v>
      </c>
      <c r="IA9" s="71">
        <v>42</v>
      </c>
      <c r="IB9" s="72">
        <v>107</v>
      </c>
      <c r="IC9" s="244"/>
      <c r="ID9" s="71">
        <v>63</v>
      </c>
      <c r="IE9" s="71">
        <v>42</v>
      </c>
      <c r="IF9" s="71">
        <v>26</v>
      </c>
      <c r="IG9" s="71">
        <v>31</v>
      </c>
      <c r="IH9" s="71">
        <v>24</v>
      </c>
      <c r="II9" s="72">
        <v>186</v>
      </c>
      <c r="IJ9" s="73">
        <v>293</v>
      </c>
      <c r="IK9" s="70">
        <v>126</v>
      </c>
      <c r="IL9" s="71">
        <v>69</v>
      </c>
      <c r="IM9" s="72">
        <v>195</v>
      </c>
      <c r="IN9" s="244"/>
      <c r="IO9" s="71">
        <v>164</v>
      </c>
      <c r="IP9" s="71">
        <v>122</v>
      </c>
      <c r="IQ9" s="71">
        <v>93</v>
      </c>
      <c r="IR9" s="71">
        <v>49</v>
      </c>
      <c r="IS9" s="71">
        <v>43</v>
      </c>
      <c r="IT9" s="72">
        <v>471</v>
      </c>
      <c r="IU9" s="73">
        <v>666</v>
      </c>
      <c r="IV9" s="70">
        <v>208</v>
      </c>
      <c r="IW9" s="71">
        <v>166</v>
      </c>
      <c r="IX9" s="72">
        <v>374</v>
      </c>
      <c r="IY9" s="244"/>
      <c r="IZ9" s="71">
        <v>290</v>
      </c>
      <c r="JA9" s="71">
        <v>208</v>
      </c>
      <c r="JB9" s="71">
        <v>155</v>
      </c>
      <c r="JC9" s="71">
        <v>120</v>
      </c>
      <c r="JD9" s="71">
        <v>103</v>
      </c>
      <c r="JE9" s="72">
        <v>876</v>
      </c>
      <c r="JF9" s="73">
        <v>1250</v>
      </c>
      <c r="JG9" s="70">
        <v>201</v>
      </c>
      <c r="JH9" s="71">
        <v>148</v>
      </c>
      <c r="JI9" s="72">
        <v>349</v>
      </c>
      <c r="JJ9" s="244"/>
      <c r="JK9" s="71">
        <v>332</v>
      </c>
      <c r="JL9" s="71">
        <v>235</v>
      </c>
      <c r="JM9" s="71">
        <v>193</v>
      </c>
      <c r="JN9" s="71">
        <v>199</v>
      </c>
      <c r="JO9" s="71">
        <v>101</v>
      </c>
      <c r="JP9" s="72">
        <v>1060</v>
      </c>
      <c r="JQ9" s="73">
        <v>1409</v>
      </c>
      <c r="JR9" s="70">
        <v>0</v>
      </c>
      <c r="JS9" s="71">
        <v>0</v>
      </c>
      <c r="JT9" s="72">
        <v>0</v>
      </c>
      <c r="JU9" s="244"/>
      <c r="JV9" s="71">
        <v>0</v>
      </c>
      <c r="JW9" s="71">
        <v>0</v>
      </c>
      <c r="JX9" s="71">
        <v>0</v>
      </c>
      <c r="JY9" s="71">
        <v>0</v>
      </c>
      <c r="JZ9" s="71">
        <v>0</v>
      </c>
      <c r="KA9" s="72">
        <v>0</v>
      </c>
      <c r="KB9" s="73">
        <v>0</v>
      </c>
      <c r="KC9" s="70">
        <v>629</v>
      </c>
      <c r="KD9" s="71">
        <v>450</v>
      </c>
      <c r="KE9" s="72">
        <v>1079</v>
      </c>
      <c r="KF9" s="244"/>
      <c r="KG9" s="71">
        <v>913</v>
      </c>
      <c r="KH9" s="71">
        <v>654</v>
      </c>
      <c r="KI9" s="71">
        <v>485</v>
      </c>
      <c r="KJ9" s="71">
        <v>430</v>
      </c>
      <c r="KK9" s="71">
        <v>301</v>
      </c>
      <c r="KL9" s="72">
        <v>2783</v>
      </c>
      <c r="KM9" s="73">
        <v>3862</v>
      </c>
    </row>
    <row r="10" spans="2:299" ht="19.8" customHeight="1" x14ac:dyDescent="0.2">
      <c r="B10" s="126" t="s">
        <v>14</v>
      </c>
      <c r="C10" s="316">
        <v>266</v>
      </c>
      <c r="D10" s="82">
        <v>313</v>
      </c>
      <c r="E10" s="83">
        <v>579</v>
      </c>
      <c r="F10" s="241"/>
      <c r="G10" s="82">
        <v>414</v>
      </c>
      <c r="H10" s="82">
        <v>398</v>
      </c>
      <c r="I10" s="82">
        <v>274</v>
      </c>
      <c r="J10" s="82">
        <v>210</v>
      </c>
      <c r="K10" s="82">
        <v>121</v>
      </c>
      <c r="L10" s="84">
        <v>1417</v>
      </c>
      <c r="M10" s="85">
        <v>1996</v>
      </c>
      <c r="N10" s="70">
        <v>6</v>
      </c>
      <c r="O10" s="71">
        <v>7</v>
      </c>
      <c r="P10" s="72">
        <v>13</v>
      </c>
      <c r="Q10" s="244"/>
      <c r="R10" s="71">
        <v>2</v>
      </c>
      <c r="S10" s="71">
        <v>13</v>
      </c>
      <c r="T10" s="71">
        <v>6</v>
      </c>
      <c r="U10" s="71">
        <v>6</v>
      </c>
      <c r="V10" s="71">
        <v>2</v>
      </c>
      <c r="W10" s="72">
        <v>29</v>
      </c>
      <c r="X10" s="73">
        <v>42</v>
      </c>
      <c r="Y10" s="70">
        <v>11</v>
      </c>
      <c r="Z10" s="71">
        <v>13</v>
      </c>
      <c r="AA10" s="72">
        <v>24</v>
      </c>
      <c r="AB10" s="244"/>
      <c r="AC10" s="71">
        <v>14</v>
      </c>
      <c r="AD10" s="71">
        <v>19</v>
      </c>
      <c r="AE10" s="71">
        <v>14</v>
      </c>
      <c r="AF10" s="71">
        <v>15</v>
      </c>
      <c r="AG10" s="71">
        <v>8</v>
      </c>
      <c r="AH10" s="72">
        <v>70</v>
      </c>
      <c r="AI10" s="73">
        <v>94</v>
      </c>
      <c r="AJ10" s="70">
        <v>32</v>
      </c>
      <c r="AK10" s="71">
        <v>33</v>
      </c>
      <c r="AL10" s="72">
        <v>65</v>
      </c>
      <c r="AM10" s="244"/>
      <c r="AN10" s="71">
        <v>43</v>
      </c>
      <c r="AO10" s="71">
        <v>37</v>
      </c>
      <c r="AP10" s="71">
        <v>21</v>
      </c>
      <c r="AQ10" s="71">
        <v>17</v>
      </c>
      <c r="AR10" s="71">
        <v>17</v>
      </c>
      <c r="AS10" s="72">
        <v>135</v>
      </c>
      <c r="AT10" s="73">
        <v>200</v>
      </c>
      <c r="AU10" s="70">
        <v>62</v>
      </c>
      <c r="AV10" s="71">
        <v>79</v>
      </c>
      <c r="AW10" s="72">
        <v>141</v>
      </c>
      <c r="AX10" s="244"/>
      <c r="AY10" s="71">
        <v>92</v>
      </c>
      <c r="AZ10" s="71">
        <v>89</v>
      </c>
      <c r="BA10" s="71">
        <v>44</v>
      </c>
      <c r="BB10" s="71">
        <v>42</v>
      </c>
      <c r="BC10" s="71">
        <v>19</v>
      </c>
      <c r="BD10" s="72">
        <v>286</v>
      </c>
      <c r="BE10" s="73">
        <v>427</v>
      </c>
      <c r="BF10" s="70">
        <v>86</v>
      </c>
      <c r="BG10" s="71">
        <v>86</v>
      </c>
      <c r="BH10" s="72">
        <v>172</v>
      </c>
      <c r="BI10" s="244"/>
      <c r="BJ10" s="71">
        <v>127</v>
      </c>
      <c r="BK10" s="71">
        <v>124</v>
      </c>
      <c r="BL10" s="71">
        <v>85</v>
      </c>
      <c r="BM10" s="71">
        <v>52</v>
      </c>
      <c r="BN10" s="71">
        <v>33</v>
      </c>
      <c r="BO10" s="72">
        <v>421</v>
      </c>
      <c r="BP10" s="73">
        <v>593</v>
      </c>
      <c r="BQ10" s="70">
        <v>69</v>
      </c>
      <c r="BR10" s="71">
        <v>95</v>
      </c>
      <c r="BS10" s="72">
        <v>164</v>
      </c>
      <c r="BT10" s="244"/>
      <c r="BU10" s="71">
        <v>136</v>
      </c>
      <c r="BV10" s="71">
        <v>116</v>
      </c>
      <c r="BW10" s="71">
        <v>104</v>
      </c>
      <c r="BX10" s="71">
        <v>78</v>
      </c>
      <c r="BY10" s="71">
        <v>42</v>
      </c>
      <c r="BZ10" s="72">
        <v>476</v>
      </c>
      <c r="CA10" s="73">
        <v>640</v>
      </c>
      <c r="CB10" s="70">
        <v>0</v>
      </c>
      <c r="CC10" s="71">
        <v>0</v>
      </c>
      <c r="CD10" s="72">
        <v>0</v>
      </c>
      <c r="CE10" s="244"/>
      <c r="CF10" s="71">
        <v>0</v>
      </c>
      <c r="CG10" s="71">
        <v>0</v>
      </c>
      <c r="CH10" s="71">
        <v>0</v>
      </c>
      <c r="CI10" s="71">
        <v>0</v>
      </c>
      <c r="CJ10" s="71">
        <v>0</v>
      </c>
      <c r="CK10" s="72">
        <v>0</v>
      </c>
      <c r="CL10" s="73">
        <v>0</v>
      </c>
      <c r="CM10" s="70">
        <v>266</v>
      </c>
      <c r="CN10" s="71">
        <v>313</v>
      </c>
      <c r="CO10" s="72">
        <v>579</v>
      </c>
      <c r="CP10" s="244"/>
      <c r="CQ10" s="71">
        <v>414</v>
      </c>
      <c r="CR10" s="71">
        <v>398</v>
      </c>
      <c r="CS10" s="71">
        <v>274</v>
      </c>
      <c r="CT10" s="71">
        <v>210</v>
      </c>
      <c r="CU10" s="71">
        <v>121</v>
      </c>
      <c r="CV10" s="72">
        <v>1417</v>
      </c>
      <c r="CW10" s="73">
        <v>1996</v>
      </c>
      <c r="CX10" s="123">
        <v>33</v>
      </c>
      <c r="CY10" s="82">
        <v>42</v>
      </c>
      <c r="CZ10" s="83">
        <v>75</v>
      </c>
      <c r="DA10" s="241"/>
      <c r="DB10" s="82">
        <v>37</v>
      </c>
      <c r="DC10" s="82">
        <v>46</v>
      </c>
      <c r="DD10" s="82">
        <v>31</v>
      </c>
      <c r="DE10" s="82">
        <v>31</v>
      </c>
      <c r="DF10" s="82">
        <v>19</v>
      </c>
      <c r="DG10" s="84">
        <v>164</v>
      </c>
      <c r="DH10" s="85">
        <v>239</v>
      </c>
      <c r="DI10" s="70">
        <v>1</v>
      </c>
      <c r="DJ10" s="71">
        <v>2</v>
      </c>
      <c r="DK10" s="72">
        <v>3</v>
      </c>
      <c r="DL10" s="244"/>
      <c r="DM10" s="71">
        <v>0</v>
      </c>
      <c r="DN10" s="71">
        <v>0</v>
      </c>
      <c r="DO10" s="71">
        <v>1</v>
      </c>
      <c r="DP10" s="71">
        <v>0</v>
      </c>
      <c r="DQ10" s="71">
        <v>0</v>
      </c>
      <c r="DR10" s="72">
        <v>1</v>
      </c>
      <c r="DS10" s="73">
        <v>4</v>
      </c>
      <c r="DT10" s="70">
        <v>3</v>
      </c>
      <c r="DU10" s="71">
        <v>2</v>
      </c>
      <c r="DV10" s="72">
        <v>5</v>
      </c>
      <c r="DW10" s="244"/>
      <c r="DX10" s="71">
        <v>3</v>
      </c>
      <c r="DY10" s="71">
        <v>2</v>
      </c>
      <c r="DZ10" s="71">
        <v>2</v>
      </c>
      <c r="EA10" s="71">
        <v>1</v>
      </c>
      <c r="EB10" s="71">
        <v>2</v>
      </c>
      <c r="EC10" s="72">
        <v>10</v>
      </c>
      <c r="ED10" s="73">
        <v>15</v>
      </c>
      <c r="EE10" s="70">
        <v>8</v>
      </c>
      <c r="EF10" s="71">
        <v>4</v>
      </c>
      <c r="EG10" s="72">
        <v>12</v>
      </c>
      <c r="EH10" s="244"/>
      <c r="EI10" s="71">
        <v>5</v>
      </c>
      <c r="EJ10" s="71">
        <v>6</v>
      </c>
      <c r="EK10" s="71">
        <v>2</v>
      </c>
      <c r="EL10" s="71">
        <v>3</v>
      </c>
      <c r="EM10" s="71">
        <v>1</v>
      </c>
      <c r="EN10" s="72">
        <v>17</v>
      </c>
      <c r="EO10" s="73">
        <v>29</v>
      </c>
      <c r="EP10" s="70">
        <v>8</v>
      </c>
      <c r="EQ10" s="71">
        <v>9</v>
      </c>
      <c r="ER10" s="72">
        <v>17</v>
      </c>
      <c r="ES10" s="244"/>
      <c r="ET10" s="71">
        <v>6</v>
      </c>
      <c r="EU10" s="71">
        <v>6</v>
      </c>
      <c r="EV10" s="71">
        <v>7</v>
      </c>
      <c r="EW10" s="71">
        <v>1</v>
      </c>
      <c r="EX10" s="71">
        <v>2</v>
      </c>
      <c r="EY10" s="72">
        <v>22</v>
      </c>
      <c r="EZ10" s="73">
        <v>39</v>
      </c>
      <c r="FA10" s="70">
        <v>10</v>
      </c>
      <c r="FB10" s="71">
        <v>12</v>
      </c>
      <c r="FC10" s="72">
        <v>22</v>
      </c>
      <c r="FD10" s="244"/>
      <c r="FE10" s="71">
        <v>10</v>
      </c>
      <c r="FF10" s="71">
        <v>15</v>
      </c>
      <c r="FG10" s="71">
        <v>8</v>
      </c>
      <c r="FH10" s="71">
        <v>9</v>
      </c>
      <c r="FI10" s="71">
        <v>4</v>
      </c>
      <c r="FJ10" s="72">
        <v>46</v>
      </c>
      <c r="FK10" s="73">
        <v>68</v>
      </c>
      <c r="FL10" s="70">
        <v>3</v>
      </c>
      <c r="FM10" s="71">
        <v>13</v>
      </c>
      <c r="FN10" s="72">
        <v>16</v>
      </c>
      <c r="FO10" s="244"/>
      <c r="FP10" s="71">
        <v>13</v>
      </c>
      <c r="FQ10" s="71">
        <v>17</v>
      </c>
      <c r="FR10" s="71">
        <v>11</v>
      </c>
      <c r="FS10" s="71">
        <v>17</v>
      </c>
      <c r="FT10" s="71">
        <v>10</v>
      </c>
      <c r="FU10" s="72">
        <v>68</v>
      </c>
      <c r="FV10" s="73">
        <v>84</v>
      </c>
      <c r="FW10" s="70">
        <v>0</v>
      </c>
      <c r="FX10" s="71">
        <v>0</v>
      </c>
      <c r="FY10" s="72">
        <v>0</v>
      </c>
      <c r="FZ10" s="244"/>
      <c r="GA10" s="71">
        <v>0</v>
      </c>
      <c r="GB10" s="71">
        <v>0</v>
      </c>
      <c r="GC10" s="71">
        <v>0</v>
      </c>
      <c r="GD10" s="71">
        <v>0</v>
      </c>
      <c r="GE10" s="71">
        <v>0</v>
      </c>
      <c r="GF10" s="72">
        <v>0</v>
      </c>
      <c r="GG10" s="73">
        <v>0</v>
      </c>
      <c r="GH10" s="70">
        <v>33</v>
      </c>
      <c r="GI10" s="71">
        <v>42</v>
      </c>
      <c r="GJ10" s="72">
        <v>75</v>
      </c>
      <c r="GK10" s="244"/>
      <c r="GL10" s="71">
        <v>37</v>
      </c>
      <c r="GM10" s="71">
        <v>46</v>
      </c>
      <c r="GN10" s="71">
        <v>31</v>
      </c>
      <c r="GO10" s="71">
        <v>31</v>
      </c>
      <c r="GP10" s="71">
        <v>19</v>
      </c>
      <c r="GQ10" s="72">
        <v>164</v>
      </c>
      <c r="GR10" s="73">
        <v>239</v>
      </c>
      <c r="GS10" s="123">
        <v>299</v>
      </c>
      <c r="GT10" s="82">
        <v>355</v>
      </c>
      <c r="GU10" s="83">
        <v>654</v>
      </c>
      <c r="GV10" s="241"/>
      <c r="GW10" s="82">
        <v>451</v>
      </c>
      <c r="GX10" s="82">
        <v>444</v>
      </c>
      <c r="GY10" s="82">
        <v>305</v>
      </c>
      <c r="GZ10" s="82">
        <v>241</v>
      </c>
      <c r="HA10" s="82">
        <v>140</v>
      </c>
      <c r="HB10" s="84">
        <v>1581</v>
      </c>
      <c r="HC10" s="85">
        <v>2235</v>
      </c>
      <c r="HD10" s="70">
        <v>7</v>
      </c>
      <c r="HE10" s="71">
        <v>9</v>
      </c>
      <c r="HF10" s="72">
        <v>16</v>
      </c>
      <c r="HG10" s="244"/>
      <c r="HH10" s="71">
        <v>2</v>
      </c>
      <c r="HI10" s="71">
        <v>13</v>
      </c>
      <c r="HJ10" s="71">
        <v>7</v>
      </c>
      <c r="HK10" s="71">
        <v>6</v>
      </c>
      <c r="HL10" s="71">
        <v>2</v>
      </c>
      <c r="HM10" s="72">
        <v>30</v>
      </c>
      <c r="HN10" s="73">
        <v>46</v>
      </c>
      <c r="HO10" s="70">
        <v>14</v>
      </c>
      <c r="HP10" s="71">
        <v>15</v>
      </c>
      <c r="HQ10" s="72">
        <v>29</v>
      </c>
      <c r="HR10" s="244"/>
      <c r="HS10" s="71">
        <v>17</v>
      </c>
      <c r="HT10" s="71">
        <v>21</v>
      </c>
      <c r="HU10" s="71">
        <v>16</v>
      </c>
      <c r="HV10" s="71">
        <v>16</v>
      </c>
      <c r="HW10" s="71">
        <v>10</v>
      </c>
      <c r="HX10" s="72">
        <v>80</v>
      </c>
      <c r="HY10" s="73">
        <v>109</v>
      </c>
      <c r="HZ10" s="70">
        <v>40</v>
      </c>
      <c r="IA10" s="71">
        <v>37</v>
      </c>
      <c r="IB10" s="72">
        <v>77</v>
      </c>
      <c r="IC10" s="244"/>
      <c r="ID10" s="71">
        <v>48</v>
      </c>
      <c r="IE10" s="71">
        <v>43</v>
      </c>
      <c r="IF10" s="71">
        <v>23</v>
      </c>
      <c r="IG10" s="71">
        <v>20</v>
      </c>
      <c r="IH10" s="71">
        <v>18</v>
      </c>
      <c r="II10" s="72">
        <v>152</v>
      </c>
      <c r="IJ10" s="73">
        <v>229</v>
      </c>
      <c r="IK10" s="70">
        <v>70</v>
      </c>
      <c r="IL10" s="71">
        <v>88</v>
      </c>
      <c r="IM10" s="72">
        <v>158</v>
      </c>
      <c r="IN10" s="244"/>
      <c r="IO10" s="71">
        <v>98</v>
      </c>
      <c r="IP10" s="71">
        <v>95</v>
      </c>
      <c r="IQ10" s="71">
        <v>51</v>
      </c>
      <c r="IR10" s="71">
        <v>43</v>
      </c>
      <c r="IS10" s="71">
        <v>21</v>
      </c>
      <c r="IT10" s="72">
        <v>308</v>
      </c>
      <c r="IU10" s="73">
        <v>466</v>
      </c>
      <c r="IV10" s="70">
        <v>96</v>
      </c>
      <c r="IW10" s="71">
        <v>98</v>
      </c>
      <c r="IX10" s="72">
        <v>194</v>
      </c>
      <c r="IY10" s="244"/>
      <c r="IZ10" s="71">
        <v>137</v>
      </c>
      <c r="JA10" s="71">
        <v>139</v>
      </c>
      <c r="JB10" s="71">
        <v>93</v>
      </c>
      <c r="JC10" s="71">
        <v>61</v>
      </c>
      <c r="JD10" s="71">
        <v>37</v>
      </c>
      <c r="JE10" s="72">
        <v>467</v>
      </c>
      <c r="JF10" s="73">
        <v>661</v>
      </c>
      <c r="JG10" s="70">
        <v>72</v>
      </c>
      <c r="JH10" s="71">
        <v>108</v>
      </c>
      <c r="JI10" s="72">
        <v>180</v>
      </c>
      <c r="JJ10" s="244"/>
      <c r="JK10" s="71">
        <v>149</v>
      </c>
      <c r="JL10" s="71">
        <v>133</v>
      </c>
      <c r="JM10" s="71">
        <v>115</v>
      </c>
      <c r="JN10" s="71">
        <v>95</v>
      </c>
      <c r="JO10" s="71">
        <v>52</v>
      </c>
      <c r="JP10" s="72">
        <v>544</v>
      </c>
      <c r="JQ10" s="73">
        <v>724</v>
      </c>
      <c r="JR10" s="70">
        <v>0</v>
      </c>
      <c r="JS10" s="71">
        <v>0</v>
      </c>
      <c r="JT10" s="72">
        <v>0</v>
      </c>
      <c r="JU10" s="244"/>
      <c r="JV10" s="71">
        <v>0</v>
      </c>
      <c r="JW10" s="71">
        <v>0</v>
      </c>
      <c r="JX10" s="71">
        <v>0</v>
      </c>
      <c r="JY10" s="71">
        <v>0</v>
      </c>
      <c r="JZ10" s="71">
        <v>0</v>
      </c>
      <c r="KA10" s="72">
        <v>0</v>
      </c>
      <c r="KB10" s="73">
        <v>0</v>
      </c>
      <c r="KC10" s="70">
        <v>299</v>
      </c>
      <c r="KD10" s="71">
        <v>355</v>
      </c>
      <c r="KE10" s="72">
        <v>654</v>
      </c>
      <c r="KF10" s="244"/>
      <c r="KG10" s="71">
        <v>451</v>
      </c>
      <c r="KH10" s="71">
        <v>444</v>
      </c>
      <c r="KI10" s="71">
        <v>305</v>
      </c>
      <c r="KJ10" s="71">
        <v>241</v>
      </c>
      <c r="KK10" s="71">
        <v>140</v>
      </c>
      <c r="KL10" s="72">
        <v>1581</v>
      </c>
      <c r="KM10" s="73">
        <v>2235</v>
      </c>
    </row>
    <row r="11" spans="2:299" ht="19.8" customHeight="1" x14ac:dyDescent="0.2">
      <c r="B11" s="126" t="s">
        <v>7</v>
      </c>
      <c r="C11" s="316">
        <v>246</v>
      </c>
      <c r="D11" s="82">
        <v>161</v>
      </c>
      <c r="E11" s="83">
        <v>407</v>
      </c>
      <c r="F11" s="241"/>
      <c r="G11" s="82">
        <v>540</v>
      </c>
      <c r="H11" s="82">
        <v>335</v>
      </c>
      <c r="I11" s="82">
        <v>201</v>
      </c>
      <c r="J11" s="82">
        <v>185</v>
      </c>
      <c r="K11" s="82">
        <v>88</v>
      </c>
      <c r="L11" s="84">
        <v>1349</v>
      </c>
      <c r="M11" s="85">
        <v>1756</v>
      </c>
      <c r="N11" s="70">
        <v>2</v>
      </c>
      <c r="O11" s="71">
        <v>2</v>
      </c>
      <c r="P11" s="72">
        <v>4</v>
      </c>
      <c r="Q11" s="244"/>
      <c r="R11" s="71">
        <v>3</v>
      </c>
      <c r="S11" s="71">
        <v>8</v>
      </c>
      <c r="T11" s="71">
        <v>4</v>
      </c>
      <c r="U11" s="71">
        <v>3</v>
      </c>
      <c r="V11" s="71">
        <v>0</v>
      </c>
      <c r="W11" s="72">
        <v>18</v>
      </c>
      <c r="X11" s="73">
        <v>22</v>
      </c>
      <c r="Y11" s="70">
        <v>12</v>
      </c>
      <c r="Z11" s="71">
        <v>4</v>
      </c>
      <c r="AA11" s="72">
        <v>16</v>
      </c>
      <c r="AB11" s="244"/>
      <c r="AC11" s="71">
        <v>23</v>
      </c>
      <c r="AD11" s="71">
        <v>14</v>
      </c>
      <c r="AE11" s="71">
        <v>12</v>
      </c>
      <c r="AF11" s="71">
        <v>4</v>
      </c>
      <c r="AG11" s="71">
        <v>3</v>
      </c>
      <c r="AH11" s="72">
        <v>56</v>
      </c>
      <c r="AI11" s="73">
        <v>72</v>
      </c>
      <c r="AJ11" s="70">
        <v>14</v>
      </c>
      <c r="AK11" s="71">
        <v>16</v>
      </c>
      <c r="AL11" s="72">
        <v>30</v>
      </c>
      <c r="AM11" s="244"/>
      <c r="AN11" s="71">
        <v>51</v>
      </c>
      <c r="AO11" s="71">
        <v>31</v>
      </c>
      <c r="AP11" s="71">
        <v>20</v>
      </c>
      <c r="AQ11" s="71">
        <v>10</v>
      </c>
      <c r="AR11" s="71">
        <v>12</v>
      </c>
      <c r="AS11" s="72">
        <v>124</v>
      </c>
      <c r="AT11" s="73">
        <v>154</v>
      </c>
      <c r="AU11" s="70">
        <v>46</v>
      </c>
      <c r="AV11" s="71">
        <v>33</v>
      </c>
      <c r="AW11" s="72">
        <v>79</v>
      </c>
      <c r="AX11" s="244"/>
      <c r="AY11" s="71">
        <v>102</v>
      </c>
      <c r="AZ11" s="71">
        <v>74</v>
      </c>
      <c r="BA11" s="71">
        <v>33</v>
      </c>
      <c r="BB11" s="71">
        <v>30</v>
      </c>
      <c r="BC11" s="71">
        <v>27</v>
      </c>
      <c r="BD11" s="72">
        <v>266</v>
      </c>
      <c r="BE11" s="73">
        <v>345</v>
      </c>
      <c r="BF11" s="70">
        <v>101</v>
      </c>
      <c r="BG11" s="71">
        <v>66</v>
      </c>
      <c r="BH11" s="72">
        <v>167</v>
      </c>
      <c r="BI11" s="244"/>
      <c r="BJ11" s="71">
        <v>168</v>
      </c>
      <c r="BK11" s="71">
        <v>99</v>
      </c>
      <c r="BL11" s="71">
        <v>68</v>
      </c>
      <c r="BM11" s="71">
        <v>59</v>
      </c>
      <c r="BN11" s="71">
        <v>22</v>
      </c>
      <c r="BO11" s="72">
        <v>416</v>
      </c>
      <c r="BP11" s="73">
        <v>583</v>
      </c>
      <c r="BQ11" s="70">
        <v>71</v>
      </c>
      <c r="BR11" s="71">
        <v>40</v>
      </c>
      <c r="BS11" s="72">
        <v>111</v>
      </c>
      <c r="BT11" s="244"/>
      <c r="BU11" s="71">
        <v>193</v>
      </c>
      <c r="BV11" s="71">
        <v>109</v>
      </c>
      <c r="BW11" s="71">
        <v>64</v>
      </c>
      <c r="BX11" s="71">
        <v>79</v>
      </c>
      <c r="BY11" s="71">
        <v>24</v>
      </c>
      <c r="BZ11" s="72">
        <v>469</v>
      </c>
      <c r="CA11" s="73">
        <v>580</v>
      </c>
      <c r="CB11" s="70">
        <v>0</v>
      </c>
      <c r="CC11" s="71">
        <v>0</v>
      </c>
      <c r="CD11" s="72">
        <v>0</v>
      </c>
      <c r="CE11" s="244"/>
      <c r="CF11" s="71">
        <v>0</v>
      </c>
      <c r="CG11" s="71">
        <v>0</v>
      </c>
      <c r="CH11" s="71">
        <v>0</v>
      </c>
      <c r="CI11" s="71">
        <v>0</v>
      </c>
      <c r="CJ11" s="71">
        <v>0</v>
      </c>
      <c r="CK11" s="72">
        <v>0</v>
      </c>
      <c r="CL11" s="73">
        <v>0</v>
      </c>
      <c r="CM11" s="70">
        <v>246</v>
      </c>
      <c r="CN11" s="71">
        <v>161</v>
      </c>
      <c r="CO11" s="72">
        <v>407</v>
      </c>
      <c r="CP11" s="244"/>
      <c r="CQ11" s="71">
        <v>540</v>
      </c>
      <c r="CR11" s="71">
        <v>335</v>
      </c>
      <c r="CS11" s="71">
        <v>201</v>
      </c>
      <c r="CT11" s="71">
        <v>185</v>
      </c>
      <c r="CU11" s="71">
        <v>88</v>
      </c>
      <c r="CV11" s="72">
        <v>1349</v>
      </c>
      <c r="CW11" s="73">
        <v>1756</v>
      </c>
      <c r="CX11" s="123">
        <v>35</v>
      </c>
      <c r="CY11" s="82">
        <v>23</v>
      </c>
      <c r="CZ11" s="83">
        <v>58</v>
      </c>
      <c r="DA11" s="241"/>
      <c r="DB11" s="82">
        <v>73</v>
      </c>
      <c r="DC11" s="82">
        <v>33</v>
      </c>
      <c r="DD11" s="82">
        <v>28</v>
      </c>
      <c r="DE11" s="82">
        <v>27</v>
      </c>
      <c r="DF11" s="82">
        <v>19</v>
      </c>
      <c r="DG11" s="84">
        <v>180</v>
      </c>
      <c r="DH11" s="85">
        <v>238</v>
      </c>
      <c r="DI11" s="70">
        <v>1</v>
      </c>
      <c r="DJ11" s="71">
        <v>0</v>
      </c>
      <c r="DK11" s="72">
        <v>1</v>
      </c>
      <c r="DL11" s="244"/>
      <c r="DM11" s="71">
        <v>1</v>
      </c>
      <c r="DN11" s="71">
        <v>0</v>
      </c>
      <c r="DO11" s="71">
        <v>0</v>
      </c>
      <c r="DP11" s="71">
        <v>0</v>
      </c>
      <c r="DQ11" s="71">
        <v>0</v>
      </c>
      <c r="DR11" s="72">
        <v>1</v>
      </c>
      <c r="DS11" s="73">
        <v>2</v>
      </c>
      <c r="DT11" s="70">
        <v>5</v>
      </c>
      <c r="DU11" s="71">
        <v>1</v>
      </c>
      <c r="DV11" s="72">
        <v>6</v>
      </c>
      <c r="DW11" s="244"/>
      <c r="DX11" s="71">
        <v>3</v>
      </c>
      <c r="DY11" s="71">
        <v>2</v>
      </c>
      <c r="DZ11" s="71">
        <v>1</v>
      </c>
      <c r="EA11" s="71">
        <v>3</v>
      </c>
      <c r="EB11" s="71">
        <v>1</v>
      </c>
      <c r="EC11" s="72">
        <v>10</v>
      </c>
      <c r="ED11" s="73">
        <v>16</v>
      </c>
      <c r="EE11" s="70">
        <v>2</v>
      </c>
      <c r="EF11" s="71">
        <v>1</v>
      </c>
      <c r="EG11" s="72">
        <v>3</v>
      </c>
      <c r="EH11" s="244"/>
      <c r="EI11" s="71">
        <v>6</v>
      </c>
      <c r="EJ11" s="71">
        <v>4</v>
      </c>
      <c r="EK11" s="71">
        <v>1</v>
      </c>
      <c r="EL11" s="71">
        <v>0</v>
      </c>
      <c r="EM11" s="71">
        <v>2</v>
      </c>
      <c r="EN11" s="72">
        <v>13</v>
      </c>
      <c r="EO11" s="73">
        <v>16</v>
      </c>
      <c r="EP11" s="70">
        <v>10</v>
      </c>
      <c r="EQ11" s="71">
        <v>7</v>
      </c>
      <c r="ER11" s="72">
        <v>17</v>
      </c>
      <c r="ES11" s="244"/>
      <c r="ET11" s="71">
        <v>19</v>
      </c>
      <c r="EU11" s="71">
        <v>1</v>
      </c>
      <c r="EV11" s="71">
        <v>2</v>
      </c>
      <c r="EW11" s="71">
        <v>4</v>
      </c>
      <c r="EX11" s="71">
        <v>4</v>
      </c>
      <c r="EY11" s="72">
        <v>30</v>
      </c>
      <c r="EZ11" s="73">
        <v>47</v>
      </c>
      <c r="FA11" s="70">
        <v>8</v>
      </c>
      <c r="FB11" s="71">
        <v>8</v>
      </c>
      <c r="FC11" s="72">
        <v>16</v>
      </c>
      <c r="FD11" s="244"/>
      <c r="FE11" s="71">
        <v>17</v>
      </c>
      <c r="FF11" s="71">
        <v>9</v>
      </c>
      <c r="FG11" s="71">
        <v>8</v>
      </c>
      <c r="FH11" s="71">
        <v>9</v>
      </c>
      <c r="FI11" s="71">
        <v>5</v>
      </c>
      <c r="FJ11" s="72">
        <v>48</v>
      </c>
      <c r="FK11" s="73">
        <v>64</v>
      </c>
      <c r="FL11" s="70">
        <v>9</v>
      </c>
      <c r="FM11" s="71">
        <v>6</v>
      </c>
      <c r="FN11" s="72">
        <v>15</v>
      </c>
      <c r="FO11" s="244"/>
      <c r="FP11" s="71">
        <v>27</v>
      </c>
      <c r="FQ11" s="71">
        <v>17</v>
      </c>
      <c r="FR11" s="71">
        <v>16</v>
      </c>
      <c r="FS11" s="71">
        <v>11</v>
      </c>
      <c r="FT11" s="71">
        <v>7</v>
      </c>
      <c r="FU11" s="72">
        <v>78</v>
      </c>
      <c r="FV11" s="73">
        <v>93</v>
      </c>
      <c r="FW11" s="70">
        <v>0</v>
      </c>
      <c r="FX11" s="71">
        <v>0</v>
      </c>
      <c r="FY11" s="72">
        <v>0</v>
      </c>
      <c r="FZ11" s="244"/>
      <c r="GA11" s="71">
        <v>0</v>
      </c>
      <c r="GB11" s="71">
        <v>0</v>
      </c>
      <c r="GC11" s="71">
        <v>0</v>
      </c>
      <c r="GD11" s="71">
        <v>0</v>
      </c>
      <c r="GE11" s="71">
        <v>0</v>
      </c>
      <c r="GF11" s="72">
        <v>0</v>
      </c>
      <c r="GG11" s="73">
        <v>0</v>
      </c>
      <c r="GH11" s="70">
        <v>35</v>
      </c>
      <c r="GI11" s="71">
        <v>23</v>
      </c>
      <c r="GJ11" s="72">
        <v>58</v>
      </c>
      <c r="GK11" s="244"/>
      <c r="GL11" s="71">
        <v>73</v>
      </c>
      <c r="GM11" s="71">
        <v>33</v>
      </c>
      <c r="GN11" s="71">
        <v>28</v>
      </c>
      <c r="GO11" s="71">
        <v>27</v>
      </c>
      <c r="GP11" s="71">
        <v>19</v>
      </c>
      <c r="GQ11" s="72">
        <v>180</v>
      </c>
      <c r="GR11" s="73">
        <v>238</v>
      </c>
      <c r="GS11" s="123">
        <v>281</v>
      </c>
      <c r="GT11" s="82">
        <v>184</v>
      </c>
      <c r="GU11" s="83">
        <v>465</v>
      </c>
      <c r="GV11" s="241"/>
      <c r="GW11" s="82">
        <v>613</v>
      </c>
      <c r="GX11" s="82">
        <v>368</v>
      </c>
      <c r="GY11" s="82">
        <v>229</v>
      </c>
      <c r="GZ11" s="82">
        <v>212</v>
      </c>
      <c r="HA11" s="82">
        <v>107</v>
      </c>
      <c r="HB11" s="84">
        <v>1529</v>
      </c>
      <c r="HC11" s="85">
        <v>1994</v>
      </c>
      <c r="HD11" s="70">
        <v>3</v>
      </c>
      <c r="HE11" s="71">
        <v>2</v>
      </c>
      <c r="HF11" s="72">
        <v>5</v>
      </c>
      <c r="HG11" s="244"/>
      <c r="HH11" s="71">
        <v>4</v>
      </c>
      <c r="HI11" s="71">
        <v>8</v>
      </c>
      <c r="HJ11" s="71">
        <v>4</v>
      </c>
      <c r="HK11" s="71">
        <v>3</v>
      </c>
      <c r="HL11" s="71">
        <v>0</v>
      </c>
      <c r="HM11" s="72">
        <v>19</v>
      </c>
      <c r="HN11" s="73">
        <v>24</v>
      </c>
      <c r="HO11" s="70">
        <v>17</v>
      </c>
      <c r="HP11" s="71">
        <v>5</v>
      </c>
      <c r="HQ11" s="72">
        <v>22</v>
      </c>
      <c r="HR11" s="244"/>
      <c r="HS11" s="71">
        <v>26</v>
      </c>
      <c r="HT11" s="71">
        <v>16</v>
      </c>
      <c r="HU11" s="71">
        <v>13</v>
      </c>
      <c r="HV11" s="71">
        <v>7</v>
      </c>
      <c r="HW11" s="71">
        <v>4</v>
      </c>
      <c r="HX11" s="72">
        <v>66</v>
      </c>
      <c r="HY11" s="73">
        <v>88</v>
      </c>
      <c r="HZ11" s="70">
        <v>16</v>
      </c>
      <c r="IA11" s="71">
        <v>17</v>
      </c>
      <c r="IB11" s="72">
        <v>33</v>
      </c>
      <c r="IC11" s="244"/>
      <c r="ID11" s="71">
        <v>57</v>
      </c>
      <c r="IE11" s="71">
        <v>35</v>
      </c>
      <c r="IF11" s="71">
        <v>21</v>
      </c>
      <c r="IG11" s="71">
        <v>10</v>
      </c>
      <c r="IH11" s="71">
        <v>14</v>
      </c>
      <c r="II11" s="72">
        <v>137</v>
      </c>
      <c r="IJ11" s="73">
        <v>170</v>
      </c>
      <c r="IK11" s="70">
        <v>56</v>
      </c>
      <c r="IL11" s="71">
        <v>40</v>
      </c>
      <c r="IM11" s="72">
        <v>96</v>
      </c>
      <c r="IN11" s="244"/>
      <c r="IO11" s="71">
        <v>121</v>
      </c>
      <c r="IP11" s="71">
        <v>75</v>
      </c>
      <c r="IQ11" s="71">
        <v>35</v>
      </c>
      <c r="IR11" s="71">
        <v>34</v>
      </c>
      <c r="IS11" s="71">
        <v>31</v>
      </c>
      <c r="IT11" s="72">
        <v>296</v>
      </c>
      <c r="IU11" s="73">
        <v>392</v>
      </c>
      <c r="IV11" s="70">
        <v>109</v>
      </c>
      <c r="IW11" s="71">
        <v>74</v>
      </c>
      <c r="IX11" s="72">
        <v>183</v>
      </c>
      <c r="IY11" s="244"/>
      <c r="IZ11" s="71">
        <v>185</v>
      </c>
      <c r="JA11" s="71">
        <v>108</v>
      </c>
      <c r="JB11" s="71">
        <v>76</v>
      </c>
      <c r="JC11" s="71">
        <v>68</v>
      </c>
      <c r="JD11" s="71">
        <v>27</v>
      </c>
      <c r="JE11" s="72">
        <v>464</v>
      </c>
      <c r="JF11" s="73">
        <v>647</v>
      </c>
      <c r="JG11" s="70">
        <v>80</v>
      </c>
      <c r="JH11" s="71">
        <v>46</v>
      </c>
      <c r="JI11" s="72">
        <v>126</v>
      </c>
      <c r="JJ11" s="244"/>
      <c r="JK11" s="71">
        <v>220</v>
      </c>
      <c r="JL11" s="71">
        <v>126</v>
      </c>
      <c r="JM11" s="71">
        <v>80</v>
      </c>
      <c r="JN11" s="71">
        <v>90</v>
      </c>
      <c r="JO11" s="71">
        <v>31</v>
      </c>
      <c r="JP11" s="72">
        <v>547</v>
      </c>
      <c r="JQ11" s="73">
        <v>673</v>
      </c>
      <c r="JR11" s="70">
        <v>0</v>
      </c>
      <c r="JS11" s="71">
        <v>0</v>
      </c>
      <c r="JT11" s="72">
        <v>0</v>
      </c>
      <c r="JU11" s="244"/>
      <c r="JV11" s="71">
        <v>0</v>
      </c>
      <c r="JW11" s="71">
        <v>0</v>
      </c>
      <c r="JX11" s="71">
        <v>0</v>
      </c>
      <c r="JY11" s="71">
        <v>0</v>
      </c>
      <c r="JZ11" s="71">
        <v>0</v>
      </c>
      <c r="KA11" s="72">
        <v>0</v>
      </c>
      <c r="KB11" s="73">
        <v>0</v>
      </c>
      <c r="KC11" s="70">
        <v>281</v>
      </c>
      <c r="KD11" s="71">
        <v>184</v>
      </c>
      <c r="KE11" s="72">
        <v>465</v>
      </c>
      <c r="KF11" s="244"/>
      <c r="KG11" s="71">
        <v>613</v>
      </c>
      <c r="KH11" s="71">
        <v>368</v>
      </c>
      <c r="KI11" s="71">
        <v>229</v>
      </c>
      <c r="KJ11" s="71">
        <v>212</v>
      </c>
      <c r="KK11" s="71">
        <v>107</v>
      </c>
      <c r="KL11" s="72">
        <v>1529</v>
      </c>
      <c r="KM11" s="73">
        <v>1994</v>
      </c>
    </row>
    <row r="12" spans="2:299" ht="19.8" customHeight="1" x14ac:dyDescent="0.2">
      <c r="B12" s="126" t="s">
        <v>8</v>
      </c>
      <c r="C12" s="316">
        <v>110</v>
      </c>
      <c r="D12" s="82">
        <v>61</v>
      </c>
      <c r="E12" s="83">
        <v>171</v>
      </c>
      <c r="F12" s="241"/>
      <c r="G12" s="82">
        <v>140</v>
      </c>
      <c r="H12" s="82">
        <v>115</v>
      </c>
      <c r="I12" s="82">
        <v>83</v>
      </c>
      <c r="J12" s="82">
        <v>60</v>
      </c>
      <c r="K12" s="82">
        <v>37</v>
      </c>
      <c r="L12" s="84">
        <v>435</v>
      </c>
      <c r="M12" s="85">
        <v>606</v>
      </c>
      <c r="N12" s="70">
        <v>2</v>
      </c>
      <c r="O12" s="71">
        <v>1</v>
      </c>
      <c r="P12" s="72">
        <v>3</v>
      </c>
      <c r="Q12" s="244"/>
      <c r="R12" s="71">
        <v>3</v>
      </c>
      <c r="S12" s="71">
        <v>5</v>
      </c>
      <c r="T12" s="71">
        <v>1</v>
      </c>
      <c r="U12" s="71">
        <v>3</v>
      </c>
      <c r="V12" s="71">
        <v>0</v>
      </c>
      <c r="W12" s="72">
        <v>12</v>
      </c>
      <c r="X12" s="73">
        <v>15</v>
      </c>
      <c r="Y12" s="70">
        <v>2</v>
      </c>
      <c r="Z12" s="71">
        <v>1</v>
      </c>
      <c r="AA12" s="72">
        <v>3</v>
      </c>
      <c r="AB12" s="244"/>
      <c r="AC12" s="71">
        <v>6</v>
      </c>
      <c r="AD12" s="71">
        <v>9</v>
      </c>
      <c r="AE12" s="71">
        <v>1</v>
      </c>
      <c r="AF12" s="71">
        <v>4</v>
      </c>
      <c r="AG12" s="71">
        <v>2</v>
      </c>
      <c r="AH12" s="72">
        <v>22</v>
      </c>
      <c r="AI12" s="73">
        <v>25</v>
      </c>
      <c r="AJ12" s="70">
        <v>8</v>
      </c>
      <c r="AK12" s="71">
        <v>6</v>
      </c>
      <c r="AL12" s="72">
        <v>14</v>
      </c>
      <c r="AM12" s="244"/>
      <c r="AN12" s="71">
        <v>12</v>
      </c>
      <c r="AO12" s="71">
        <v>14</v>
      </c>
      <c r="AP12" s="71">
        <v>6</v>
      </c>
      <c r="AQ12" s="71">
        <v>5</v>
      </c>
      <c r="AR12" s="71">
        <v>4</v>
      </c>
      <c r="AS12" s="72">
        <v>41</v>
      </c>
      <c r="AT12" s="73">
        <v>55</v>
      </c>
      <c r="AU12" s="70">
        <v>31</v>
      </c>
      <c r="AV12" s="71">
        <v>8</v>
      </c>
      <c r="AW12" s="72">
        <v>39</v>
      </c>
      <c r="AX12" s="244"/>
      <c r="AY12" s="71">
        <v>21</v>
      </c>
      <c r="AZ12" s="71">
        <v>16</v>
      </c>
      <c r="BA12" s="71">
        <v>16</v>
      </c>
      <c r="BB12" s="71">
        <v>14</v>
      </c>
      <c r="BC12" s="71">
        <v>8</v>
      </c>
      <c r="BD12" s="72">
        <v>75</v>
      </c>
      <c r="BE12" s="73">
        <v>114</v>
      </c>
      <c r="BF12" s="70">
        <v>33</v>
      </c>
      <c r="BG12" s="71">
        <v>21</v>
      </c>
      <c r="BH12" s="72">
        <v>54</v>
      </c>
      <c r="BI12" s="244"/>
      <c r="BJ12" s="71">
        <v>42</v>
      </c>
      <c r="BK12" s="71">
        <v>27</v>
      </c>
      <c r="BL12" s="71">
        <v>20</v>
      </c>
      <c r="BM12" s="71">
        <v>9</v>
      </c>
      <c r="BN12" s="71">
        <v>10</v>
      </c>
      <c r="BO12" s="72">
        <v>108</v>
      </c>
      <c r="BP12" s="73">
        <v>162</v>
      </c>
      <c r="BQ12" s="70">
        <v>34</v>
      </c>
      <c r="BR12" s="71">
        <v>24</v>
      </c>
      <c r="BS12" s="72">
        <v>58</v>
      </c>
      <c r="BT12" s="244"/>
      <c r="BU12" s="71">
        <v>56</v>
      </c>
      <c r="BV12" s="71">
        <v>44</v>
      </c>
      <c r="BW12" s="71">
        <v>39</v>
      </c>
      <c r="BX12" s="71">
        <v>25</v>
      </c>
      <c r="BY12" s="71">
        <v>13</v>
      </c>
      <c r="BZ12" s="72">
        <v>177</v>
      </c>
      <c r="CA12" s="73">
        <v>235</v>
      </c>
      <c r="CB12" s="70">
        <v>0</v>
      </c>
      <c r="CC12" s="71">
        <v>0</v>
      </c>
      <c r="CD12" s="72">
        <v>0</v>
      </c>
      <c r="CE12" s="244"/>
      <c r="CF12" s="71">
        <v>0</v>
      </c>
      <c r="CG12" s="71">
        <v>0</v>
      </c>
      <c r="CH12" s="71">
        <v>0</v>
      </c>
      <c r="CI12" s="71">
        <v>0</v>
      </c>
      <c r="CJ12" s="71">
        <v>0</v>
      </c>
      <c r="CK12" s="72">
        <v>0</v>
      </c>
      <c r="CL12" s="73">
        <v>0</v>
      </c>
      <c r="CM12" s="70">
        <v>110</v>
      </c>
      <c r="CN12" s="71">
        <v>61</v>
      </c>
      <c r="CO12" s="72">
        <v>171</v>
      </c>
      <c r="CP12" s="244"/>
      <c r="CQ12" s="71">
        <v>140</v>
      </c>
      <c r="CR12" s="71">
        <v>115</v>
      </c>
      <c r="CS12" s="71">
        <v>83</v>
      </c>
      <c r="CT12" s="71">
        <v>60</v>
      </c>
      <c r="CU12" s="71">
        <v>37</v>
      </c>
      <c r="CV12" s="72">
        <v>435</v>
      </c>
      <c r="CW12" s="73">
        <v>606</v>
      </c>
      <c r="CX12" s="123">
        <v>13</v>
      </c>
      <c r="CY12" s="82">
        <v>9</v>
      </c>
      <c r="CZ12" s="83">
        <v>22</v>
      </c>
      <c r="DA12" s="241"/>
      <c r="DB12" s="82">
        <v>21</v>
      </c>
      <c r="DC12" s="82">
        <v>27</v>
      </c>
      <c r="DD12" s="82">
        <v>9</v>
      </c>
      <c r="DE12" s="82">
        <v>8</v>
      </c>
      <c r="DF12" s="82">
        <v>6</v>
      </c>
      <c r="DG12" s="84">
        <v>71</v>
      </c>
      <c r="DH12" s="85">
        <v>93</v>
      </c>
      <c r="DI12" s="70">
        <v>1</v>
      </c>
      <c r="DJ12" s="71">
        <v>0</v>
      </c>
      <c r="DK12" s="72">
        <v>1</v>
      </c>
      <c r="DL12" s="244"/>
      <c r="DM12" s="71">
        <v>0</v>
      </c>
      <c r="DN12" s="71">
        <v>0</v>
      </c>
      <c r="DO12" s="71">
        <v>0</v>
      </c>
      <c r="DP12" s="71">
        <v>0</v>
      </c>
      <c r="DQ12" s="71">
        <v>0</v>
      </c>
      <c r="DR12" s="72">
        <v>0</v>
      </c>
      <c r="DS12" s="73">
        <v>1</v>
      </c>
      <c r="DT12" s="70">
        <v>1</v>
      </c>
      <c r="DU12" s="71">
        <v>0</v>
      </c>
      <c r="DV12" s="72">
        <v>1</v>
      </c>
      <c r="DW12" s="244"/>
      <c r="DX12" s="71">
        <v>1</v>
      </c>
      <c r="DY12" s="71">
        <v>1</v>
      </c>
      <c r="DZ12" s="71">
        <v>0</v>
      </c>
      <c r="EA12" s="71">
        <v>0</v>
      </c>
      <c r="EB12" s="71">
        <v>0</v>
      </c>
      <c r="EC12" s="72">
        <v>2</v>
      </c>
      <c r="ED12" s="73">
        <v>3</v>
      </c>
      <c r="EE12" s="70">
        <v>1</v>
      </c>
      <c r="EF12" s="71">
        <v>2</v>
      </c>
      <c r="EG12" s="72">
        <v>3</v>
      </c>
      <c r="EH12" s="244"/>
      <c r="EI12" s="71">
        <v>1</v>
      </c>
      <c r="EJ12" s="71">
        <v>2</v>
      </c>
      <c r="EK12" s="71">
        <v>0</v>
      </c>
      <c r="EL12" s="71">
        <v>1</v>
      </c>
      <c r="EM12" s="71">
        <v>0</v>
      </c>
      <c r="EN12" s="72">
        <v>4</v>
      </c>
      <c r="EO12" s="73">
        <v>7</v>
      </c>
      <c r="EP12" s="70">
        <v>4</v>
      </c>
      <c r="EQ12" s="71">
        <v>1</v>
      </c>
      <c r="ER12" s="72">
        <v>5</v>
      </c>
      <c r="ES12" s="244"/>
      <c r="ET12" s="71">
        <v>3</v>
      </c>
      <c r="EU12" s="71">
        <v>4</v>
      </c>
      <c r="EV12" s="71">
        <v>1</v>
      </c>
      <c r="EW12" s="71">
        <v>1</v>
      </c>
      <c r="EX12" s="71">
        <v>1</v>
      </c>
      <c r="EY12" s="72">
        <v>10</v>
      </c>
      <c r="EZ12" s="73">
        <v>15</v>
      </c>
      <c r="FA12" s="70">
        <v>2</v>
      </c>
      <c r="FB12" s="71">
        <v>2</v>
      </c>
      <c r="FC12" s="72">
        <v>4</v>
      </c>
      <c r="FD12" s="244"/>
      <c r="FE12" s="71">
        <v>7</v>
      </c>
      <c r="FF12" s="71">
        <v>8</v>
      </c>
      <c r="FG12" s="71">
        <v>2</v>
      </c>
      <c r="FH12" s="71">
        <v>1</v>
      </c>
      <c r="FI12" s="71">
        <v>2</v>
      </c>
      <c r="FJ12" s="72">
        <v>20</v>
      </c>
      <c r="FK12" s="73">
        <v>24</v>
      </c>
      <c r="FL12" s="70">
        <v>4</v>
      </c>
      <c r="FM12" s="71">
        <v>4</v>
      </c>
      <c r="FN12" s="72">
        <v>8</v>
      </c>
      <c r="FO12" s="244"/>
      <c r="FP12" s="71">
        <v>9</v>
      </c>
      <c r="FQ12" s="71">
        <v>12</v>
      </c>
      <c r="FR12" s="71">
        <v>6</v>
      </c>
      <c r="FS12" s="71">
        <v>5</v>
      </c>
      <c r="FT12" s="71">
        <v>3</v>
      </c>
      <c r="FU12" s="72">
        <v>35</v>
      </c>
      <c r="FV12" s="73">
        <v>43</v>
      </c>
      <c r="FW12" s="70">
        <v>0</v>
      </c>
      <c r="FX12" s="71">
        <v>0</v>
      </c>
      <c r="FY12" s="72">
        <v>0</v>
      </c>
      <c r="FZ12" s="244"/>
      <c r="GA12" s="71">
        <v>0</v>
      </c>
      <c r="GB12" s="71">
        <v>0</v>
      </c>
      <c r="GC12" s="71">
        <v>0</v>
      </c>
      <c r="GD12" s="71">
        <v>0</v>
      </c>
      <c r="GE12" s="71">
        <v>0</v>
      </c>
      <c r="GF12" s="72">
        <v>0</v>
      </c>
      <c r="GG12" s="73">
        <v>0</v>
      </c>
      <c r="GH12" s="70">
        <v>13</v>
      </c>
      <c r="GI12" s="71">
        <v>9</v>
      </c>
      <c r="GJ12" s="72">
        <v>22</v>
      </c>
      <c r="GK12" s="244"/>
      <c r="GL12" s="71">
        <v>21</v>
      </c>
      <c r="GM12" s="71">
        <v>27</v>
      </c>
      <c r="GN12" s="71">
        <v>9</v>
      </c>
      <c r="GO12" s="71">
        <v>8</v>
      </c>
      <c r="GP12" s="71">
        <v>6</v>
      </c>
      <c r="GQ12" s="72">
        <v>71</v>
      </c>
      <c r="GR12" s="73">
        <v>93</v>
      </c>
      <c r="GS12" s="123">
        <v>123</v>
      </c>
      <c r="GT12" s="82">
        <v>70</v>
      </c>
      <c r="GU12" s="83">
        <v>193</v>
      </c>
      <c r="GV12" s="241"/>
      <c r="GW12" s="82">
        <v>161</v>
      </c>
      <c r="GX12" s="82">
        <v>142</v>
      </c>
      <c r="GY12" s="82">
        <v>92</v>
      </c>
      <c r="GZ12" s="82">
        <v>68</v>
      </c>
      <c r="HA12" s="82">
        <v>43</v>
      </c>
      <c r="HB12" s="84">
        <v>506</v>
      </c>
      <c r="HC12" s="85">
        <v>699</v>
      </c>
      <c r="HD12" s="70">
        <v>3</v>
      </c>
      <c r="HE12" s="71">
        <v>1</v>
      </c>
      <c r="HF12" s="72">
        <v>4</v>
      </c>
      <c r="HG12" s="244"/>
      <c r="HH12" s="71">
        <v>3</v>
      </c>
      <c r="HI12" s="71">
        <v>5</v>
      </c>
      <c r="HJ12" s="71">
        <v>1</v>
      </c>
      <c r="HK12" s="71">
        <v>3</v>
      </c>
      <c r="HL12" s="71">
        <v>0</v>
      </c>
      <c r="HM12" s="72">
        <v>12</v>
      </c>
      <c r="HN12" s="73">
        <v>16</v>
      </c>
      <c r="HO12" s="70">
        <v>3</v>
      </c>
      <c r="HP12" s="71">
        <v>1</v>
      </c>
      <c r="HQ12" s="72">
        <v>4</v>
      </c>
      <c r="HR12" s="244"/>
      <c r="HS12" s="71">
        <v>7</v>
      </c>
      <c r="HT12" s="71">
        <v>10</v>
      </c>
      <c r="HU12" s="71">
        <v>1</v>
      </c>
      <c r="HV12" s="71">
        <v>4</v>
      </c>
      <c r="HW12" s="71">
        <v>2</v>
      </c>
      <c r="HX12" s="72">
        <v>24</v>
      </c>
      <c r="HY12" s="73">
        <v>28</v>
      </c>
      <c r="HZ12" s="70">
        <v>9</v>
      </c>
      <c r="IA12" s="71">
        <v>8</v>
      </c>
      <c r="IB12" s="72">
        <v>17</v>
      </c>
      <c r="IC12" s="244"/>
      <c r="ID12" s="71">
        <v>13</v>
      </c>
      <c r="IE12" s="71">
        <v>16</v>
      </c>
      <c r="IF12" s="71">
        <v>6</v>
      </c>
      <c r="IG12" s="71">
        <v>6</v>
      </c>
      <c r="IH12" s="71">
        <v>4</v>
      </c>
      <c r="II12" s="72">
        <v>45</v>
      </c>
      <c r="IJ12" s="73">
        <v>62</v>
      </c>
      <c r="IK12" s="70">
        <v>35</v>
      </c>
      <c r="IL12" s="71">
        <v>9</v>
      </c>
      <c r="IM12" s="72">
        <v>44</v>
      </c>
      <c r="IN12" s="244"/>
      <c r="IO12" s="71">
        <v>24</v>
      </c>
      <c r="IP12" s="71">
        <v>20</v>
      </c>
      <c r="IQ12" s="71">
        <v>17</v>
      </c>
      <c r="IR12" s="71">
        <v>15</v>
      </c>
      <c r="IS12" s="71">
        <v>9</v>
      </c>
      <c r="IT12" s="72">
        <v>85</v>
      </c>
      <c r="IU12" s="73">
        <v>129</v>
      </c>
      <c r="IV12" s="70">
        <v>35</v>
      </c>
      <c r="IW12" s="71">
        <v>23</v>
      </c>
      <c r="IX12" s="72">
        <v>58</v>
      </c>
      <c r="IY12" s="244"/>
      <c r="IZ12" s="71">
        <v>49</v>
      </c>
      <c r="JA12" s="71">
        <v>35</v>
      </c>
      <c r="JB12" s="71">
        <v>22</v>
      </c>
      <c r="JC12" s="71">
        <v>10</v>
      </c>
      <c r="JD12" s="71">
        <v>12</v>
      </c>
      <c r="JE12" s="72">
        <v>128</v>
      </c>
      <c r="JF12" s="73">
        <v>186</v>
      </c>
      <c r="JG12" s="70">
        <v>38</v>
      </c>
      <c r="JH12" s="71">
        <v>28</v>
      </c>
      <c r="JI12" s="72">
        <v>66</v>
      </c>
      <c r="JJ12" s="244"/>
      <c r="JK12" s="71">
        <v>65</v>
      </c>
      <c r="JL12" s="71">
        <v>56</v>
      </c>
      <c r="JM12" s="71">
        <v>45</v>
      </c>
      <c r="JN12" s="71">
        <v>30</v>
      </c>
      <c r="JO12" s="71">
        <v>16</v>
      </c>
      <c r="JP12" s="72">
        <v>212</v>
      </c>
      <c r="JQ12" s="73">
        <v>278</v>
      </c>
      <c r="JR12" s="70">
        <v>0</v>
      </c>
      <c r="JS12" s="71">
        <v>0</v>
      </c>
      <c r="JT12" s="72">
        <v>0</v>
      </c>
      <c r="JU12" s="244"/>
      <c r="JV12" s="71">
        <v>0</v>
      </c>
      <c r="JW12" s="71">
        <v>0</v>
      </c>
      <c r="JX12" s="71">
        <v>0</v>
      </c>
      <c r="JY12" s="71">
        <v>0</v>
      </c>
      <c r="JZ12" s="71">
        <v>0</v>
      </c>
      <c r="KA12" s="72">
        <v>0</v>
      </c>
      <c r="KB12" s="73">
        <v>0</v>
      </c>
      <c r="KC12" s="70">
        <v>123</v>
      </c>
      <c r="KD12" s="71">
        <v>70</v>
      </c>
      <c r="KE12" s="72">
        <v>193</v>
      </c>
      <c r="KF12" s="244"/>
      <c r="KG12" s="71">
        <v>161</v>
      </c>
      <c r="KH12" s="71">
        <v>142</v>
      </c>
      <c r="KI12" s="71">
        <v>92</v>
      </c>
      <c r="KJ12" s="71">
        <v>68</v>
      </c>
      <c r="KK12" s="71">
        <v>43</v>
      </c>
      <c r="KL12" s="72">
        <v>506</v>
      </c>
      <c r="KM12" s="73">
        <v>699</v>
      </c>
    </row>
    <row r="13" spans="2:299" ht="19.8" customHeight="1" x14ac:dyDescent="0.2">
      <c r="B13" s="126" t="s">
        <v>9</v>
      </c>
      <c r="C13" s="316">
        <v>170</v>
      </c>
      <c r="D13" s="82">
        <v>119</v>
      </c>
      <c r="E13" s="83">
        <v>289</v>
      </c>
      <c r="F13" s="241"/>
      <c r="G13" s="82">
        <v>209</v>
      </c>
      <c r="H13" s="82">
        <v>152</v>
      </c>
      <c r="I13" s="82">
        <v>124</v>
      </c>
      <c r="J13" s="82">
        <v>99</v>
      </c>
      <c r="K13" s="82">
        <v>48</v>
      </c>
      <c r="L13" s="84">
        <v>632</v>
      </c>
      <c r="M13" s="85">
        <v>921</v>
      </c>
      <c r="N13" s="70">
        <v>0</v>
      </c>
      <c r="O13" s="71">
        <v>2</v>
      </c>
      <c r="P13" s="72">
        <v>2</v>
      </c>
      <c r="Q13" s="244"/>
      <c r="R13" s="71">
        <v>0</v>
      </c>
      <c r="S13" s="71">
        <v>0</v>
      </c>
      <c r="T13" s="71">
        <v>1</v>
      </c>
      <c r="U13" s="71">
        <v>0</v>
      </c>
      <c r="V13" s="71">
        <v>0</v>
      </c>
      <c r="W13" s="72">
        <v>1</v>
      </c>
      <c r="X13" s="73">
        <v>3</v>
      </c>
      <c r="Y13" s="70">
        <v>6</v>
      </c>
      <c r="Z13" s="71">
        <v>4</v>
      </c>
      <c r="AA13" s="72">
        <v>10</v>
      </c>
      <c r="AB13" s="244"/>
      <c r="AC13" s="71">
        <v>3</v>
      </c>
      <c r="AD13" s="71">
        <v>5</v>
      </c>
      <c r="AE13" s="71">
        <v>0</v>
      </c>
      <c r="AF13" s="71">
        <v>3</v>
      </c>
      <c r="AG13" s="71">
        <v>2</v>
      </c>
      <c r="AH13" s="72">
        <v>13</v>
      </c>
      <c r="AI13" s="73">
        <v>23</v>
      </c>
      <c r="AJ13" s="70">
        <v>7</v>
      </c>
      <c r="AK13" s="71">
        <v>6</v>
      </c>
      <c r="AL13" s="72">
        <v>13</v>
      </c>
      <c r="AM13" s="244"/>
      <c r="AN13" s="71">
        <v>10</v>
      </c>
      <c r="AO13" s="71">
        <v>11</v>
      </c>
      <c r="AP13" s="71">
        <v>12</v>
      </c>
      <c r="AQ13" s="71">
        <v>5</v>
      </c>
      <c r="AR13" s="71">
        <v>7</v>
      </c>
      <c r="AS13" s="72">
        <v>45</v>
      </c>
      <c r="AT13" s="73">
        <v>58</v>
      </c>
      <c r="AU13" s="70">
        <v>29</v>
      </c>
      <c r="AV13" s="71">
        <v>29</v>
      </c>
      <c r="AW13" s="72">
        <v>58</v>
      </c>
      <c r="AX13" s="244"/>
      <c r="AY13" s="71">
        <v>29</v>
      </c>
      <c r="AZ13" s="71">
        <v>22</v>
      </c>
      <c r="BA13" s="71">
        <v>12</v>
      </c>
      <c r="BB13" s="71">
        <v>11</v>
      </c>
      <c r="BC13" s="71">
        <v>8</v>
      </c>
      <c r="BD13" s="72">
        <v>82</v>
      </c>
      <c r="BE13" s="73">
        <v>140</v>
      </c>
      <c r="BF13" s="70">
        <v>76</v>
      </c>
      <c r="BG13" s="71">
        <v>36</v>
      </c>
      <c r="BH13" s="72">
        <v>112</v>
      </c>
      <c r="BI13" s="244"/>
      <c r="BJ13" s="71">
        <v>87</v>
      </c>
      <c r="BK13" s="71">
        <v>46</v>
      </c>
      <c r="BL13" s="71">
        <v>41</v>
      </c>
      <c r="BM13" s="71">
        <v>37</v>
      </c>
      <c r="BN13" s="71">
        <v>10</v>
      </c>
      <c r="BO13" s="72">
        <v>221</v>
      </c>
      <c r="BP13" s="73">
        <v>333</v>
      </c>
      <c r="BQ13" s="70">
        <v>52</v>
      </c>
      <c r="BR13" s="71">
        <v>42</v>
      </c>
      <c r="BS13" s="72">
        <v>94</v>
      </c>
      <c r="BT13" s="244"/>
      <c r="BU13" s="71">
        <v>80</v>
      </c>
      <c r="BV13" s="71">
        <v>68</v>
      </c>
      <c r="BW13" s="71">
        <v>58</v>
      </c>
      <c r="BX13" s="71">
        <v>43</v>
      </c>
      <c r="BY13" s="71">
        <v>21</v>
      </c>
      <c r="BZ13" s="72">
        <v>270</v>
      </c>
      <c r="CA13" s="73">
        <v>364</v>
      </c>
      <c r="CB13" s="70">
        <v>0</v>
      </c>
      <c r="CC13" s="71">
        <v>0</v>
      </c>
      <c r="CD13" s="72">
        <v>0</v>
      </c>
      <c r="CE13" s="244"/>
      <c r="CF13" s="71">
        <v>0</v>
      </c>
      <c r="CG13" s="71">
        <v>0</v>
      </c>
      <c r="CH13" s="71">
        <v>0</v>
      </c>
      <c r="CI13" s="71">
        <v>0</v>
      </c>
      <c r="CJ13" s="71">
        <v>0</v>
      </c>
      <c r="CK13" s="72">
        <v>0</v>
      </c>
      <c r="CL13" s="73">
        <v>0</v>
      </c>
      <c r="CM13" s="70">
        <v>170</v>
      </c>
      <c r="CN13" s="71">
        <v>119</v>
      </c>
      <c r="CO13" s="72">
        <v>289</v>
      </c>
      <c r="CP13" s="244"/>
      <c r="CQ13" s="71">
        <v>209</v>
      </c>
      <c r="CR13" s="71">
        <v>152</v>
      </c>
      <c r="CS13" s="71">
        <v>124</v>
      </c>
      <c r="CT13" s="71">
        <v>99</v>
      </c>
      <c r="CU13" s="71">
        <v>48</v>
      </c>
      <c r="CV13" s="72">
        <v>632</v>
      </c>
      <c r="CW13" s="73">
        <v>921</v>
      </c>
      <c r="CX13" s="123">
        <v>31</v>
      </c>
      <c r="CY13" s="82">
        <v>17</v>
      </c>
      <c r="CZ13" s="83">
        <v>48</v>
      </c>
      <c r="DA13" s="241"/>
      <c r="DB13" s="82">
        <v>30</v>
      </c>
      <c r="DC13" s="82">
        <v>20</v>
      </c>
      <c r="DD13" s="82">
        <v>21</v>
      </c>
      <c r="DE13" s="82">
        <v>17</v>
      </c>
      <c r="DF13" s="82">
        <v>11</v>
      </c>
      <c r="DG13" s="84">
        <v>99</v>
      </c>
      <c r="DH13" s="85">
        <v>147</v>
      </c>
      <c r="DI13" s="70">
        <v>2</v>
      </c>
      <c r="DJ13" s="71">
        <v>0</v>
      </c>
      <c r="DK13" s="72">
        <v>2</v>
      </c>
      <c r="DL13" s="244"/>
      <c r="DM13" s="71">
        <v>0</v>
      </c>
      <c r="DN13" s="71">
        <v>0</v>
      </c>
      <c r="DO13" s="71">
        <v>1</v>
      </c>
      <c r="DP13" s="71">
        <v>1</v>
      </c>
      <c r="DQ13" s="71">
        <v>0</v>
      </c>
      <c r="DR13" s="72">
        <v>2</v>
      </c>
      <c r="DS13" s="73">
        <v>4</v>
      </c>
      <c r="DT13" s="70">
        <v>4</v>
      </c>
      <c r="DU13" s="71">
        <v>2</v>
      </c>
      <c r="DV13" s="72">
        <v>6</v>
      </c>
      <c r="DW13" s="244"/>
      <c r="DX13" s="71">
        <v>0</v>
      </c>
      <c r="DY13" s="71">
        <v>1</v>
      </c>
      <c r="DZ13" s="71">
        <v>1</v>
      </c>
      <c r="EA13" s="71">
        <v>0</v>
      </c>
      <c r="EB13" s="71">
        <v>0</v>
      </c>
      <c r="EC13" s="72">
        <v>2</v>
      </c>
      <c r="ED13" s="73">
        <v>8</v>
      </c>
      <c r="EE13" s="70">
        <v>4</v>
      </c>
      <c r="EF13" s="71">
        <v>0</v>
      </c>
      <c r="EG13" s="72">
        <v>4</v>
      </c>
      <c r="EH13" s="244"/>
      <c r="EI13" s="71">
        <v>3</v>
      </c>
      <c r="EJ13" s="71">
        <v>1</v>
      </c>
      <c r="EK13" s="71">
        <v>3</v>
      </c>
      <c r="EL13" s="71">
        <v>1</v>
      </c>
      <c r="EM13" s="71">
        <v>1</v>
      </c>
      <c r="EN13" s="72">
        <v>9</v>
      </c>
      <c r="EO13" s="73">
        <v>13</v>
      </c>
      <c r="EP13" s="70">
        <v>7</v>
      </c>
      <c r="EQ13" s="71">
        <v>6</v>
      </c>
      <c r="ER13" s="72">
        <v>13</v>
      </c>
      <c r="ES13" s="244"/>
      <c r="ET13" s="71">
        <v>7</v>
      </c>
      <c r="EU13" s="71">
        <v>2</v>
      </c>
      <c r="EV13" s="71">
        <v>0</v>
      </c>
      <c r="EW13" s="71">
        <v>0</v>
      </c>
      <c r="EX13" s="71">
        <v>2</v>
      </c>
      <c r="EY13" s="72">
        <v>11</v>
      </c>
      <c r="EZ13" s="73">
        <v>24</v>
      </c>
      <c r="FA13" s="70">
        <v>6</v>
      </c>
      <c r="FB13" s="71">
        <v>7</v>
      </c>
      <c r="FC13" s="72">
        <v>13</v>
      </c>
      <c r="FD13" s="244"/>
      <c r="FE13" s="71">
        <v>7</v>
      </c>
      <c r="FF13" s="71">
        <v>6</v>
      </c>
      <c r="FG13" s="71">
        <v>3</v>
      </c>
      <c r="FH13" s="71">
        <v>5</v>
      </c>
      <c r="FI13" s="71">
        <v>5</v>
      </c>
      <c r="FJ13" s="72">
        <v>26</v>
      </c>
      <c r="FK13" s="73">
        <v>39</v>
      </c>
      <c r="FL13" s="70">
        <v>8</v>
      </c>
      <c r="FM13" s="71">
        <v>2</v>
      </c>
      <c r="FN13" s="72">
        <v>10</v>
      </c>
      <c r="FO13" s="244"/>
      <c r="FP13" s="71">
        <v>13</v>
      </c>
      <c r="FQ13" s="71">
        <v>10</v>
      </c>
      <c r="FR13" s="71">
        <v>13</v>
      </c>
      <c r="FS13" s="71">
        <v>10</v>
      </c>
      <c r="FT13" s="71">
        <v>3</v>
      </c>
      <c r="FU13" s="72">
        <v>49</v>
      </c>
      <c r="FV13" s="73">
        <v>59</v>
      </c>
      <c r="FW13" s="70">
        <v>0</v>
      </c>
      <c r="FX13" s="71">
        <v>0</v>
      </c>
      <c r="FY13" s="72">
        <v>0</v>
      </c>
      <c r="FZ13" s="244"/>
      <c r="GA13" s="71">
        <v>0</v>
      </c>
      <c r="GB13" s="71">
        <v>0</v>
      </c>
      <c r="GC13" s="71">
        <v>0</v>
      </c>
      <c r="GD13" s="71">
        <v>0</v>
      </c>
      <c r="GE13" s="71">
        <v>0</v>
      </c>
      <c r="GF13" s="72">
        <v>0</v>
      </c>
      <c r="GG13" s="73">
        <v>0</v>
      </c>
      <c r="GH13" s="70">
        <v>31</v>
      </c>
      <c r="GI13" s="71">
        <v>17</v>
      </c>
      <c r="GJ13" s="72">
        <v>48</v>
      </c>
      <c r="GK13" s="244"/>
      <c r="GL13" s="71">
        <v>30</v>
      </c>
      <c r="GM13" s="71">
        <v>20</v>
      </c>
      <c r="GN13" s="71">
        <v>21</v>
      </c>
      <c r="GO13" s="71">
        <v>17</v>
      </c>
      <c r="GP13" s="71">
        <v>11</v>
      </c>
      <c r="GQ13" s="72">
        <v>99</v>
      </c>
      <c r="GR13" s="73">
        <v>147</v>
      </c>
      <c r="GS13" s="123">
        <v>201</v>
      </c>
      <c r="GT13" s="82">
        <v>136</v>
      </c>
      <c r="GU13" s="83">
        <v>337</v>
      </c>
      <c r="GV13" s="241"/>
      <c r="GW13" s="82">
        <v>239</v>
      </c>
      <c r="GX13" s="82">
        <v>172</v>
      </c>
      <c r="GY13" s="82">
        <v>145</v>
      </c>
      <c r="GZ13" s="82">
        <v>116</v>
      </c>
      <c r="HA13" s="82">
        <v>59</v>
      </c>
      <c r="HB13" s="84">
        <v>731</v>
      </c>
      <c r="HC13" s="85">
        <v>1068</v>
      </c>
      <c r="HD13" s="70">
        <v>2</v>
      </c>
      <c r="HE13" s="71">
        <v>2</v>
      </c>
      <c r="HF13" s="72">
        <v>4</v>
      </c>
      <c r="HG13" s="244"/>
      <c r="HH13" s="71">
        <v>0</v>
      </c>
      <c r="HI13" s="71">
        <v>0</v>
      </c>
      <c r="HJ13" s="71">
        <v>2</v>
      </c>
      <c r="HK13" s="71">
        <v>1</v>
      </c>
      <c r="HL13" s="71">
        <v>0</v>
      </c>
      <c r="HM13" s="72">
        <v>3</v>
      </c>
      <c r="HN13" s="73">
        <v>7</v>
      </c>
      <c r="HO13" s="70">
        <v>10</v>
      </c>
      <c r="HP13" s="71">
        <v>6</v>
      </c>
      <c r="HQ13" s="72">
        <v>16</v>
      </c>
      <c r="HR13" s="244"/>
      <c r="HS13" s="71">
        <v>3</v>
      </c>
      <c r="HT13" s="71">
        <v>6</v>
      </c>
      <c r="HU13" s="71">
        <v>1</v>
      </c>
      <c r="HV13" s="71">
        <v>3</v>
      </c>
      <c r="HW13" s="71">
        <v>2</v>
      </c>
      <c r="HX13" s="72">
        <v>15</v>
      </c>
      <c r="HY13" s="73">
        <v>31</v>
      </c>
      <c r="HZ13" s="70">
        <v>11</v>
      </c>
      <c r="IA13" s="71">
        <v>6</v>
      </c>
      <c r="IB13" s="72">
        <v>17</v>
      </c>
      <c r="IC13" s="244"/>
      <c r="ID13" s="71">
        <v>13</v>
      </c>
      <c r="IE13" s="71">
        <v>12</v>
      </c>
      <c r="IF13" s="71">
        <v>15</v>
      </c>
      <c r="IG13" s="71">
        <v>6</v>
      </c>
      <c r="IH13" s="71">
        <v>8</v>
      </c>
      <c r="II13" s="72">
        <v>54</v>
      </c>
      <c r="IJ13" s="73">
        <v>71</v>
      </c>
      <c r="IK13" s="70">
        <v>36</v>
      </c>
      <c r="IL13" s="71">
        <v>35</v>
      </c>
      <c r="IM13" s="72">
        <v>71</v>
      </c>
      <c r="IN13" s="244"/>
      <c r="IO13" s="71">
        <v>36</v>
      </c>
      <c r="IP13" s="71">
        <v>24</v>
      </c>
      <c r="IQ13" s="71">
        <v>12</v>
      </c>
      <c r="IR13" s="71">
        <v>11</v>
      </c>
      <c r="IS13" s="71">
        <v>10</v>
      </c>
      <c r="IT13" s="72">
        <v>93</v>
      </c>
      <c r="IU13" s="73">
        <v>164</v>
      </c>
      <c r="IV13" s="70">
        <v>82</v>
      </c>
      <c r="IW13" s="71">
        <v>43</v>
      </c>
      <c r="IX13" s="72">
        <v>125</v>
      </c>
      <c r="IY13" s="244"/>
      <c r="IZ13" s="71">
        <v>94</v>
      </c>
      <c r="JA13" s="71">
        <v>52</v>
      </c>
      <c r="JB13" s="71">
        <v>44</v>
      </c>
      <c r="JC13" s="71">
        <v>42</v>
      </c>
      <c r="JD13" s="71">
        <v>15</v>
      </c>
      <c r="JE13" s="72">
        <v>247</v>
      </c>
      <c r="JF13" s="73">
        <v>372</v>
      </c>
      <c r="JG13" s="70">
        <v>60</v>
      </c>
      <c r="JH13" s="71">
        <v>44</v>
      </c>
      <c r="JI13" s="72">
        <v>104</v>
      </c>
      <c r="JJ13" s="244"/>
      <c r="JK13" s="71">
        <v>93</v>
      </c>
      <c r="JL13" s="71">
        <v>78</v>
      </c>
      <c r="JM13" s="71">
        <v>71</v>
      </c>
      <c r="JN13" s="71">
        <v>53</v>
      </c>
      <c r="JO13" s="71">
        <v>24</v>
      </c>
      <c r="JP13" s="72">
        <v>319</v>
      </c>
      <c r="JQ13" s="73">
        <v>423</v>
      </c>
      <c r="JR13" s="70">
        <v>0</v>
      </c>
      <c r="JS13" s="71">
        <v>0</v>
      </c>
      <c r="JT13" s="72">
        <v>0</v>
      </c>
      <c r="JU13" s="244"/>
      <c r="JV13" s="71">
        <v>0</v>
      </c>
      <c r="JW13" s="71">
        <v>0</v>
      </c>
      <c r="JX13" s="71">
        <v>0</v>
      </c>
      <c r="JY13" s="71">
        <v>0</v>
      </c>
      <c r="JZ13" s="71">
        <v>0</v>
      </c>
      <c r="KA13" s="72">
        <v>0</v>
      </c>
      <c r="KB13" s="73">
        <v>0</v>
      </c>
      <c r="KC13" s="70">
        <v>201</v>
      </c>
      <c r="KD13" s="71">
        <v>136</v>
      </c>
      <c r="KE13" s="72">
        <v>337</v>
      </c>
      <c r="KF13" s="244"/>
      <c r="KG13" s="71">
        <v>239</v>
      </c>
      <c r="KH13" s="71">
        <v>172</v>
      </c>
      <c r="KI13" s="71">
        <v>145</v>
      </c>
      <c r="KJ13" s="71">
        <v>116</v>
      </c>
      <c r="KK13" s="71">
        <v>59</v>
      </c>
      <c r="KL13" s="72">
        <v>731</v>
      </c>
      <c r="KM13" s="73">
        <v>1068</v>
      </c>
    </row>
    <row r="14" spans="2:299" ht="19.8" customHeight="1" x14ac:dyDescent="0.2">
      <c r="B14" s="126" t="s">
        <v>10</v>
      </c>
      <c r="C14" s="316">
        <v>340</v>
      </c>
      <c r="D14" s="82">
        <v>208</v>
      </c>
      <c r="E14" s="83">
        <v>548</v>
      </c>
      <c r="F14" s="241"/>
      <c r="G14" s="82">
        <v>336</v>
      </c>
      <c r="H14" s="82">
        <v>202</v>
      </c>
      <c r="I14" s="82">
        <v>135</v>
      </c>
      <c r="J14" s="82">
        <v>140</v>
      </c>
      <c r="K14" s="82">
        <v>69</v>
      </c>
      <c r="L14" s="84">
        <v>882</v>
      </c>
      <c r="M14" s="85">
        <v>1430</v>
      </c>
      <c r="N14" s="70">
        <v>0</v>
      </c>
      <c r="O14" s="71">
        <v>3</v>
      </c>
      <c r="P14" s="72">
        <v>3</v>
      </c>
      <c r="Q14" s="244"/>
      <c r="R14" s="71">
        <v>6</v>
      </c>
      <c r="S14" s="71">
        <v>7</v>
      </c>
      <c r="T14" s="71">
        <v>2</v>
      </c>
      <c r="U14" s="71">
        <v>1</v>
      </c>
      <c r="V14" s="71">
        <v>1</v>
      </c>
      <c r="W14" s="72">
        <v>17</v>
      </c>
      <c r="X14" s="73">
        <v>20</v>
      </c>
      <c r="Y14" s="70">
        <v>8</v>
      </c>
      <c r="Z14" s="71">
        <v>10</v>
      </c>
      <c r="AA14" s="72">
        <v>18</v>
      </c>
      <c r="AB14" s="244"/>
      <c r="AC14" s="71">
        <v>11</v>
      </c>
      <c r="AD14" s="71">
        <v>5</v>
      </c>
      <c r="AE14" s="71">
        <v>2</v>
      </c>
      <c r="AF14" s="71">
        <v>9</v>
      </c>
      <c r="AG14" s="71">
        <v>2</v>
      </c>
      <c r="AH14" s="72">
        <v>29</v>
      </c>
      <c r="AI14" s="73">
        <v>47</v>
      </c>
      <c r="AJ14" s="70">
        <v>22</v>
      </c>
      <c r="AK14" s="71">
        <v>9</v>
      </c>
      <c r="AL14" s="72">
        <v>31</v>
      </c>
      <c r="AM14" s="244"/>
      <c r="AN14" s="71">
        <v>27</v>
      </c>
      <c r="AO14" s="71">
        <v>14</v>
      </c>
      <c r="AP14" s="71">
        <v>14</v>
      </c>
      <c r="AQ14" s="71">
        <v>9</v>
      </c>
      <c r="AR14" s="71">
        <v>6</v>
      </c>
      <c r="AS14" s="72">
        <v>70</v>
      </c>
      <c r="AT14" s="73">
        <v>101</v>
      </c>
      <c r="AU14" s="70">
        <v>82</v>
      </c>
      <c r="AV14" s="71">
        <v>47</v>
      </c>
      <c r="AW14" s="72">
        <v>129</v>
      </c>
      <c r="AX14" s="244"/>
      <c r="AY14" s="71">
        <v>64</v>
      </c>
      <c r="AZ14" s="71">
        <v>32</v>
      </c>
      <c r="BA14" s="71">
        <v>21</v>
      </c>
      <c r="BB14" s="71">
        <v>21</v>
      </c>
      <c r="BC14" s="71">
        <v>14</v>
      </c>
      <c r="BD14" s="72">
        <v>152</v>
      </c>
      <c r="BE14" s="73">
        <v>281</v>
      </c>
      <c r="BF14" s="70">
        <v>135</v>
      </c>
      <c r="BG14" s="71">
        <v>70</v>
      </c>
      <c r="BH14" s="72">
        <v>205</v>
      </c>
      <c r="BI14" s="244"/>
      <c r="BJ14" s="71">
        <v>103</v>
      </c>
      <c r="BK14" s="71">
        <v>53</v>
      </c>
      <c r="BL14" s="71">
        <v>40</v>
      </c>
      <c r="BM14" s="71">
        <v>48</v>
      </c>
      <c r="BN14" s="71">
        <v>22</v>
      </c>
      <c r="BO14" s="72">
        <v>266</v>
      </c>
      <c r="BP14" s="73">
        <v>471</v>
      </c>
      <c r="BQ14" s="70">
        <v>93</v>
      </c>
      <c r="BR14" s="71">
        <v>69</v>
      </c>
      <c r="BS14" s="72">
        <v>162</v>
      </c>
      <c r="BT14" s="244"/>
      <c r="BU14" s="71">
        <v>125</v>
      </c>
      <c r="BV14" s="71">
        <v>91</v>
      </c>
      <c r="BW14" s="71">
        <v>56</v>
      </c>
      <c r="BX14" s="71">
        <v>52</v>
      </c>
      <c r="BY14" s="71">
        <v>24</v>
      </c>
      <c r="BZ14" s="72">
        <v>348</v>
      </c>
      <c r="CA14" s="73">
        <v>510</v>
      </c>
      <c r="CB14" s="70">
        <v>0</v>
      </c>
      <c r="CC14" s="71">
        <v>0</v>
      </c>
      <c r="CD14" s="72">
        <v>0</v>
      </c>
      <c r="CE14" s="244"/>
      <c r="CF14" s="71">
        <v>0</v>
      </c>
      <c r="CG14" s="71">
        <v>0</v>
      </c>
      <c r="CH14" s="71">
        <v>0</v>
      </c>
      <c r="CI14" s="71">
        <v>0</v>
      </c>
      <c r="CJ14" s="71">
        <v>0</v>
      </c>
      <c r="CK14" s="72">
        <v>0</v>
      </c>
      <c r="CL14" s="73">
        <v>0</v>
      </c>
      <c r="CM14" s="70">
        <v>340</v>
      </c>
      <c r="CN14" s="71">
        <v>208</v>
      </c>
      <c r="CO14" s="72">
        <v>548</v>
      </c>
      <c r="CP14" s="244"/>
      <c r="CQ14" s="71">
        <v>336</v>
      </c>
      <c r="CR14" s="71">
        <v>202</v>
      </c>
      <c r="CS14" s="71">
        <v>135</v>
      </c>
      <c r="CT14" s="71">
        <v>140</v>
      </c>
      <c r="CU14" s="71">
        <v>69</v>
      </c>
      <c r="CV14" s="72">
        <v>882</v>
      </c>
      <c r="CW14" s="73">
        <v>1430</v>
      </c>
      <c r="CX14" s="123">
        <v>37</v>
      </c>
      <c r="CY14" s="82">
        <v>34</v>
      </c>
      <c r="CZ14" s="83">
        <v>71</v>
      </c>
      <c r="DA14" s="241"/>
      <c r="DB14" s="82">
        <v>55</v>
      </c>
      <c r="DC14" s="82">
        <v>19</v>
      </c>
      <c r="DD14" s="82">
        <v>22</v>
      </c>
      <c r="DE14" s="82">
        <v>15</v>
      </c>
      <c r="DF14" s="82">
        <v>20</v>
      </c>
      <c r="DG14" s="84">
        <v>131</v>
      </c>
      <c r="DH14" s="85">
        <v>202</v>
      </c>
      <c r="DI14" s="70">
        <v>0</v>
      </c>
      <c r="DJ14" s="71">
        <v>1</v>
      </c>
      <c r="DK14" s="72">
        <v>1</v>
      </c>
      <c r="DL14" s="244"/>
      <c r="DM14" s="71">
        <v>2</v>
      </c>
      <c r="DN14" s="71">
        <v>0</v>
      </c>
      <c r="DO14" s="71">
        <v>0</v>
      </c>
      <c r="DP14" s="71">
        <v>0</v>
      </c>
      <c r="DQ14" s="71">
        <v>0</v>
      </c>
      <c r="DR14" s="72">
        <v>2</v>
      </c>
      <c r="DS14" s="73">
        <v>3</v>
      </c>
      <c r="DT14" s="70">
        <v>1</v>
      </c>
      <c r="DU14" s="71">
        <v>0</v>
      </c>
      <c r="DV14" s="72">
        <v>1</v>
      </c>
      <c r="DW14" s="244"/>
      <c r="DX14" s="71">
        <v>2</v>
      </c>
      <c r="DY14" s="71">
        <v>2</v>
      </c>
      <c r="DZ14" s="71">
        <v>0</v>
      </c>
      <c r="EA14" s="71">
        <v>0</v>
      </c>
      <c r="EB14" s="71">
        <v>0</v>
      </c>
      <c r="EC14" s="72">
        <v>4</v>
      </c>
      <c r="ED14" s="73">
        <v>5</v>
      </c>
      <c r="EE14" s="70">
        <v>4</v>
      </c>
      <c r="EF14" s="71">
        <v>2</v>
      </c>
      <c r="EG14" s="72">
        <v>6</v>
      </c>
      <c r="EH14" s="244"/>
      <c r="EI14" s="71">
        <v>3</v>
      </c>
      <c r="EJ14" s="71">
        <v>1</v>
      </c>
      <c r="EK14" s="71">
        <v>1</v>
      </c>
      <c r="EL14" s="71">
        <v>1</v>
      </c>
      <c r="EM14" s="71">
        <v>1</v>
      </c>
      <c r="EN14" s="72">
        <v>7</v>
      </c>
      <c r="EO14" s="73">
        <v>13</v>
      </c>
      <c r="EP14" s="70">
        <v>9</v>
      </c>
      <c r="EQ14" s="71">
        <v>7</v>
      </c>
      <c r="ER14" s="72">
        <v>16</v>
      </c>
      <c r="ES14" s="244"/>
      <c r="ET14" s="71">
        <v>9</v>
      </c>
      <c r="EU14" s="71">
        <v>3</v>
      </c>
      <c r="EV14" s="71">
        <v>4</v>
      </c>
      <c r="EW14" s="71">
        <v>4</v>
      </c>
      <c r="EX14" s="71">
        <v>2</v>
      </c>
      <c r="EY14" s="72">
        <v>22</v>
      </c>
      <c r="EZ14" s="73">
        <v>38</v>
      </c>
      <c r="FA14" s="70">
        <v>16</v>
      </c>
      <c r="FB14" s="71">
        <v>14</v>
      </c>
      <c r="FC14" s="72">
        <v>30</v>
      </c>
      <c r="FD14" s="244"/>
      <c r="FE14" s="71">
        <v>16</v>
      </c>
      <c r="FF14" s="71">
        <v>3</v>
      </c>
      <c r="FG14" s="71">
        <v>7</v>
      </c>
      <c r="FH14" s="71">
        <v>3</v>
      </c>
      <c r="FI14" s="71">
        <v>4</v>
      </c>
      <c r="FJ14" s="72">
        <v>33</v>
      </c>
      <c r="FK14" s="73">
        <v>63</v>
      </c>
      <c r="FL14" s="70">
        <v>7</v>
      </c>
      <c r="FM14" s="71">
        <v>10</v>
      </c>
      <c r="FN14" s="72">
        <v>17</v>
      </c>
      <c r="FO14" s="244"/>
      <c r="FP14" s="71">
        <v>23</v>
      </c>
      <c r="FQ14" s="71">
        <v>10</v>
      </c>
      <c r="FR14" s="71">
        <v>10</v>
      </c>
      <c r="FS14" s="71">
        <v>7</v>
      </c>
      <c r="FT14" s="71">
        <v>13</v>
      </c>
      <c r="FU14" s="72">
        <v>63</v>
      </c>
      <c r="FV14" s="73">
        <v>80</v>
      </c>
      <c r="FW14" s="70">
        <v>0</v>
      </c>
      <c r="FX14" s="71">
        <v>0</v>
      </c>
      <c r="FY14" s="72">
        <v>0</v>
      </c>
      <c r="FZ14" s="244"/>
      <c r="GA14" s="71">
        <v>0</v>
      </c>
      <c r="GB14" s="71">
        <v>0</v>
      </c>
      <c r="GC14" s="71">
        <v>0</v>
      </c>
      <c r="GD14" s="71">
        <v>0</v>
      </c>
      <c r="GE14" s="71">
        <v>0</v>
      </c>
      <c r="GF14" s="72">
        <v>0</v>
      </c>
      <c r="GG14" s="73">
        <v>0</v>
      </c>
      <c r="GH14" s="70">
        <v>37</v>
      </c>
      <c r="GI14" s="71">
        <v>34</v>
      </c>
      <c r="GJ14" s="72">
        <v>71</v>
      </c>
      <c r="GK14" s="244"/>
      <c r="GL14" s="71">
        <v>55</v>
      </c>
      <c r="GM14" s="71">
        <v>19</v>
      </c>
      <c r="GN14" s="71">
        <v>22</v>
      </c>
      <c r="GO14" s="71">
        <v>15</v>
      </c>
      <c r="GP14" s="71">
        <v>20</v>
      </c>
      <c r="GQ14" s="72">
        <v>131</v>
      </c>
      <c r="GR14" s="73">
        <v>202</v>
      </c>
      <c r="GS14" s="123">
        <v>377</v>
      </c>
      <c r="GT14" s="82">
        <v>242</v>
      </c>
      <c r="GU14" s="83">
        <v>619</v>
      </c>
      <c r="GV14" s="241"/>
      <c r="GW14" s="82">
        <v>391</v>
      </c>
      <c r="GX14" s="82">
        <v>221</v>
      </c>
      <c r="GY14" s="82">
        <v>157</v>
      </c>
      <c r="GZ14" s="82">
        <v>155</v>
      </c>
      <c r="HA14" s="82">
        <v>89</v>
      </c>
      <c r="HB14" s="84">
        <v>1013</v>
      </c>
      <c r="HC14" s="85">
        <v>1632</v>
      </c>
      <c r="HD14" s="70">
        <v>0</v>
      </c>
      <c r="HE14" s="71">
        <v>4</v>
      </c>
      <c r="HF14" s="72">
        <v>4</v>
      </c>
      <c r="HG14" s="244"/>
      <c r="HH14" s="71">
        <v>8</v>
      </c>
      <c r="HI14" s="71">
        <v>7</v>
      </c>
      <c r="HJ14" s="71">
        <v>2</v>
      </c>
      <c r="HK14" s="71">
        <v>1</v>
      </c>
      <c r="HL14" s="71">
        <v>1</v>
      </c>
      <c r="HM14" s="72">
        <v>19</v>
      </c>
      <c r="HN14" s="73">
        <v>23</v>
      </c>
      <c r="HO14" s="70">
        <v>9</v>
      </c>
      <c r="HP14" s="71">
        <v>10</v>
      </c>
      <c r="HQ14" s="72">
        <v>19</v>
      </c>
      <c r="HR14" s="244"/>
      <c r="HS14" s="71">
        <v>13</v>
      </c>
      <c r="HT14" s="71">
        <v>7</v>
      </c>
      <c r="HU14" s="71">
        <v>2</v>
      </c>
      <c r="HV14" s="71">
        <v>9</v>
      </c>
      <c r="HW14" s="71">
        <v>2</v>
      </c>
      <c r="HX14" s="72">
        <v>33</v>
      </c>
      <c r="HY14" s="73">
        <v>52</v>
      </c>
      <c r="HZ14" s="70">
        <v>26</v>
      </c>
      <c r="IA14" s="71">
        <v>11</v>
      </c>
      <c r="IB14" s="72">
        <v>37</v>
      </c>
      <c r="IC14" s="244"/>
      <c r="ID14" s="71">
        <v>30</v>
      </c>
      <c r="IE14" s="71">
        <v>15</v>
      </c>
      <c r="IF14" s="71">
        <v>15</v>
      </c>
      <c r="IG14" s="71">
        <v>10</v>
      </c>
      <c r="IH14" s="71">
        <v>7</v>
      </c>
      <c r="II14" s="72">
        <v>77</v>
      </c>
      <c r="IJ14" s="73">
        <v>114</v>
      </c>
      <c r="IK14" s="70">
        <v>91</v>
      </c>
      <c r="IL14" s="71">
        <v>54</v>
      </c>
      <c r="IM14" s="72">
        <v>145</v>
      </c>
      <c r="IN14" s="244"/>
      <c r="IO14" s="71">
        <v>73</v>
      </c>
      <c r="IP14" s="71">
        <v>35</v>
      </c>
      <c r="IQ14" s="71">
        <v>25</v>
      </c>
      <c r="IR14" s="71">
        <v>25</v>
      </c>
      <c r="IS14" s="71">
        <v>16</v>
      </c>
      <c r="IT14" s="72">
        <v>174</v>
      </c>
      <c r="IU14" s="73">
        <v>319</v>
      </c>
      <c r="IV14" s="70">
        <v>151</v>
      </c>
      <c r="IW14" s="71">
        <v>84</v>
      </c>
      <c r="IX14" s="72">
        <v>235</v>
      </c>
      <c r="IY14" s="244"/>
      <c r="IZ14" s="71">
        <v>119</v>
      </c>
      <c r="JA14" s="71">
        <v>56</v>
      </c>
      <c r="JB14" s="71">
        <v>47</v>
      </c>
      <c r="JC14" s="71">
        <v>51</v>
      </c>
      <c r="JD14" s="71">
        <v>26</v>
      </c>
      <c r="JE14" s="72">
        <v>299</v>
      </c>
      <c r="JF14" s="73">
        <v>534</v>
      </c>
      <c r="JG14" s="70">
        <v>100</v>
      </c>
      <c r="JH14" s="71">
        <v>79</v>
      </c>
      <c r="JI14" s="72">
        <v>179</v>
      </c>
      <c r="JJ14" s="244"/>
      <c r="JK14" s="71">
        <v>148</v>
      </c>
      <c r="JL14" s="71">
        <v>101</v>
      </c>
      <c r="JM14" s="71">
        <v>66</v>
      </c>
      <c r="JN14" s="71">
        <v>59</v>
      </c>
      <c r="JO14" s="71">
        <v>37</v>
      </c>
      <c r="JP14" s="72">
        <v>411</v>
      </c>
      <c r="JQ14" s="73">
        <v>590</v>
      </c>
      <c r="JR14" s="70">
        <v>0</v>
      </c>
      <c r="JS14" s="71">
        <v>0</v>
      </c>
      <c r="JT14" s="72">
        <v>0</v>
      </c>
      <c r="JU14" s="244"/>
      <c r="JV14" s="71">
        <v>0</v>
      </c>
      <c r="JW14" s="71">
        <v>0</v>
      </c>
      <c r="JX14" s="71">
        <v>0</v>
      </c>
      <c r="JY14" s="71">
        <v>0</v>
      </c>
      <c r="JZ14" s="71">
        <v>0</v>
      </c>
      <c r="KA14" s="72">
        <v>0</v>
      </c>
      <c r="KB14" s="73">
        <v>0</v>
      </c>
      <c r="KC14" s="70">
        <v>377</v>
      </c>
      <c r="KD14" s="71">
        <v>242</v>
      </c>
      <c r="KE14" s="72">
        <v>619</v>
      </c>
      <c r="KF14" s="244"/>
      <c r="KG14" s="71">
        <v>391</v>
      </c>
      <c r="KH14" s="71">
        <v>221</v>
      </c>
      <c r="KI14" s="71">
        <v>157</v>
      </c>
      <c r="KJ14" s="71">
        <v>155</v>
      </c>
      <c r="KK14" s="71">
        <v>89</v>
      </c>
      <c r="KL14" s="72">
        <v>1013</v>
      </c>
      <c r="KM14" s="73">
        <v>1632</v>
      </c>
    </row>
    <row r="15" spans="2:299" ht="19.8" customHeight="1" x14ac:dyDescent="0.2">
      <c r="B15" s="126" t="s">
        <v>11</v>
      </c>
      <c r="C15" s="316">
        <v>88</v>
      </c>
      <c r="D15" s="82">
        <v>61</v>
      </c>
      <c r="E15" s="83">
        <v>149</v>
      </c>
      <c r="F15" s="241"/>
      <c r="G15" s="82">
        <v>132</v>
      </c>
      <c r="H15" s="82">
        <v>81</v>
      </c>
      <c r="I15" s="82">
        <v>64</v>
      </c>
      <c r="J15" s="82">
        <v>57</v>
      </c>
      <c r="K15" s="82">
        <v>22</v>
      </c>
      <c r="L15" s="84">
        <v>356</v>
      </c>
      <c r="M15" s="85">
        <v>505</v>
      </c>
      <c r="N15" s="70">
        <v>4</v>
      </c>
      <c r="O15" s="71">
        <v>1</v>
      </c>
      <c r="P15" s="72">
        <v>5</v>
      </c>
      <c r="Q15" s="244"/>
      <c r="R15" s="71">
        <v>5</v>
      </c>
      <c r="S15" s="71">
        <v>1</v>
      </c>
      <c r="T15" s="71">
        <v>0</v>
      </c>
      <c r="U15" s="71">
        <v>1</v>
      </c>
      <c r="V15" s="71">
        <v>0</v>
      </c>
      <c r="W15" s="72">
        <v>7</v>
      </c>
      <c r="X15" s="73">
        <v>12</v>
      </c>
      <c r="Y15" s="70">
        <v>8</v>
      </c>
      <c r="Z15" s="71">
        <v>6</v>
      </c>
      <c r="AA15" s="72">
        <v>14</v>
      </c>
      <c r="AB15" s="244"/>
      <c r="AC15" s="71">
        <v>7</v>
      </c>
      <c r="AD15" s="71">
        <v>1</v>
      </c>
      <c r="AE15" s="71">
        <v>4</v>
      </c>
      <c r="AF15" s="71">
        <v>3</v>
      </c>
      <c r="AG15" s="71">
        <v>3</v>
      </c>
      <c r="AH15" s="72">
        <v>18</v>
      </c>
      <c r="AI15" s="73">
        <v>32</v>
      </c>
      <c r="AJ15" s="70">
        <v>3</v>
      </c>
      <c r="AK15" s="71">
        <v>5</v>
      </c>
      <c r="AL15" s="72">
        <v>8</v>
      </c>
      <c r="AM15" s="244"/>
      <c r="AN15" s="71">
        <v>7</v>
      </c>
      <c r="AO15" s="71">
        <v>5</v>
      </c>
      <c r="AP15" s="71">
        <v>6</v>
      </c>
      <c r="AQ15" s="71">
        <v>3</v>
      </c>
      <c r="AR15" s="71">
        <v>0</v>
      </c>
      <c r="AS15" s="72">
        <v>21</v>
      </c>
      <c r="AT15" s="73">
        <v>29</v>
      </c>
      <c r="AU15" s="70">
        <v>16</v>
      </c>
      <c r="AV15" s="71">
        <v>14</v>
      </c>
      <c r="AW15" s="72">
        <v>30</v>
      </c>
      <c r="AX15" s="244"/>
      <c r="AY15" s="71">
        <v>25</v>
      </c>
      <c r="AZ15" s="71">
        <v>19</v>
      </c>
      <c r="BA15" s="71">
        <v>8</v>
      </c>
      <c r="BB15" s="71">
        <v>9</v>
      </c>
      <c r="BC15" s="71">
        <v>5</v>
      </c>
      <c r="BD15" s="72">
        <v>66</v>
      </c>
      <c r="BE15" s="73">
        <v>96</v>
      </c>
      <c r="BF15" s="70">
        <v>33</v>
      </c>
      <c r="BG15" s="71">
        <v>20</v>
      </c>
      <c r="BH15" s="72">
        <v>53</v>
      </c>
      <c r="BI15" s="244"/>
      <c r="BJ15" s="71">
        <v>41</v>
      </c>
      <c r="BK15" s="71">
        <v>22</v>
      </c>
      <c r="BL15" s="71">
        <v>15</v>
      </c>
      <c r="BM15" s="71">
        <v>22</v>
      </c>
      <c r="BN15" s="71">
        <v>8</v>
      </c>
      <c r="BO15" s="72">
        <v>108</v>
      </c>
      <c r="BP15" s="73">
        <v>161</v>
      </c>
      <c r="BQ15" s="70">
        <v>24</v>
      </c>
      <c r="BR15" s="71">
        <v>15</v>
      </c>
      <c r="BS15" s="72">
        <v>39</v>
      </c>
      <c r="BT15" s="244"/>
      <c r="BU15" s="71">
        <v>47</v>
      </c>
      <c r="BV15" s="71">
        <v>33</v>
      </c>
      <c r="BW15" s="71">
        <v>31</v>
      </c>
      <c r="BX15" s="71">
        <v>19</v>
      </c>
      <c r="BY15" s="71">
        <v>6</v>
      </c>
      <c r="BZ15" s="72">
        <v>136</v>
      </c>
      <c r="CA15" s="73">
        <v>175</v>
      </c>
      <c r="CB15" s="70">
        <v>0</v>
      </c>
      <c r="CC15" s="71">
        <v>0</v>
      </c>
      <c r="CD15" s="72">
        <v>0</v>
      </c>
      <c r="CE15" s="244"/>
      <c r="CF15" s="71">
        <v>0</v>
      </c>
      <c r="CG15" s="71">
        <v>0</v>
      </c>
      <c r="CH15" s="71">
        <v>0</v>
      </c>
      <c r="CI15" s="71">
        <v>0</v>
      </c>
      <c r="CJ15" s="71">
        <v>0</v>
      </c>
      <c r="CK15" s="72">
        <v>0</v>
      </c>
      <c r="CL15" s="73">
        <v>0</v>
      </c>
      <c r="CM15" s="70">
        <v>88</v>
      </c>
      <c r="CN15" s="71">
        <v>61</v>
      </c>
      <c r="CO15" s="72">
        <v>149</v>
      </c>
      <c r="CP15" s="244"/>
      <c r="CQ15" s="71">
        <v>132</v>
      </c>
      <c r="CR15" s="71">
        <v>81</v>
      </c>
      <c r="CS15" s="71">
        <v>64</v>
      </c>
      <c r="CT15" s="71">
        <v>57</v>
      </c>
      <c r="CU15" s="71">
        <v>22</v>
      </c>
      <c r="CV15" s="72">
        <v>356</v>
      </c>
      <c r="CW15" s="73">
        <v>505</v>
      </c>
      <c r="CX15" s="123">
        <v>15</v>
      </c>
      <c r="CY15" s="82">
        <v>11</v>
      </c>
      <c r="CZ15" s="83">
        <v>26</v>
      </c>
      <c r="DA15" s="241"/>
      <c r="DB15" s="82">
        <v>12</v>
      </c>
      <c r="DC15" s="82">
        <v>17</v>
      </c>
      <c r="DD15" s="82">
        <v>14</v>
      </c>
      <c r="DE15" s="82">
        <v>13</v>
      </c>
      <c r="DF15" s="82">
        <v>6</v>
      </c>
      <c r="DG15" s="84">
        <v>62</v>
      </c>
      <c r="DH15" s="85">
        <v>88</v>
      </c>
      <c r="DI15" s="70">
        <v>0</v>
      </c>
      <c r="DJ15" s="71">
        <v>0</v>
      </c>
      <c r="DK15" s="72">
        <v>0</v>
      </c>
      <c r="DL15" s="244"/>
      <c r="DM15" s="71">
        <v>0</v>
      </c>
      <c r="DN15" s="71">
        <v>0</v>
      </c>
      <c r="DO15" s="71">
        <v>0</v>
      </c>
      <c r="DP15" s="71">
        <v>0</v>
      </c>
      <c r="DQ15" s="71">
        <v>0</v>
      </c>
      <c r="DR15" s="72">
        <v>0</v>
      </c>
      <c r="DS15" s="73">
        <v>0</v>
      </c>
      <c r="DT15" s="70">
        <v>0</v>
      </c>
      <c r="DU15" s="71">
        <v>1</v>
      </c>
      <c r="DV15" s="72">
        <v>1</v>
      </c>
      <c r="DW15" s="244"/>
      <c r="DX15" s="71">
        <v>1</v>
      </c>
      <c r="DY15" s="71">
        <v>1</v>
      </c>
      <c r="DZ15" s="71">
        <v>0</v>
      </c>
      <c r="EA15" s="71">
        <v>1</v>
      </c>
      <c r="EB15" s="71">
        <v>0</v>
      </c>
      <c r="EC15" s="72">
        <v>3</v>
      </c>
      <c r="ED15" s="73">
        <v>4</v>
      </c>
      <c r="EE15" s="70">
        <v>0</v>
      </c>
      <c r="EF15" s="71">
        <v>0</v>
      </c>
      <c r="EG15" s="72">
        <v>0</v>
      </c>
      <c r="EH15" s="244"/>
      <c r="EI15" s="71">
        <v>0</v>
      </c>
      <c r="EJ15" s="71">
        <v>2</v>
      </c>
      <c r="EK15" s="71">
        <v>1</v>
      </c>
      <c r="EL15" s="71">
        <v>0</v>
      </c>
      <c r="EM15" s="71">
        <v>0</v>
      </c>
      <c r="EN15" s="72">
        <v>3</v>
      </c>
      <c r="EO15" s="73">
        <v>3</v>
      </c>
      <c r="EP15" s="70">
        <v>7</v>
      </c>
      <c r="EQ15" s="71">
        <v>1</v>
      </c>
      <c r="ER15" s="72">
        <v>8</v>
      </c>
      <c r="ES15" s="244"/>
      <c r="ET15" s="71">
        <v>2</v>
      </c>
      <c r="EU15" s="71">
        <v>0</v>
      </c>
      <c r="EV15" s="71">
        <v>0</v>
      </c>
      <c r="EW15" s="71">
        <v>0</v>
      </c>
      <c r="EX15" s="71">
        <v>1</v>
      </c>
      <c r="EY15" s="72">
        <v>3</v>
      </c>
      <c r="EZ15" s="73">
        <v>11</v>
      </c>
      <c r="FA15" s="70">
        <v>4</v>
      </c>
      <c r="FB15" s="71">
        <v>8</v>
      </c>
      <c r="FC15" s="72">
        <v>12</v>
      </c>
      <c r="FD15" s="244"/>
      <c r="FE15" s="71">
        <v>5</v>
      </c>
      <c r="FF15" s="71">
        <v>7</v>
      </c>
      <c r="FG15" s="71">
        <v>1</v>
      </c>
      <c r="FH15" s="71">
        <v>4</v>
      </c>
      <c r="FI15" s="71">
        <v>3</v>
      </c>
      <c r="FJ15" s="72">
        <v>20</v>
      </c>
      <c r="FK15" s="73">
        <v>32</v>
      </c>
      <c r="FL15" s="70">
        <v>4</v>
      </c>
      <c r="FM15" s="71">
        <v>1</v>
      </c>
      <c r="FN15" s="72">
        <v>5</v>
      </c>
      <c r="FO15" s="244"/>
      <c r="FP15" s="71">
        <v>4</v>
      </c>
      <c r="FQ15" s="71">
        <v>7</v>
      </c>
      <c r="FR15" s="71">
        <v>12</v>
      </c>
      <c r="FS15" s="71">
        <v>8</v>
      </c>
      <c r="FT15" s="71">
        <v>2</v>
      </c>
      <c r="FU15" s="72">
        <v>33</v>
      </c>
      <c r="FV15" s="73">
        <v>38</v>
      </c>
      <c r="FW15" s="70">
        <v>0</v>
      </c>
      <c r="FX15" s="71">
        <v>0</v>
      </c>
      <c r="FY15" s="72">
        <v>0</v>
      </c>
      <c r="FZ15" s="244"/>
      <c r="GA15" s="71">
        <v>0</v>
      </c>
      <c r="GB15" s="71">
        <v>0</v>
      </c>
      <c r="GC15" s="71">
        <v>0</v>
      </c>
      <c r="GD15" s="71">
        <v>0</v>
      </c>
      <c r="GE15" s="71">
        <v>0</v>
      </c>
      <c r="GF15" s="72">
        <v>0</v>
      </c>
      <c r="GG15" s="73">
        <v>0</v>
      </c>
      <c r="GH15" s="70">
        <v>15</v>
      </c>
      <c r="GI15" s="71">
        <v>11</v>
      </c>
      <c r="GJ15" s="72">
        <v>26</v>
      </c>
      <c r="GK15" s="244"/>
      <c r="GL15" s="71">
        <v>12</v>
      </c>
      <c r="GM15" s="71">
        <v>17</v>
      </c>
      <c r="GN15" s="71">
        <v>14</v>
      </c>
      <c r="GO15" s="71">
        <v>13</v>
      </c>
      <c r="GP15" s="71">
        <v>6</v>
      </c>
      <c r="GQ15" s="72">
        <v>62</v>
      </c>
      <c r="GR15" s="73">
        <v>88</v>
      </c>
      <c r="GS15" s="123">
        <v>103</v>
      </c>
      <c r="GT15" s="82">
        <v>72</v>
      </c>
      <c r="GU15" s="83">
        <v>175</v>
      </c>
      <c r="GV15" s="241"/>
      <c r="GW15" s="82">
        <v>144</v>
      </c>
      <c r="GX15" s="82">
        <v>98</v>
      </c>
      <c r="GY15" s="82">
        <v>78</v>
      </c>
      <c r="GZ15" s="82">
        <v>70</v>
      </c>
      <c r="HA15" s="82">
        <v>28</v>
      </c>
      <c r="HB15" s="84">
        <v>418</v>
      </c>
      <c r="HC15" s="85">
        <v>593</v>
      </c>
      <c r="HD15" s="70">
        <v>4</v>
      </c>
      <c r="HE15" s="71">
        <v>1</v>
      </c>
      <c r="HF15" s="72">
        <v>5</v>
      </c>
      <c r="HG15" s="244"/>
      <c r="HH15" s="71">
        <v>5</v>
      </c>
      <c r="HI15" s="71">
        <v>1</v>
      </c>
      <c r="HJ15" s="71">
        <v>0</v>
      </c>
      <c r="HK15" s="71">
        <v>1</v>
      </c>
      <c r="HL15" s="71">
        <v>0</v>
      </c>
      <c r="HM15" s="72">
        <v>7</v>
      </c>
      <c r="HN15" s="73">
        <v>12</v>
      </c>
      <c r="HO15" s="70">
        <v>8</v>
      </c>
      <c r="HP15" s="71">
        <v>7</v>
      </c>
      <c r="HQ15" s="72">
        <v>15</v>
      </c>
      <c r="HR15" s="244"/>
      <c r="HS15" s="71">
        <v>8</v>
      </c>
      <c r="HT15" s="71">
        <v>2</v>
      </c>
      <c r="HU15" s="71">
        <v>4</v>
      </c>
      <c r="HV15" s="71">
        <v>4</v>
      </c>
      <c r="HW15" s="71">
        <v>3</v>
      </c>
      <c r="HX15" s="72">
        <v>21</v>
      </c>
      <c r="HY15" s="73">
        <v>36</v>
      </c>
      <c r="HZ15" s="70">
        <v>3</v>
      </c>
      <c r="IA15" s="71">
        <v>5</v>
      </c>
      <c r="IB15" s="72">
        <v>8</v>
      </c>
      <c r="IC15" s="244"/>
      <c r="ID15" s="71">
        <v>7</v>
      </c>
      <c r="IE15" s="71">
        <v>7</v>
      </c>
      <c r="IF15" s="71">
        <v>7</v>
      </c>
      <c r="IG15" s="71">
        <v>3</v>
      </c>
      <c r="IH15" s="71">
        <v>0</v>
      </c>
      <c r="II15" s="72">
        <v>24</v>
      </c>
      <c r="IJ15" s="73">
        <v>32</v>
      </c>
      <c r="IK15" s="70">
        <v>23</v>
      </c>
      <c r="IL15" s="71">
        <v>15</v>
      </c>
      <c r="IM15" s="72">
        <v>38</v>
      </c>
      <c r="IN15" s="244"/>
      <c r="IO15" s="71">
        <v>27</v>
      </c>
      <c r="IP15" s="71">
        <v>19</v>
      </c>
      <c r="IQ15" s="71">
        <v>8</v>
      </c>
      <c r="IR15" s="71">
        <v>9</v>
      </c>
      <c r="IS15" s="71">
        <v>6</v>
      </c>
      <c r="IT15" s="72">
        <v>69</v>
      </c>
      <c r="IU15" s="73">
        <v>107</v>
      </c>
      <c r="IV15" s="70">
        <v>37</v>
      </c>
      <c r="IW15" s="71">
        <v>28</v>
      </c>
      <c r="IX15" s="72">
        <v>65</v>
      </c>
      <c r="IY15" s="244"/>
      <c r="IZ15" s="71">
        <v>46</v>
      </c>
      <c r="JA15" s="71">
        <v>29</v>
      </c>
      <c r="JB15" s="71">
        <v>16</v>
      </c>
      <c r="JC15" s="71">
        <v>26</v>
      </c>
      <c r="JD15" s="71">
        <v>11</v>
      </c>
      <c r="JE15" s="72">
        <v>128</v>
      </c>
      <c r="JF15" s="73">
        <v>193</v>
      </c>
      <c r="JG15" s="70">
        <v>28</v>
      </c>
      <c r="JH15" s="71">
        <v>16</v>
      </c>
      <c r="JI15" s="72">
        <v>44</v>
      </c>
      <c r="JJ15" s="244"/>
      <c r="JK15" s="71">
        <v>51</v>
      </c>
      <c r="JL15" s="71">
        <v>40</v>
      </c>
      <c r="JM15" s="71">
        <v>43</v>
      </c>
      <c r="JN15" s="71">
        <v>27</v>
      </c>
      <c r="JO15" s="71">
        <v>8</v>
      </c>
      <c r="JP15" s="72">
        <v>169</v>
      </c>
      <c r="JQ15" s="73">
        <v>213</v>
      </c>
      <c r="JR15" s="70">
        <v>0</v>
      </c>
      <c r="JS15" s="71">
        <v>0</v>
      </c>
      <c r="JT15" s="72">
        <v>0</v>
      </c>
      <c r="JU15" s="244"/>
      <c r="JV15" s="71">
        <v>0</v>
      </c>
      <c r="JW15" s="71">
        <v>0</v>
      </c>
      <c r="JX15" s="71">
        <v>0</v>
      </c>
      <c r="JY15" s="71">
        <v>0</v>
      </c>
      <c r="JZ15" s="71">
        <v>0</v>
      </c>
      <c r="KA15" s="72">
        <v>0</v>
      </c>
      <c r="KB15" s="73">
        <v>0</v>
      </c>
      <c r="KC15" s="70">
        <v>103</v>
      </c>
      <c r="KD15" s="71">
        <v>72</v>
      </c>
      <c r="KE15" s="72">
        <v>175</v>
      </c>
      <c r="KF15" s="244"/>
      <c r="KG15" s="71">
        <v>144</v>
      </c>
      <c r="KH15" s="71">
        <v>98</v>
      </c>
      <c r="KI15" s="71">
        <v>78</v>
      </c>
      <c r="KJ15" s="71">
        <v>70</v>
      </c>
      <c r="KK15" s="71">
        <v>28</v>
      </c>
      <c r="KL15" s="72">
        <v>418</v>
      </c>
      <c r="KM15" s="73">
        <v>593</v>
      </c>
    </row>
    <row r="16" spans="2:299" ht="19.8" customHeight="1" x14ac:dyDescent="0.2">
      <c r="B16" s="126" t="s">
        <v>12</v>
      </c>
      <c r="C16" s="316">
        <v>154</v>
      </c>
      <c r="D16" s="82">
        <v>114</v>
      </c>
      <c r="E16" s="83">
        <v>268</v>
      </c>
      <c r="F16" s="241"/>
      <c r="G16" s="82">
        <v>162</v>
      </c>
      <c r="H16" s="82">
        <v>126</v>
      </c>
      <c r="I16" s="82">
        <v>102</v>
      </c>
      <c r="J16" s="82">
        <v>90</v>
      </c>
      <c r="K16" s="82">
        <v>36</v>
      </c>
      <c r="L16" s="84">
        <v>516</v>
      </c>
      <c r="M16" s="85">
        <v>784</v>
      </c>
      <c r="N16" s="86">
        <v>3</v>
      </c>
      <c r="O16" s="71">
        <v>4</v>
      </c>
      <c r="P16" s="72">
        <v>7</v>
      </c>
      <c r="Q16" s="244"/>
      <c r="R16" s="71">
        <v>1</v>
      </c>
      <c r="S16" s="71">
        <v>0</v>
      </c>
      <c r="T16" s="71">
        <v>2</v>
      </c>
      <c r="U16" s="71">
        <v>1</v>
      </c>
      <c r="V16" s="71">
        <v>2</v>
      </c>
      <c r="W16" s="72">
        <v>6</v>
      </c>
      <c r="X16" s="73">
        <v>13</v>
      </c>
      <c r="Y16" s="70">
        <v>6</v>
      </c>
      <c r="Z16" s="71">
        <v>9</v>
      </c>
      <c r="AA16" s="72">
        <v>15</v>
      </c>
      <c r="AB16" s="244"/>
      <c r="AC16" s="71">
        <v>6</v>
      </c>
      <c r="AD16" s="71">
        <v>5</v>
      </c>
      <c r="AE16" s="71">
        <v>5</v>
      </c>
      <c r="AF16" s="71">
        <v>4</v>
      </c>
      <c r="AG16" s="71">
        <v>4</v>
      </c>
      <c r="AH16" s="72">
        <v>24</v>
      </c>
      <c r="AI16" s="73">
        <v>39</v>
      </c>
      <c r="AJ16" s="86">
        <v>10</v>
      </c>
      <c r="AK16" s="71">
        <v>9</v>
      </c>
      <c r="AL16" s="72">
        <v>19</v>
      </c>
      <c r="AM16" s="244"/>
      <c r="AN16" s="71">
        <v>8</v>
      </c>
      <c r="AO16" s="71">
        <v>6</v>
      </c>
      <c r="AP16" s="71">
        <v>9</v>
      </c>
      <c r="AQ16" s="71">
        <v>4</v>
      </c>
      <c r="AR16" s="71">
        <v>3</v>
      </c>
      <c r="AS16" s="72">
        <v>30</v>
      </c>
      <c r="AT16" s="73">
        <v>49</v>
      </c>
      <c r="AU16" s="70">
        <v>28</v>
      </c>
      <c r="AV16" s="71">
        <v>20</v>
      </c>
      <c r="AW16" s="72">
        <v>48</v>
      </c>
      <c r="AX16" s="244"/>
      <c r="AY16" s="71">
        <v>33</v>
      </c>
      <c r="AZ16" s="71">
        <v>29</v>
      </c>
      <c r="BA16" s="71">
        <v>16</v>
      </c>
      <c r="BB16" s="71">
        <v>14</v>
      </c>
      <c r="BC16" s="71">
        <v>12</v>
      </c>
      <c r="BD16" s="72">
        <v>104</v>
      </c>
      <c r="BE16" s="73">
        <v>152</v>
      </c>
      <c r="BF16" s="86">
        <v>56</v>
      </c>
      <c r="BG16" s="71">
        <v>29</v>
      </c>
      <c r="BH16" s="72">
        <v>85</v>
      </c>
      <c r="BI16" s="244"/>
      <c r="BJ16" s="71">
        <v>67</v>
      </c>
      <c r="BK16" s="71">
        <v>37</v>
      </c>
      <c r="BL16" s="71">
        <v>33</v>
      </c>
      <c r="BM16" s="71">
        <v>25</v>
      </c>
      <c r="BN16" s="71">
        <v>7</v>
      </c>
      <c r="BO16" s="72">
        <v>169</v>
      </c>
      <c r="BP16" s="73">
        <v>254</v>
      </c>
      <c r="BQ16" s="70">
        <v>51</v>
      </c>
      <c r="BR16" s="71">
        <v>43</v>
      </c>
      <c r="BS16" s="72">
        <v>94</v>
      </c>
      <c r="BT16" s="244"/>
      <c r="BU16" s="71">
        <v>47</v>
      </c>
      <c r="BV16" s="71">
        <v>49</v>
      </c>
      <c r="BW16" s="71">
        <v>37</v>
      </c>
      <c r="BX16" s="71">
        <v>42</v>
      </c>
      <c r="BY16" s="71">
        <v>8</v>
      </c>
      <c r="BZ16" s="72">
        <v>183</v>
      </c>
      <c r="CA16" s="73">
        <v>277</v>
      </c>
      <c r="CB16" s="70">
        <v>0</v>
      </c>
      <c r="CC16" s="71">
        <v>0</v>
      </c>
      <c r="CD16" s="72">
        <v>0</v>
      </c>
      <c r="CE16" s="244"/>
      <c r="CF16" s="71">
        <v>0</v>
      </c>
      <c r="CG16" s="71">
        <v>0</v>
      </c>
      <c r="CH16" s="71">
        <v>0</v>
      </c>
      <c r="CI16" s="71">
        <v>0</v>
      </c>
      <c r="CJ16" s="71">
        <v>0</v>
      </c>
      <c r="CK16" s="72">
        <v>0</v>
      </c>
      <c r="CL16" s="73">
        <v>0</v>
      </c>
      <c r="CM16" s="70">
        <v>154</v>
      </c>
      <c r="CN16" s="71">
        <v>114</v>
      </c>
      <c r="CO16" s="72">
        <v>268</v>
      </c>
      <c r="CP16" s="244"/>
      <c r="CQ16" s="71">
        <v>162</v>
      </c>
      <c r="CR16" s="71">
        <v>126</v>
      </c>
      <c r="CS16" s="71">
        <v>102</v>
      </c>
      <c r="CT16" s="71">
        <v>90</v>
      </c>
      <c r="CU16" s="71">
        <v>36</v>
      </c>
      <c r="CV16" s="72">
        <v>516</v>
      </c>
      <c r="CW16" s="73">
        <v>784</v>
      </c>
      <c r="CX16" s="123">
        <v>11</v>
      </c>
      <c r="CY16" s="82">
        <v>21</v>
      </c>
      <c r="CZ16" s="83">
        <v>32</v>
      </c>
      <c r="DA16" s="241"/>
      <c r="DB16" s="82">
        <v>20</v>
      </c>
      <c r="DC16" s="82">
        <v>7</v>
      </c>
      <c r="DD16" s="82">
        <v>13</v>
      </c>
      <c r="DE16" s="82">
        <v>18</v>
      </c>
      <c r="DF16" s="82">
        <v>6</v>
      </c>
      <c r="DG16" s="84">
        <v>64</v>
      </c>
      <c r="DH16" s="85">
        <v>96</v>
      </c>
      <c r="DI16" s="86">
        <v>0</v>
      </c>
      <c r="DJ16" s="71">
        <v>0</v>
      </c>
      <c r="DK16" s="72">
        <v>0</v>
      </c>
      <c r="DL16" s="244"/>
      <c r="DM16" s="71">
        <v>0</v>
      </c>
      <c r="DN16" s="71">
        <v>0</v>
      </c>
      <c r="DO16" s="71">
        <v>0</v>
      </c>
      <c r="DP16" s="71">
        <v>0</v>
      </c>
      <c r="DQ16" s="71">
        <v>0</v>
      </c>
      <c r="DR16" s="72">
        <v>0</v>
      </c>
      <c r="DS16" s="73">
        <v>0</v>
      </c>
      <c r="DT16" s="70">
        <v>1</v>
      </c>
      <c r="DU16" s="71">
        <v>2</v>
      </c>
      <c r="DV16" s="72">
        <v>3</v>
      </c>
      <c r="DW16" s="244"/>
      <c r="DX16" s="71">
        <v>1</v>
      </c>
      <c r="DY16" s="71">
        <v>0</v>
      </c>
      <c r="DZ16" s="71">
        <v>2</v>
      </c>
      <c r="EA16" s="71">
        <v>0</v>
      </c>
      <c r="EB16" s="71">
        <v>1</v>
      </c>
      <c r="EC16" s="72">
        <v>4</v>
      </c>
      <c r="ED16" s="73">
        <v>7</v>
      </c>
      <c r="EE16" s="86">
        <v>1</v>
      </c>
      <c r="EF16" s="71">
        <v>0</v>
      </c>
      <c r="EG16" s="72">
        <v>1</v>
      </c>
      <c r="EH16" s="244"/>
      <c r="EI16" s="71">
        <v>2</v>
      </c>
      <c r="EJ16" s="71">
        <v>1</v>
      </c>
      <c r="EK16" s="71">
        <v>0</v>
      </c>
      <c r="EL16" s="71">
        <v>0</v>
      </c>
      <c r="EM16" s="71">
        <v>0</v>
      </c>
      <c r="EN16" s="72">
        <v>3</v>
      </c>
      <c r="EO16" s="73">
        <v>4</v>
      </c>
      <c r="EP16" s="70">
        <v>3</v>
      </c>
      <c r="EQ16" s="71">
        <v>6</v>
      </c>
      <c r="ER16" s="72">
        <v>9</v>
      </c>
      <c r="ES16" s="244"/>
      <c r="ET16" s="71">
        <v>0</v>
      </c>
      <c r="EU16" s="71">
        <v>0</v>
      </c>
      <c r="EV16" s="71">
        <v>0</v>
      </c>
      <c r="EW16" s="71">
        <v>5</v>
      </c>
      <c r="EX16" s="71">
        <v>1</v>
      </c>
      <c r="EY16" s="72">
        <v>6</v>
      </c>
      <c r="EZ16" s="73">
        <v>15</v>
      </c>
      <c r="FA16" s="86">
        <v>3</v>
      </c>
      <c r="FB16" s="71">
        <v>9</v>
      </c>
      <c r="FC16" s="72">
        <v>12</v>
      </c>
      <c r="FD16" s="244"/>
      <c r="FE16" s="71">
        <v>7</v>
      </c>
      <c r="FF16" s="71">
        <v>1</v>
      </c>
      <c r="FG16" s="71">
        <v>2</v>
      </c>
      <c r="FH16" s="71">
        <v>0</v>
      </c>
      <c r="FI16" s="71">
        <v>1</v>
      </c>
      <c r="FJ16" s="72">
        <v>11</v>
      </c>
      <c r="FK16" s="73">
        <v>23</v>
      </c>
      <c r="FL16" s="70">
        <v>3</v>
      </c>
      <c r="FM16" s="71">
        <v>4</v>
      </c>
      <c r="FN16" s="72">
        <v>7</v>
      </c>
      <c r="FO16" s="244"/>
      <c r="FP16" s="71">
        <v>10</v>
      </c>
      <c r="FQ16" s="71">
        <v>5</v>
      </c>
      <c r="FR16" s="71">
        <v>9</v>
      </c>
      <c r="FS16" s="71">
        <v>13</v>
      </c>
      <c r="FT16" s="71">
        <v>3</v>
      </c>
      <c r="FU16" s="72">
        <v>40</v>
      </c>
      <c r="FV16" s="73">
        <v>47</v>
      </c>
      <c r="FW16" s="70">
        <v>0</v>
      </c>
      <c r="FX16" s="71">
        <v>0</v>
      </c>
      <c r="FY16" s="72">
        <v>0</v>
      </c>
      <c r="FZ16" s="244"/>
      <c r="GA16" s="71">
        <v>0</v>
      </c>
      <c r="GB16" s="71">
        <v>0</v>
      </c>
      <c r="GC16" s="71">
        <v>0</v>
      </c>
      <c r="GD16" s="71">
        <v>0</v>
      </c>
      <c r="GE16" s="71">
        <v>0</v>
      </c>
      <c r="GF16" s="72">
        <v>0</v>
      </c>
      <c r="GG16" s="73">
        <v>0</v>
      </c>
      <c r="GH16" s="70">
        <v>11</v>
      </c>
      <c r="GI16" s="71">
        <v>21</v>
      </c>
      <c r="GJ16" s="72">
        <v>32</v>
      </c>
      <c r="GK16" s="244"/>
      <c r="GL16" s="71">
        <v>20</v>
      </c>
      <c r="GM16" s="71">
        <v>7</v>
      </c>
      <c r="GN16" s="71">
        <v>13</v>
      </c>
      <c r="GO16" s="71">
        <v>18</v>
      </c>
      <c r="GP16" s="71">
        <v>6</v>
      </c>
      <c r="GQ16" s="72">
        <v>64</v>
      </c>
      <c r="GR16" s="73">
        <v>96</v>
      </c>
      <c r="GS16" s="123">
        <v>165</v>
      </c>
      <c r="GT16" s="82">
        <v>135</v>
      </c>
      <c r="GU16" s="83">
        <v>300</v>
      </c>
      <c r="GV16" s="241"/>
      <c r="GW16" s="82">
        <v>182</v>
      </c>
      <c r="GX16" s="82">
        <v>133</v>
      </c>
      <c r="GY16" s="82">
        <v>115</v>
      </c>
      <c r="GZ16" s="82">
        <v>108</v>
      </c>
      <c r="HA16" s="82">
        <v>42</v>
      </c>
      <c r="HB16" s="84">
        <v>580</v>
      </c>
      <c r="HC16" s="85">
        <v>880</v>
      </c>
      <c r="HD16" s="86">
        <v>3</v>
      </c>
      <c r="HE16" s="71">
        <v>4</v>
      </c>
      <c r="HF16" s="72">
        <v>7</v>
      </c>
      <c r="HG16" s="244"/>
      <c r="HH16" s="71">
        <v>1</v>
      </c>
      <c r="HI16" s="71">
        <v>0</v>
      </c>
      <c r="HJ16" s="71">
        <v>2</v>
      </c>
      <c r="HK16" s="71">
        <v>1</v>
      </c>
      <c r="HL16" s="71">
        <v>2</v>
      </c>
      <c r="HM16" s="72">
        <v>6</v>
      </c>
      <c r="HN16" s="73">
        <v>13</v>
      </c>
      <c r="HO16" s="70">
        <v>7</v>
      </c>
      <c r="HP16" s="71">
        <v>11</v>
      </c>
      <c r="HQ16" s="72">
        <v>18</v>
      </c>
      <c r="HR16" s="244"/>
      <c r="HS16" s="71">
        <v>7</v>
      </c>
      <c r="HT16" s="71">
        <v>5</v>
      </c>
      <c r="HU16" s="71">
        <v>7</v>
      </c>
      <c r="HV16" s="71">
        <v>4</v>
      </c>
      <c r="HW16" s="71">
        <v>5</v>
      </c>
      <c r="HX16" s="72">
        <v>28</v>
      </c>
      <c r="HY16" s="73">
        <v>46</v>
      </c>
      <c r="HZ16" s="86">
        <v>11</v>
      </c>
      <c r="IA16" s="71">
        <v>9</v>
      </c>
      <c r="IB16" s="72">
        <v>20</v>
      </c>
      <c r="IC16" s="244"/>
      <c r="ID16" s="71">
        <v>10</v>
      </c>
      <c r="IE16" s="71">
        <v>7</v>
      </c>
      <c r="IF16" s="71">
        <v>9</v>
      </c>
      <c r="IG16" s="71">
        <v>4</v>
      </c>
      <c r="IH16" s="71">
        <v>3</v>
      </c>
      <c r="II16" s="72">
        <v>33</v>
      </c>
      <c r="IJ16" s="73">
        <v>53</v>
      </c>
      <c r="IK16" s="70">
        <v>31</v>
      </c>
      <c r="IL16" s="71">
        <v>26</v>
      </c>
      <c r="IM16" s="72">
        <v>57</v>
      </c>
      <c r="IN16" s="244"/>
      <c r="IO16" s="71">
        <v>33</v>
      </c>
      <c r="IP16" s="71">
        <v>29</v>
      </c>
      <c r="IQ16" s="71">
        <v>16</v>
      </c>
      <c r="IR16" s="71">
        <v>19</v>
      </c>
      <c r="IS16" s="71">
        <v>13</v>
      </c>
      <c r="IT16" s="72">
        <v>110</v>
      </c>
      <c r="IU16" s="73">
        <v>167</v>
      </c>
      <c r="IV16" s="86">
        <v>59</v>
      </c>
      <c r="IW16" s="71">
        <v>38</v>
      </c>
      <c r="IX16" s="72">
        <v>97</v>
      </c>
      <c r="IY16" s="244"/>
      <c r="IZ16" s="71">
        <v>74</v>
      </c>
      <c r="JA16" s="71">
        <v>38</v>
      </c>
      <c r="JB16" s="71">
        <v>35</v>
      </c>
      <c r="JC16" s="71">
        <v>25</v>
      </c>
      <c r="JD16" s="71">
        <v>8</v>
      </c>
      <c r="JE16" s="72">
        <v>180</v>
      </c>
      <c r="JF16" s="73">
        <v>277</v>
      </c>
      <c r="JG16" s="70">
        <v>54</v>
      </c>
      <c r="JH16" s="71">
        <v>47</v>
      </c>
      <c r="JI16" s="72">
        <v>101</v>
      </c>
      <c r="JJ16" s="244"/>
      <c r="JK16" s="71">
        <v>57</v>
      </c>
      <c r="JL16" s="71">
        <v>54</v>
      </c>
      <c r="JM16" s="71">
        <v>46</v>
      </c>
      <c r="JN16" s="71">
        <v>55</v>
      </c>
      <c r="JO16" s="71">
        <v>11</v>
      </c>
      <c r="JP16" s="72">
        <v>223</v>
      </c>
      <c r="JQ16" s="73">
        <v>324</v>
      </c>
      <c r="JR16" s="70">
        <v>0</v>
      </c>
      <c r="JS16" s="71">
        <v>0</v>
      </c>
      <c r="JT16" s="72">
        <v>0</v>
      </c>
      <c r="JU16" s="244"/>
      <c r="JV16" s="71">
        <v>0</v>
      </c>
      <c r="JW16" s="71">
        <v>0</v>
      </c>
      <c r="JX16" s="71">
        <v>0</v>
      </c>
      <c r="JY16" s="71">
        <v>0</v>
      </c>
      <c r="JZ16" s="71">
        <v>0</v>
      </c>
      <c r="KA16" s="72">
        <v>0</v>
      </c>
      <c r="KB16" s="73">
        <v>0</v>
      </c>
      <c r="KC16" s="70">
        <v>165</v>
      </c>
      <c r="KD16" s="71">
        <v>135</v>
      </c>
      <c r="KE16" s="72">
        <v>300</v>
      </c>
      <c r="KF16" s="244"/>
      <c r="KG16" s="71">
        <v>182</v>
      </c>
      <c r="KH16" s="71">
        <v>133</v>
      </c>
      <c r="KI16" s="71">
        <v>115</v>
      </c>
      <c r="KJ16" s="71">
        <v>108</v>
      </c>
      <c r="KK16" s="71">
        <v>42</v>
      </c>
      <c r="KL16" s="72">
        <v>580</v>
      </c>
      <c r="KM16" s="73">
        <v>880</v>
      </c>
    </row>
    <row r="17" spans="2:299" ht="19.8" customHeight="1" x14ac:dyDescent="0.2">
      <c r="B17" s="126" t="s">
        <v>13</v>
      </c>
      <c r="C17" s="316">
        <v>38</v>
      </c>
      <c r="D17" s="82">
        <v>49</v>
      </c>
      <c r="E17" s="83">
        <v>87</v>
      </c>
      <c r="F17" s="241"/>
      <c r="G17" s="82">
        <v>86</v>
      </c>
      <c r="H17" s="82">
        <v>64</v>
      </c>
      <c r="I17" s="82">
        <v>45</v>
      </c>
      <c r="J17" s="82">
        <v>43</v>
      </c>
      <c r="K17" s="82">
        <v>24</v>
      </c>
      <c r="L17" s="84">
        <v>262</v>
      </c>
      <c r="M17" s="85">
        <v>349</v>
      </c>
      <c r="N17" s="70">
        <v>0</v>
      </c>
      <c r="O17" s="71">
        <v>0</v>
      </c>
      <c r="P17" s="72">
        <v>0</v>
      </c>
      <c r="Q17" s="244"/>
      <c r="R17" s="71">
        <v>2</v>
      </c>
      <c r="S17" s="71">
        <v>0</v>
      </c>
      <c r="T17" s="71">
        <v>0</v>
      </c>
      <c r="U17" s="71">
        <v>0</v>
      </c>
      <c r="V17" s="71">
        <v>0</v>
      </c>
      <c r="W17" s="72">
        <v>2</v>
      </c>
      <c r="X17" s="73">
        <v>2</v>
      </c>
      <c r="Y17" s="70">
        <v>3</v>
      </c>
      <c r="Z17" s="71">
        <v>1</v>
      </c>
      <c r="AA17" s="72">
        <v>4</v>
      </c>
      <c r="AB17" s="244"/>
      <c r="AC17" s="71">
        <v>2</v>
      </c>
      <c r="AD17" s="71">
        <v>2</v>
      </c>
      <c r="AE17" s="71">
        <v>0</v>
      </c>
      <c r="AF17" s="71">
        <v>1</v>
      </c>
      <c r="AG17" s="71">
        <v>1</v>
      </c>
      <c r="AH17" s="72">
        <v>6</v>
      </c>
      <c r="AI17" s="73">
        <v>10</v>
      </c>
      <c r="AJ17" s="70">
        <v>3</v>
      </c>
      <c r="AK17" s="71">
        <v>4</v>
      </c>
      <c r="AL17" s="72">
        <v>7</v>
      </c>
      <c r="AM17" s="244"/>
      <c r="AN17" s="71">
        <v>5</v>
      </c>
      <c r="AO17" s="71">
        <v>5</v>
      </c>
      <c r="AP17" s="71">
        <v>4</v>
      </c>
      <c r="AQ17" s="71">
        <v>3</v>
      </c>
      <c r="AR17" s="71">
        <v>3</v>
      </c>
      <c r="AS17" s="72">
        <v>20</v>
      </c>
      <c r="AT17" s="73">
        <v>27</v>
      </c>
      <c r="AU17" s="70">
        <v>1</v>
      </c>
      <c r="AV17" s="71">
        <v>14</v>
      </c>
      <c r="AW17" s="72">
        <v>15</v>
      </c>
      <c r="AX17" s="244"/>
      <c r="AY17" s="71">
        <v>16</v>
      </c>
      <c r="AZ17" s="71">
        <v>9</v>
      </c>
      <c r="BA17" s="71">
        <v>6</v>
      </c>
      <c r="BB17" s="71">
        <v>6</v>
      </c>
      <c r="BC17" s="71">
        <v>6</v>
      </c>
      <c r="BD17" s="72">
        <v>43</v>
      </c>
      <c r="BE17" s="73">
        <v>58</v>
      </c>
      <c r="BF17" s="70">
        <v>17</v>
      </c>
      <c r="BG17" s="71">
        <v>18</v>
      </c>
      <c r="BH17" s="72">
        <v>35</v>
      </c>
      <c r="BI17" s="244"/>
      <c r="BJ17" s="71">
        <v>35</v>
      </c>
      <c r="BK17" s="71">
        <v>19</v>
      </c>
      <c r="BL17" s="71">
        <v>15</v>
      </c>
      <c r="BM17" s="71">
        <v>18</v>
      </c>
      <c r="BN17" s="71">
        <v>4</v>
      </c>
      <c r="BO17" s="72">
        <v>91</v>
      </c>
      <c r="BP17" s="73">
        <v>126</v>
      </c>
      <c r="BQ17" s="70">
        <v>14</v>
      </c>
      <c r="BR17" s="71">
        <v>12</v>
      </c>
      <c r="BS17" s="72">
        <v>26</v>
      </c>
      <c r="BT17" s="244"/>
      <c r="BU17" s="71">
        <v>26</v>
      </c>
      <c r="BV17" s="71">
        <v>29</v>
      </c>
      <c r="BW17" s="71">
        <v>20</v>
      </c>
      <c r="BX17" s="71">
        <v>15</v>
      </c>
      <c r="BY17" s="71">
        <v>10</v>
      </c>
      <c r="BZ17" s="72">
        <v>100</v>
      </c>
      <c r="CA17" s="73">
        <v>126</v>
      </c>
      <c r="CB17" s="70">
        <v>0</v>
      </c>
      <c r="CC17" s="71">
        <v>0</v>
      </c>
      <c r="CD17" s="72">
        <v>0</v>
      </c>
      <c r="CE17" s="244"/>
      <c r="CF17" s="71">
        <v>0</v>
      </c>
      <c r="CG17" s="71">
        <v>0</v>
      </c>
      <c r="CH17" s="71">
        <v>0</v>
      </c>
      <c r="CI17" s="71">
        <v>0</v>
      </c>
      <c r="CJ17" s="71">
        <v>0</v>
      </c>
      <c r="CK17" s="72">
        <v>0</v>
      </c>
      <c r="CL17" s="73">
        <v>0</v>
      </c>
      <c r="CM17" s="70">
        <v>38</v>
      </c>
      <c r="CN17" s="71">
        <v>49</v>
      </c>
      <c r="CO17" s="72">
        <v>87</v>
      </c>
      <c r="CP17" s="244"/>
      <c r="CQ17" s="71">
        <v>86</v>
      </c>
      <c r="CR17" s="71">
        <v>64</v>
      </c>
      <c r="CS17" s="71">
        <v>45</v>
      </c>
      <c r="CT17" s="71">
        <v>43</v>
      </c>
      <c r="CU17" s="71">
        <v>24</v>
      </c>
      <c r="CV17" s="72">
        <v>262</v>
      </c>
      <c r="CW17" s="73">
        <v>349</v>
      </c>
      <c r="CX17" s="123">
        <v>8</v>
      </c>
      <c r="CY17" s="82">
        <v>5</v>
      </c>
      <c r="CZ17" s="83">
        <v>13</v>
      </c>
      <c r="DA17" s="241"/>
      <c r="DB17" s="82">
        <v>10</v>
      </c>
      <c r="DC17" s="82">
        <v>7</v>
      </c>
      <c r="DD17" s="82">
        <v>5</v>
      </c>
      <c r="DE17" s="82">
        <v>11</v>
      </c>
      <c r="DF17" s="82">
        <v>3</v>
      </c>
      <c r="DG17" s="84">
        <v>36</v>
      </c>
      <c r="DH17" s="85">
        <v>49</v>
      </c>
      <c r="DI17" s="70">
        <v>0</v>
      </c>
      <c r="DJ17" s="71">
        <v>0</v>
      </c>
      <c r="DK17" s="72">
        <v>0</v>
      </c>
      <c r="DL17" s="244"/>
      <c r="DM17" s="71">
        <v>0</v>
      </c>
      <c r="DN17" s="71">
        <v>0</v>
      </c>
      <c r="DO17" s="71">
        <v>0</v>
      </c>
      <c r="DP17" s="71">
        <v>1</v>
      </c>
      <c r="DQ17" s="71">
        <v>0</v>
      </c>
      <c r="DR17" s="72">
        <v>1</v>
      </c>
      <c r="DS17" s="73">
        <v>1</v>
      </c>
      <c r="DT17" s="70">
        <v>0</v>
      </c>
      <c r="DU17" s="71">
        <v>0</v>
      </c>
      <c r="DV17" s="72">
        <v>0</v>
      </c>
      <c r="DW17" s="244"/>
      <c r="DX17" s="71">
        <v>0</v>
      </c>
      <c r="DY17" s="71">
        <v>0</v>
      </c>
      <c r="DZ17" s="71">
        <v>0</v>
      </c>
      <c r="EA17" s="71">
        <v>0</v>
      </c>
      <c r="EB17" s="71">
        <v>0</v>
      </c>
      <c r="EC17" s="72">
        <v>0</v>
      </c>
      <c r="ED17" s="73">
        <v>0</v>
      </c>
      <c r="EE17" s="70">
        <v>1</v>
      </c>
      <c r="EF17" s="71">
        <v>0</v>
      </c>
      <c r="EG17" s="72">
        <v>1</v>
      </c>
      <c r="EH17" s="244"/>
      <c r="EI17" s="71">
        <v>1</v>
      </c>
      <c r="EJ17" s="71">
        <v>0</v>
      </c>
      <c r="EK17" s="71">
        <v>1</v>
      </c>
      <c r="EL17" s="71">
        <v>0</v>
      </c>
      <c r="EM17" s="71">
        <v>0</v>
      </c>
      <c r="EN17" s="72">
        <v>2</v>
      </c>
      <c r="EO17" s="73">
        <v>3</v>
      </c>
      <c r="EP17" s="70">
        <v>2</v>
      </c>
      <c r="EQ17" s="71">
        <v>1</v>
      </c>
      <c r="ER17" s="72">
        <v>3</v>
      </c>
      <c r="ES17" s="244"/>
      <c r="ET17" s="71">
        <v>3</v>
      </c>
      <c r="EU17" s="71">
        <v>2</v>
      </c>
      <c r="EV17" s="71">
        <v>0</v>
      </c>
      <c r="EW17" s="71">
        <v>0</v>
      </c>
      <c r="EX17" s="71">
        <v>0</v>
      </c>
      <c r="EY17" s="72">
        <v>5</v>
      </c>
      <c r="EZ17" s="73">
        <v>8</v>
      </c>
      <c r="FA17" s="70">
        <v>2</v>
      </c>
      <c r="FB17" s="71">
        <v>0</v>
      </c>
      <c r="FC17" s="72">
        <v>2</v>
      </c>
      <c r="FD17" s="244"/>
      <c r="FE17" s="71">
        <v>3</v>
      </c>
      <c r="FF17" s="71">
        <v>1</v>
      </c>
      <c r="FG17" s="71">
        <v>2</v>
      </c>
      <c r="FH17" s="71">
        <v>3</v>
      </c>
      <c r="FI17" s="71">
        <v>1</v>
      </c>
      <c r="FJ17" s="72">
        <v>10</v>
      </c>
      <c r="FK17" s="73">
        <v>12</v>
      </c>
      <c r="FL17" s="70">
        <v>3</v>
      </c>
      <c r="FM17" s="71">
        <v>4</v>
      </c>
      <c r="FN17" s="72">
        <v>7</v>
      </c>
      <c r="FO17" s="244"/>
      <c r="FP17" s="71">
        <v>3</v>
      </c>
      <c r="FQ17" s="71">
        <v>4</v>
      </c>
      <c r="FR17" s="71">
        <v>2</v>
      </c>
      <c r="FS17" s="71">
        <v>7</v>
      </c>
      <c r="FT17" s="71">
        <v>2</v>
      </c>
      <c r="FU17" s="72">
        <v>18</v>
      </c>
      <c r="FV17" s="73">
        <v>25</v>
      </c>
      <c r="FW17" s="70">
        <v>0</v>
      </c>
      <c r="FX17" s="71">
        <v>0</v>
      </c>
      <c r="FY17" s="72">
        <v>0</v>
      </c>
      <c r="FZ17" s="244"/>
      <c r="GA17" s="71">
        <v>0</v>
      </c>
      <c r="GB17" s="71">
        <v>0</v>
      </c>
      <c r="GC17" s="71">
        <v>0</v>
      </c>
      <c r="GD17" s="71">
        <v>0</v>
      </c>
      <c r="GE17" s="71">
        <v>0</v>
      </c>
      <c r="GF17" s="72">
        <v>0</v>
      </c>
      <c r="GG17" s="73">
        <v>0</v>
      </c>
      <c r="GH17" s="70">
        <v>8</v>
      </c>
      <c r="GI17" s="71">
        <v>5</v>
      </c>
      <c r="GJ17" s="72">
        <v>13</v>
      </c>
      <c r="GK17" s="244"/>
      <c r="GL17" s="71">
        <v>10</v>
      </c>
      <c r="GM17" s="71">
        <v>7</v>
      </c>
      <c r="GN17" s="71">
        <v>5</v>
      </c>
      <c r="GO17" s="71">
        <v>11</v>
      </c>
      <c r="GP17" s="71">
        <v>3</v>
      </c>
      <c r="GQ17" s="72">
        <v>36</v>
      </c>
      <c r="GR17" s="73">
        <v>49</v>
      </c>
      <c r="GS17" s="123">
        <v>46</v>
      </c>
      <c r="GT17" s="82">
        <v>54</v>
      </c>
      <c r="GU17" s="83">
        <v>100</v>
      </c>
      <c r="GV17" s="241"/>
      <c r="GW17" s="82">
        <v>96</v>
      </c>
      <c r="GX17" s="82">
        <v>71</v>
      </c>
      <c r="GY17" s="82">
        <v>50</v>
      </c>
      <c r="GZ17" s="82">
        <v>54</v>
      </c>
      <c r="HA17" s="82">
        <v>27</v>
      </c>
      <c r="HB17" s="84">
        <v>298</v>
      </c>
      <c r="HC17" s="85">
        <v>398</v>
      </c>
      <c r="HD17" s="70">
        <v>0</v>
      </c>
      <c r="HE17" s="71">
        <v>0</v>
      </c>
      <c r="HF17" s="72">
        <v>0</v>
      </c>
      <c r="HG17" s="244"/>
      <c r="HH17" s="71">
        <v>2</v>
      </c>
      <c r="HI17" s="71">
        <v>0</v>
      </c>
      <c r="HJ17" s="71">
        <v>0</v>
      </c>
      <c r="HK17" s="71">
        <v>1</v>
      </c>
      <c r="HL17" s="71">
        <v>0</v>
      </c>
      <c r="HM17" s="72">
        <v>3</v>
      </c>
      <c r="HN17" s="73">
        <v>3</v>
      </c>
      <c r="HO17" s="70">
        <v>3</v>
      </c>
      <c r="HP17" s="71">
        <v>1</v>
      </c>
      <c r="HQ17" s="72">
        <v>4</v>
      </c>
      <c r="HR17" s="244"/>
      <c r="HS17" s="71">
        <v>2</v>
      </c>
      <c r="HT17" s="71">
        <v>2</v>
      </c>
      <c r="HU17" s="71">
        <v>0</v>
      </c>
      <c r="HV17" s="71">
        <v>1</v>
      </c>
      <c r="HW17" s="71">
        <v>1</v>
      </c>
      <c r="HX17" s="72">
        <v>6</v>
      </c>
      <c r="HY17" s="73">
        <v>10</v>
      </c>
      <c r="HZ17" s="70">
        <v>4</v>
      </c>
      <c r="IA17" s="71">
        <v>4</v>
      </c>
      <c r="IB17" s="72">
        <v>8</v>
      </c>
      <c r="IC17" s="244"/>
      <c r="ID17" s="71">
        <v>6</v>
      </c>
      <c r="IE17" s="71">
        <v>5</v>
      </c>
      <c r="IF17" s="71">
        <v>5</v>
      </c>
      <c r="IG17" s="71">
        <v>3</v>
      </c>
      <c r="IH17" s="71">
        <v>3</v>
      </c>
      <c r="II17" s="72">
        <v>22</v>
      </c>
      <c r="IJ17" s="73">
        <v>30</v>
      </c>
      <c r="IK17" s="70">
        <v>3</v>
      </c>
      <c r="IL17" s="71">
        <v>15</v>
      </c>
      <c r="IM17" s="72">
        <v>18</v>
      </c>
      <c r="IN17" s="244"/>
      <c r="IO17" s="71">
        <v>19</v>
      </c>
      <c r="IP17" s="71">
        <v>11</v>
      </c>
      <c r="IQ17" s="71">
        <v>6</v>
      </c>
      <c r="IR17" s="71">
        <v>6</v>
      </c>
      <c r="IS17" s="71">
        <v>6</v>
      </c>
      <c r="IT17" s="72">
        <v>48</v>
      </c>
      <c r="IU17" s="73">
        <v>66</v>
      </c>
      <c r="IV17" s="70">
        <v>19</v>
      </c>
      <c r="IW17" s="71">
        <v>18</v>
      </c>
      <c r="IX17" s="72">
        <v>37</v>
      </c>
      <c r="IY17" s="244"/>
      <c r="IZ17" s="71">
        <v>38</v>
      </c>
      <c r="JA17" s="71">
        <v>20</v>
      </c>
      <c r="JB17" s="71">
        <v>17</v>
      </c>
      <c r="JC17" s="71">
        <v>21</v>
      </c>
      <c r="JD17" s="71">
        <v>5</v>
      </c>
      <c r="JE17" s="72">
        <v>101</v>
      </c>
      <c r="JF17" s="73">
        <v>138</v>
      </c>
      <c r="JG17" s="70">
        <v>17</v>
      </c>
      <c r="JH17" s="71">
        <v>16</v>
      </c>
      <c r="JI17" s="72">
        <v>33</v>
      </c>
      <c r="JJ17" s="244"/>
      <c r="JK17" s="71">
        <v>29</v>
      </c>
      <c r="JL17" s="71">
        <v>33</v>
      </c>
      <c r="JM17" s="71">
        <v>22</v>
      </c>
      <c r="JN17" s="71">
        <v>22</v>
      </c>
      <c r="JO17" s="71">
        <v>12</v>
      </c>
      <c r="JP17" s="72">
        <v>118</v>
      </c>
      <c r="JQ17" s="73">
        <v>151</v>
      </c>
      <c r="JR17" s="70">
        <v>0</v>
      </c>
      <c r="JS17" s="71">
        <v>0</v>
      </c>
      <c r="JT17" s="72">
        <v>0</v>
      </c>
      <c r="JU17" s="244"/>
      <c r="JV17" s="71">
        <v>0</v>
      </c>
      <c r="JW17" s="71">
        <v>0</v>
      </c>
      <c r="JX17" s="71">
        <v>0</v>
      </c>
      <c r="JY17" s="71">
        <v>0</v>
      </c>
      <c r="JZ17" s="71">
        <v>0</v>
      </c>
      <c r="KA17" s="72">
        <v>0</v>
      </c>
      <c r="KB17" s="73">
        <v>0</v>
      </c>
      <c r="KC17" s="70">
        <v>46</v>
      </c>
      <c r="KD17" s="71">
        <v>54</v>
      </c>
      <c r="KE17" s="72">
        <v>100</v>
      </c>
      <c r="KF17" s="244"/>
      <c r="KG17" s="71">
        <v>96</v>
      </c>
      <c r="KH17" s="71">
        <v>71</v>
      </c>
      <c r="KI17" s="71">
        <v>50</v>
      </c>
      <c r="KJ17" s="71">
        <v>54</v>
      </c>
      <c r="KK17" s="71">
        <v>27</v>
      </c>
      <c r="KL17" s="72">
        <v>298</v>
      </c>
      <c r="KM17" s="73">
        <v>398</v>
      </c>
    </row>
    <row r="18" spans="2:299" ht="19.8" customHeight="1" x14ac:dyDescent="0.2">
      <c r="B18" s="126" t="s">
        <v>15</v>
      </c>
      <c r="C18" s="316">
        <v>21</v>
      </c>
      <c r="D18" s="82">
        <v>23</v>
      </c>
      <c r="E18" s="83">
        <v>44</v>
      </c>
      <c r="F18" s="241"/>
      <c r="G18" s="82">
        <v>33</v>
      </c>
      <c r="H18" s="82">
        <v>24</v>
      </c>
      <c r="I18" s="82">
        <v>24</v>
      </c>
      <c r="J18" s="82">
        <v>25</v>
      </c>
      <c r="K18" s="82">
        <v>7</v>
      </c>
      <c r="L18" s="84">
        <v>113</v>
      </c>
      <c r="M18" s="85">
        <v>157</v>
      </c>
      <c r="N18" s="70">
        <v>1</v>
      </c>
      <c r="O18" s="71">
        <v>0</v>
      </c>
      <c r="P18" s="72">
        <v>1</v>
      </c>
      <c r="Q18" s="244"/>
      <c r="R18" s="71">
        <v>0</v>
      </c>
      <c r="S18" s="71">
        <v>1</v>
      </c>
      <c r="T18" s="71">
        <v>0</v>
      </c>
      <c r="U18" s="71">
        <v>2</v>
      </c>
      <c r="V18" s="71">
        <v>0</v>
      </c>
      <c r="W18" s="72">
        <v>3</v>
      </c>
      <c r="X18" s="73">
        <v>4</v>
      </c>
      <c r="Y18" s="70">
        <v>2</v>
      </c>
      <c r="Z18" s="71">
        <v>2</v>
      </c>
      <c r="AA18" s="72">
        <v>4</v>
      </c>
      <c r="AB18" s="244"/>
      <c r="AC18" s="71">
        <v>3</v>
      </c>
      <c r="AD18" s="71">
        <v>0</v>
      </c>
      <c r="AE18" s="71">
        <v>1</v>
      </c>
      <c r="AF18" s="71">
        <v>3</v>
      </c>
      <c r="AG18" s="71">
        <v>2</v>
      </c>
      <c r="AH18" s="72">
        <v>9</v>
      </c>
      <c r="AI18" s="73">
        <v>13</v>
      </c>
      <c r="AJ18" s="70">
        <v>4</v>
      </c>
      <c r="AK18" s="71">
        <v>1</v>
      </c>
      <c r="AL18" s="72">
        <v>5</v>
      </c>
      <c r="AM18" s="244"/>
      <c r="AN18" s="71">
        <v>7</v>
      </c>
      <c r="AO18" s="71">
        <v>3</v>
      </c>
      <c r="AP18" s="71">
        <v>0</v>
      </c>
      <c r="AQ18" s="71">
        <v>0</v>
      </c>
      <c r="AR18" s="71">
        <v>1</v>
      </c>
      <c r="AS18" s="72">
        <v>11</v>
      </c>
      <c r="AT18" s="73">
        <v>16</v>
      </c>
      <c r="AU18" s="70">
        <v>5</v>
      </c>
      <c r="AV18" s="71">
        <v>3</v>
      </c>
      <c r="AW18" s="72">
        <v>8</v>
      </c>
      <c r="AX18" s="244"/>
      <c r="AY18" s="71">
        <v>6</v>
      </c>
      <c r="AZ18" s="71">
        <v>6</v>
      </c>
      <c r="BA18" s="71">
        <v>4</v>
      </c>
      <c r="BB18" s="71">
        <v>5</v>
      </c>
      <c r="BC18" s="71">
        <v>1</v>
      </c>
      <c r="BD18" s="72">
        <v>22</v>
      </c>
      <c r="BE18" s="73">
        <v>30</v>
      </c>
      <c r="BF18" s="70">
        <v>4</v>
      </c>
      <c r="BG18" s="71">
        <v>9</v>
      </c>
      <c r="BH18" s="72">
        <v>13</v>
      </c>
      <c r="BI18" s="244"/>
      <c r="BJ18" s="71">
        <v>6</v>
      </c>
      <c r="BK18" s="71">
        <v>3</v>
      </c>
      <c r="BL18" s="71">
        <v>4</v>
      </c>
      <c r="BM18" s="71">
        <v>5</v>
      </c>
      <c r="BN18" s="71">
        <v>2</v>
      </c>
      <c r="BO18" s="72">
        <v>20</v>
      </c>
      <c r="BP18" s="73">
        <v>33</v>
      </c>
      <c r="BQ18" s="70">
        <v>5</v>
      </c>
      <c r="BR18" s="71">
        <v>8</v>
      </c>
      <c r="BS18" s="72">
        <v>13</v>
      </c>
      <c r="BT18" s="244"/>
      <c r="BU18" s="71">
        <v>11</v>
      </c>
      <c r="BV18" s="71">
        <v>11</v>
      </c>
      <c r="BW18" s="71">
        <v>15</v>
      </c>
      <c r="BX18" s="71">
        <v>10</v>
      </c>
      <c r="BY18" s="71">
        <v>1</v>
      </c>
      <c r="BZ18" s="72">
        <v>48</v>
      </c>
      <c r="CA18" s="73">
        <v>61</v>
      </c>
      <c r="CB18" s="70">
        <v>0</v>
      </c>
      <c r="CC18" s="71">
        <v>0</v>
      </c>
      <c r="CD18" s="72">
        <v>0</v>
      </c>
      <c r="CE18" s="244"/>
      <c r="CF18" s="71">
        <v>0</v>
      </c>
      <c r="CG18" s="71">
        <v>0</v>
      </c>
      <c r="CH18" s="71">
        <v>0</v>
      </c>
      <c r="CI18" s="71">
        <v>0</v>
      </c>
      <c r="CJ18" s="71">
        <v>0</v>
      </c>
      <c r="CK18" s="72">
        <v>0</v>
      </c>
      <c r="CL18" s="73">
        <v>0</v>
      </c>
      <c r="CM18" s="70">
        <v>21</v>
      </c>
      <c r="CN18" s="71">
        <v>23</v>
      </c>
      <c r="CO18" s="72">
        <v>44</v>
      </c>
      <c r="CP18" s="244"/>
      <c r="CQ18" s="71">
        <v>33</v>
      </c>
      <c r="CR18" s="71">
        <v>24</v>
      </c>
      <c r="CS18" s="71">
        <v>24</v>
      </c>
      <c r="CT18" s="71">
        <v>25</v>
      </c>
      <c r="CU18" s="71">
        <v>7</v>
      </c>
      <c r="CV18" s="72">
        <v>113</v>
      </c>
      <c r="CW18" s="73">
        <v>157</v>
      </c>
      <c r="CX18" s="123">
        <v>2</v>
      </c>
      <c r="CY18" s="82">
        <v>2</v>
      </c>
      <c r="CZ18" s="83">
        <v>4</v>
      </c>
      <c r="DA18" s="241"/>
      <c r="DB18" s="82">
        <v>1</v>
      </c>
      <c r="DC18" s="82">
        <v>9</v>
      </c>
      <c r="DD18" s="82">
        <v>2</v>
      </c>
      <c r="DE18" s="82">
        <v>2</v>
      </c>
      <c r="DF18" s="82">
        <v>3</v>
      </c>
      <c r="DG18" s="84">
        <v>17</v>
      </c>
      <c r="DH18" s="85">
        <v>21</v>
      </c>
      <c r="DI18" s="70">
        <v>0</v>
      </c>
      <c r="DJ18" s="71">
        <v>0</v>
      </c>
      <c r="DK18" s="72">
        <v>0</v>
      </c>
      <c r="DL18" s="244"/>
      <c r="DM18" s="71">
        <v>0</v>
      </c>
      <c r="DN18" s="71">
        <v>0</v>
      </c>
      <c r="DO18" s="71">
        <v>0</v>
      </c>
      <c r="DP18" s="71">
        <v>0</v>
      </c>
      <c r="DQ18" s="71">
        <v>0</v>
      </c>
      <c r="DR18" s="72">
        <v>0</v>
      </c>
      <c r="DS18" s="73">
        <v>0</v>
      </c>
      <c r="DT18" s="70">
        <v>0</v>
      </c>
      <c r="DU18" s="71">
        <v>0</v>
      </c>
      <c r="DV18" s="72">
        <v>0</v>
      </c>
      <c r="DW18" s="244"/>
      <c r="DX18" s="71">
        <v>0</v>
      </c>
      <c r="DY18" s="71">
        <v>1</v>
      </c>
      <c r="DZ18" s="71">
        <v>0</v>
      </c>
      <c r="EA18" s="71">
        <v>0</v>
      </c>
      <c r="EB18" s="71">
        <v>0</v>
      </c>
      <c r="EC18" s="72">
        <v>1</v>
      </c>
      <c r="ED18" s="73">
        <v>1</v>
      </c>
      <c r="EE18" s="70">
        <v>0</v>
      </c>
      <c r="EF18" s="71">
        <v>0</v>
      </c>
      <c r="EG18" s="72">
        <v>0</v>
      </c>
      <c r="EH18" s="244"/>
      <c r="EI18" s="71">
        <v>0</v>
      </c>
      <c r="EJ18" s="71">
        <v>0</v>
      </c>
      <c r="EK18" s="71">
        <v>0</v>
      </c>
      <c r="EL18" s="71">
        <v>0</v>
      </c>
      <c r="EM18" s="71">
        <v>0</v>
      </c>
      <c r="EN18" s="72">
        <v>0</v>
      </c>
      <c r="EO18" s="73">
        <v>0</v>
      </c>
      <c r="EP18" s="70">
        <v>0</v>
      </c>
      <c r="EQ18" s="71">
        <v>0</v>
      </c>
      <c r="ER18" s="72">
        <v>0</v>
      </c>
      <c r="ES18" s="244"/>
      <c r="ET18" s="71">
        <v>0</v>
      </c>
      <c r="EU18" s="71">
        <v>1</v>
      </c>
      <c r="EV18" s="71">
        <v>0</v>
      </c>
      <c r="EW18" s="71">
        <v>0</v>
      </c>
      <c r="EX18" s="71">
        <v>0</v>
      </c>
      <c r="EY18" s="72">
        <v>1</v>
      </c>
      <c r="EZ18" s="73">
        <v>1</v>
      </c>
      <c r="FA18" s="70">
        <v>0</v>
      </c>
      <c r="FB18" s="71">
        <v>0</v>
      </c>
      <c r="FC18" s="72">
        <v>0</v>
      </c>
      <c r="FD18" s="244"/>
      <c r="FE18" s="71">
        <v>0</v>
      </c>
      <c r="FF18" s="71">
        <v>0</v>
      </c>
      <c r="FG18" s="71">
        <v>1</v>
      </c>
      <c r="FH18" s="71">
        <v>0</v>
      </c>
      <c r="FI18" s="71">
        <v>1</v>
      </c>
      <c r="FJ18" s="72">
        <v>2</v>
      </c>
      <c r="FK18" s="73">
        <v>2</v>
      </c>
      <c r="FL18" s="70">
        <v>2</v>
      </c>
      <c r="FM18" s="71">
        <v>2</v>
      </c>
      <c r="FN18" s="72">
        <v>4</v>
      </c>
      <c r="FO18" s="244"/>
      <c r="FP18" s="71">
        <v>1</v>
      </c>
      <c r="FQ18" s="71">
        <v>7</v>
      </c>
      <c r="FR18" s="71">
        <v>1</v>
      </c>
      <c r="FS18" s="71">
        <v>2</v>
      </c>
      <c r="FT18" s="71">
        <v>2</v>
      </c>
      <c r="FU18" s="72">
        <v>13</v>
      </c>
      <c r="FV18" s="73">
        <v>17</v>
      </c>
      <c r="FW18" s="70">
        <v>0</v>
      </c>
      <c r="FX18" s="71">
        <v>0</v>
      </c>
      <c r="FY18" s="72">
        <v>0</v>
      </c>
      <c r="FZ18" s="244"/>
      <c r="GA18" s="71">
        <v>0</v>
      </c>
      <c r="GB18" s="71">
        <v>0</v>
      </c>
      <c r="GC18" s="71">
        <v>0</v>
      </c>
      <c r="GD18" s="71">
        <v>0</v>
      </c>
      <c r="GE18" s="71">
        <v>0</v>
      </c>
      <c r="GF18" s="72">
        <v>0</v>
      </c>
      <c r="GG18" s="73">
        <v>0</v>
      </c>
      <c r="GH18" s="70">
        <v>2</v>
      </c>
      <c r="GI18" s="71">
        <v>2</v>
      </c>
      <c r="GJ18" s="72">
        <v>4</v>
      </c>
      <c r="GK18" s="244"/>
      <c r="GL18" s="71">
        <v>1</v>
      </c>
      <c r="GM18" s="71">
        <v>9</v>
      </c>
      <c r="GN18" s="71">
        <v>2</v>
      </c>
      <c r="GO18" s="71">
        <v>2</v>
      </c>
      <c r="GP18" s="71">
        <v>3</v>
      </c>
      <c r="GQ18" s="72">
        <v>17</v>
      </c>
      <c r="GR18" s="73">
        <v>21</v>
      </c>
      <c r="GS18" s="123">
        <v>23</v>
      </c>
      <c r="GT18" s="82">
        <v>25</v>
      </c>
      <c r="GU18" s="83">
        <v>48</v>
      </c>
      <c r="GV18" s="241"/>
      <c r="GW18" s="82">
        <v>34</v>
      </c>
      <c r="GX18" s="82">
        <v>33</v>
      </c>
      <c r="GY18" s="82">
        <v>26</v>
      </c>
      <c r="GZ18" s="82">
        <v>27</v>
      </c>
      <c r="HA18" s="82">
        <v>10</v>
      </c>
      <c r="HB18" s="84">
        <v>130</v>
      </c>
      <c r="HC18" s="85">
        <v>178</v>
      </c>
      <c r="HD18" s="70">
        <v>1</v>
      </c>
      <c r="HE18" s="71">
        <v>0</v>
      </c>
      <c r="HF18" s="72">
        <v>1</v>
      </c>
      <c r="HG18" s="244"/>
      <c r="HH18" s="71">
        <v>0</v>
      </c>
      <c r="HI18" s="71">
        <v>1</v>
      </c>
      <c r="HJ18" s="71">
        <v>0</v>
      </c>
      <c r="HK18" s="71">
        <v>2</v>
      </c>
      <c r="HL18" s="71">
        <v>0</v>
      </c>
      <c r="HM18" s="72">
        <v>3</v>
      </c>
      <c r="HN18" s="73">
        <v>4</v>
      </c>
      <c r="HO18" s="70">
        <v>2</v>
      </c>
      <c r="HP18" s="71">
        <v>2</v>
      </c>
      <c r="HQ18" s="72">
        <v>4</v>
      </c>
      <c r="HR18" s="244"/>
      <c r="HS18" s="71">
        <v>3</v>
      </c>
      <c r="HT18" s="71">
        <v>1</v>
      </c>
      <c r="HU18" s="71">
        <v>1</v>
      </c>
      <c r="HV18" s="71">
        <v>3</v>
      </c>
      <c r="HW18" s="71">
        <v>2</v>
      </c>
      <c r="HX18" s="72">
        <v>10</v>
      </c>
      <c r="HY18" s="73">
        <v>14</v>
      </c>
      <c r="HZ18" s="70">
        <v>4</v>
      </c>
      <c r="IA18" s="71">
        <v>1</v>
      </c>
      <c r="IB18" s="72">
        <v>5</v>
      </c>
      <c r="IC18" s="244"/>
      <c r="ID18" s="71">
        <v>7</v>
      </c>
      <c r="IE18" s="71">
        <v>3</v>
      </c>
      <c r="IF18" s="71">
        <v>0</v>
      </c>
      <c r="IG18" s="71">
        <v>0</v>
      </c>
      <c r="IH18" s="71">
        <v>1</v>
      </c>
      <c r="II18" s="72">
        <v>11</v>
      </c>
      <c r="IJ18" s="73">
        <v>16</v>
      </c>
      <c r="IK18" s="70">
        <v>5</v>
      </c>
      <c r="IL18" s="71">
        <v>3</v>
      </c>
      <c r="IM18" s="72">
        <v>8</v>
      </c>
      <c r="IN18" s="244"/>
      <c r="IO18" s="71">
        <v>6</v>
      </c>
      <c r="IP18" s="71">
        <v>7</v>
      </c>
      <c r="IQ18" s="71">
        <v>4</v>
      </c>
      <c r="IR18" s="71">
        <v>5</v>
      </c>
      <c r="IS18" s="71">
        <v>1</v>
      </c>
      <c r="IT18" s="72">
        <v>23</v>
      </c>
      <c r="IU18" s="73">
        <v>31</v>
      </c>
      <c r="IV18" s="70">
        <v>4</v>
      </c>
      <c r="IW18" s="71">
        <v>9</v>
      </c>
      <c r="IX18" s="72">
        <v>13</v>
      </c>
      <c r="IY18" s="244"/>
      <c r="IZ18" s="71">
        <v>6</v>
      </c>
      <c r="JA18" s="71">
        <v>3</v>
      </c>
      <c r="JB18" s="71">
        <v>5</v>
      </c>
      <c r="JC18" s="71">
        <v>5</v>
      </c>
      <c r="JD18" s="71">
        <v>3</v>
      </c>
      <c r="JE18" s="72">
        <v>22</v>
      </c>
      <c r="JF18" s="73">
        <v>35</v>
      </c>
      <c r="JG18" s="70">
        <v>7</v>
      </c>
      <c r="JH18" s="71">
        <v>10</v>
      </c>
      <c r="JI18" s="72">
        <v>17</v>
      </c>
      <c r="JJ18" s="244"/>
      <c r="JK18" s="71">
        <v>12</v>
      </c>
      <c r="JL18" s="71">
        <v>18</v>
      </c>
      <c r="JM18" s="71">
        <v>16</v>
      </c>
      <c r="JN18" s="71">
        <v>12</v>
      </c>
      <c r="JO18" s="71">
        <v>3</v>
      </c>
      <c r="JP18" s="72">
        <v>61</v>
      </c>
      <c r="JQ18" s="73">
        <v>78</v>
      </c>
      <c r="JR18" s="70">
        <v>0</v>
      </c>
      <c r="JS18" s="71">
        <v>0</v>
      </c>
      <c r="JT18" s="72">
        <v>0</v>
      </c>
      <c r="JU18" s="244"/>
      <c r="JV18" s="71">
        <v>0</v>
      </c>
      <c r="JW18" s="71">
        <v>0</v>
      </c>
      <c r="JX18" s="71">
        <v>0</v>
      </c>
      <c r="JY18" s="71">
        <v>0</v>
      </c>
      <c r="JZ18" s="71">
        <v>0</v>
      </c>
      <c r="KA18" s="72">
        <v>0</v>
      </c>
      <c r="KB18" s="73">
        <v>0</v>
      </c>
      <c r="KC18" s="70">
        <v>23</v>
      </c>
      <c r="KD18" s="71">
        <v>25</v>
      </c>
      <c r="KE18" s="72">
        <v>48</v>
      </c>
      <c r="KF18" s="244"/>
      <c r="KG18" s="71">
        <v>34</v>
      </c>
      <c r="KH18" s="71">
        <v>33</v>
      </c>
      <c r="KI18" s="71">
        <v>26</v>
      </c>
      <c r="KJ18" s="71">
        <v>27</v>
      </c>
      <c r="KK18" s="71">
        <v>10</v>
      </c>
      <c r="KL18" s="72">
        <v>130</v>
      </c>
      <c r="KM18" s="73">
        <v>178</v>
      </c>
    </row>
    <row r="19" spans="2:299" ht="19.8" customHeight="1" x14ac:dyDescent="0.2">
      <c r="B19" s="126" t="s">
        <v>16</v>
      </c>
      <c r="C19" s="316">
        <v>39</v>
      </c>
      <c r="D19" s="82">
        <v>41</v>
      </c>
      <c r="E19" s="83">
        <v>80</v>
      </c>
      <c r="F19" s="241"/>
      <c r="G19" s="82">
        <v>83</v>
      </c>
      <c r="H19" s="82">
        <v>91</v>
      </c>
      <c r="I19" s="82">
        <v>50</v>
      </c>
      <c r="J19" s="82">
        <v>44</v>
      </c>
      <c r="K19" s="82">
        <v>24</v>
      </c>
      <c r="L19" s="84">
        <v>292</v>
      </c>
      <c r="M19" s="85">
        <v>372</v>
      </c>
      <c r="N19" s="70">
        <v>0</v>
      </c>
      <c r="O19" s="71">
        <v>3</v>
      </c>
      <c r="P19" s="72">
        <v>3</v>
      </c>
      <c r="Q19" s="244"/>
      <c r="R19" s="71">
        <v>4</v>
      </c>
      <c r="S19" s="71">
        <v>2</v>
      </c>
      <c r="T19" s="71">
        <v>0</v>
      </c>
      <c r="U19" s="71">
        <v>1</v>
      </c>
      <c r="V19" s="71">
        <v>0</v>
      </c>
      <c r="W19" s="72">
        <v>7</v>
      </c>
      <c r="X19" s="73">
        <v>10</v>
      </c>
      <c r="Y19" s="70">
        <v>6</v>
      </c>
      <c r="Z19" s="71">
        <v>4</v>
      </c>
      <c r="AA19" s="72">
        <v>10</v>
      </c>
      <c r="AB19" s="244"/>
      <c r="AC19" s="71">
        <v>2</v>
      </c>
      <c r="AD19" s="71">
        <v>6</v>
      </c>
      <c r="AE19" s="71">
        <v>6</v>
      </c>
      <c r="AF19" s="71">
        <v>1</v>
      </c>
      <c r="AG19" s="71">
        <v>1</v>
      </c>
      <c r="AH19" s="72">
        <v>16</v>
      </c>
      <c r="AI19" s="73">
        <v>26</v>
      </c>
      <c r="AJ19" s="70">
        <v>5</v>
      </c>
      <c r="AK19" s="71">
        <v>3</v>
      </c>
      <c r="AL19" s="72">
        <v>8</v>
      </c>
      <c r="AM19" s="244"/>
      <c r="AN19" s="71">
        <v>11</v>
      </c>
      <c r="AO19" s="71">
        <v>5</v>
      </c>
      <c r="AP19" s="71">
        <v>3</v>
      </c>
      <c r="AQ19" s="71">
        <v>5</v>
      </c>
      <c r="AR19" s="71">
        <v>2</v>
      </c>
      <c r="AS19" s="72">
        <v>26</v>
      </c>
      <c r="AT19" s="73">
        <v>34</v>
      </c>
      <c r="AU19" s="70">
        <v>7</v>
      </c>
      <c r="AV19" s="71">
        <v>5</v>
      </c>
      <c r="AW19" s="72">
        <v>12</v>
      </c>
      <c r="AX19" s="244"/>
      <c r="AY19" s="71">
        <v>21</v>
      </c>
      <c r="AZ19" s="71">
        <v>26</v>
      </c>
      <c r="BA19" s="71">
        <v>9</v>
      </c>
      <c r="BB19" s="71">
        <v>5</v>
      </c>
      <c r="BC19" s="71">
        <v>8</v>
      </c>
      <c r="BD19" s="72">
        <v>69</v>
      </c>
      <c r="BE19" s="73">
        <v>81</v>
      </c>
      <c r="BF19" s="70">
        <v>13</v>
      </c>
      <c r="BG19" s="71">
        <v>12</v>
      </c>
      <c r="BH19" s="72">
        <v>25</v>
      </c>
      <c r="BI19" s="244"/>
      <c r="BJ19" s="71">
        <v>18</v>
      </c>
      <c r="BK19" s="71">
        <v>26</v>
      </c>
      <c r="BL19" s="71">
        <v>15</v>
      </c>
      <c r="BM19" s="71">
        <v>10</v>
      </c>
      <c r="BN19" s="71">
        <v>9</v>
      </c>
      <c r="BO19" s="72">
        <v>78</v>
      </c>
      <c r="BP19" s="73">
        <v>103</v>
      </c>
      <c r="BQ19" s="70">
        <v>8</v>
      </c>
      <c r="BR19" s="71">
        <v>14</v>
      </c>
      <c r="BS19" s="72">
        <v>22</v>
      </c>
      <c r="BT19" s="244"/>
      <c r="BU19" s="71">
        <v>27</v>
      </c>
      <c r="BV19" s="71">
        <v>26</v>
      </c>
      <c r="BW19" s="71">
        <v>17</v>
      </c>
      <c r="BX19" s="71">
        <v>22</v>
      </c>
      <c r="BY19" s="71">
        <v>4</v>
      </c>
      <c r="BZ19" s="72">
        <v>96</v>
      </c>
      <c r="CA19" s="73">
        <v>118</v>
      </c>
      <c r="CB19" s="70">
        <v>0</v>
      </c>
      <c r="CC19" s="71">
        <v>0</v>
      </c>
      <c r="CD19" s="72">
        <v>0</v>
      </c>
      <c r="CE19" s="244"/>
      <c r="CF19" s="71">
        <v>0</v>
      </c>
      <c r="CG19" s="71">
        <v>0</v>
      </c>
      <c r="CH19" s="71">
        <v>0</v>
      </c>
      <c r="CI19" s="71">
        <v>0</v>
      </c>
      <c r="CJ19" s="71">
        <v>0</v>
      </c>
      <c r="CK19" s="72">
        <v>0</v>
      </c>
      <c r="CL19" s="73">
        <v>0</v>
      </c>
      <c r="CM19" s="70">
        <v>39</v>
      </c>
      <c r="CN19" s="71">
        <v>41</v>
      </c>
      <c r="CO19" s="72">
        <v>80</v>
      </c>
      <c r="CP19" s="244"/>
      <c r="CQ19" s="71">
        <v>83</v>
      </c>
      <c r="CR19" s="71">
        <v>91</v>
      </c>
      <c r="CS19" s="71">
        <v>50</v>
      </c>
      <c r="CT19" s="71">
        <v>44</v>
      </c>
      <c r="CU19" s="71">
        <v>24</v>
      </c>
      <c r="CV19" s="72">
        <v>292</v>
      </c>
      <c r="CW19" s="73">
        <v>372</v>
      </c>
      <c r="CX19" s="123">
        <v>3</v>
      </c>
      <c r="CY19" s="82">
        <v>7</v>
      </c>
      <c r="CZ19" s="83">
        <v>10</v>
      </c>
      <c r="DA19" s="241"/>
      <c r="DB19" s="82">
        <v>12</v>
      </c>
      <c r="DC19" s="82">
        <v>21</v>
      </c>
      <c r="DD19" s="82">
        <v>8</v>
      </c>
      <c r="DE19" s="82">
        <v>9</v>
      </c>
      <c r="DF19" s="82">
        <v>8</v>
      </c>
      <c r="DG19" s="84">
        <v>58</v>
      </c>
      <c r="DH19" s="85">
        <v>68</v>
      </c>
      <c r="DI19" s="70">
        <v>0</v>
      </c>
      <c r="DJ19" s="71">
        <v>0</v>
      </c>
      <c r="DK19" s="72">
        <v>0</v>
      </c>
      <c r="DL19" s="244"/>
      <c r="DM19" s="71">
        <v>1</v>
      </c>
      <c r="DN19" s="71">
        <v>0</v>
      </c>
      <c r="DO19" s="71">
        <v>0</v>
      </c>
      <c r="DP19" s="71">
        <v>0</v>
      </c>
      <c r="DQ19" s="71">
        <v>0</v>
      </c>
      <c r="DR19" s="72">
        <v>1</v>
      </c>
      <c r="DS19" s="73">
        <v>1</v>
      </c>
      <c r="DT19" s="70">
        <v>0</v>
      </c>
      <c r="DU19" s="71">
        <v>2</v>
      </c>
      <c r="DV19" s="72">
        <v>2</v>
      </c>
      <c r="DW19" s="244"/>
      <c r="DX19" s="71">
        <v>3</v>
      </c>
      <c r="DY19" s="71">
        <v>1</v>
      </c>
      <c r="DZ19" s="71">
        <v>0</v>
      </c>
      <c r="EA19" s="71">
        <v>1</v>
      </c>
      <c r="EB19" s="71">
        <v>0</v>
      </c>
      <c r="EC19" s="72">
        <v>5</v>
      </c>
      <c r="ED19" s="73">
        <v>7</v>
      </c>
      <c r="EE19" s="70">
        <v>1</v>
      </c>
      <c r="EF19" s="71">
        <v>0</v>
      </c>
      <c r="EG19" s="72">
        <v>1</v>
      </c>
      <c r="EH19" s="244"/>
      <c r="EI19" s="71">
        <v>0</v>
      </c>
      <c r="EJ19" s="71">
        <v>1</v>
      </c>
      <c r="EK19" s="71">
        <v>0</v>
      </c>
      <c r="EL19" s="71">
        <v>0</v>
      </c>
      <c r="EM19" s="71">
        <v>0</v>
      </c>
      <c r="EN19" s="72">
        <v>1</v>
      </c>
      <c r="EO19" s="73">
        <v>2</v>
      </c>
      <c r="EP19" s="70">
        <v>0</v>
      </c>
      <c r="EQ19" s="71">
        <v>2</v>
      </c>
      <c r="ER19" s="72">
        <v>2</v>
      </c>
      <c r="ES19" s="244"/>
      <c r="ET19" s="71">
        <v>2</v>
      </c>
      <c r="EU19" s="71">
        <v>7</v>
      </c>
      <c r="EV19" s="71">
        <v>0</v>
      </c>
      <c r="EW19" s="71">
        <v>0</v>
      </c>
      <c r="EX19" s="71">
        <v>0</v>
      </c>
      <c r="EY19" s="72">
        <v>9</v>
      </c>
      <c r="EZ19" s="73">
        <v>11</v>
      </c>
      <c r="FA19" s="70">
        <v>2</v>
      </c>
      <c r="FB19" s="71">
        <v>1</v>
      </c>
      <c r="FC19" s="72">
        <v>3</v>
      </c>
      <c r="FD19" s="244"/>
      <c r="FE19" s="71">
        <v>0</v>
      </c>
      <c r="FF19" s="71">
        <v>4</v>
      </c>
      <c r="FG19" s="71">
        <v>3</v>
      </c>
      <c r="FH19" s="71">
        <v>1</v>
      </c>
      <c r="FI19" s="71">
        <v>3</v>
      </c>
      <c r="FJ19" s="72">
        <v>11</v>
      </c>
      <c r="FK19" s="73">
        <v>14</v>
      </c>
      <c r="FL19" s="70">
        <v>0</v>
      </c>
      <c r="FM19" s="71">
        <v>2</v>
      </c>
      <c r="FN19" s="72">
        <v>2</v>
      </c>
      <c r="FO19" s="244"/>
      <c r="FP19" s="71">
        <v>6</v>
      </c>
      <c r="FQ19" s="71">
        <v>8</v>
      </c>
      <c r="FR19" s="71">
        <v>5</v>
      </c>
      <c r="FS19" s="71">
        <v>7</v>
      </c>
      <c r="FT19" s="71">
        <v>5</v>
      </c>
      <c r="FU19" s="72">
        <v>31</v>
      </c>
      <c r="FV19" s="73">
        <v>33</v>
      </c>
      <c r="FW19" s="70">
        <v>0</v>
      </c>
      <c r="FX19" s="71">
        <v>0</v>
      </c>
      <c r="FY19" s="72">
        <v>0</v>
      </c>
      <c r="FZ19" s="244"/>
      <c r="GA19" s="71">
        <v>0</v>
      </c>
      <c r="GB19" s="71">
        <v>0</v>
      </c>
      <c r="GC19" s="71">
        <v>0</v>
      </c>
      <c r="GD19" s="71">
        <v>0</v>
      </c>
      <c r="GE19" s="71">
        <v>0</v>
      </c>
      <c r="GF19" s="72">
        <v>0</v>
      </c>
      <c r="GG19" s="73">
        <v>0</v>
      </c>
      <c r="GH19" s="70">
        <v>3</v>
      </c>
      <c r="GI19" s="71">
        <v>7</v>
      </c>
      <c r="GJ19" s="72">
        <v>10</v>
      </c>
      <c r="GK19" s="244"/>
      <c r="GL19" s="71">
        <v>12</v>
      </c>
      <c r="GM19" s="71">
        <v>21</v>
      </c>
      <c r="GN19" s="71">
        <v>8</v>
      </c>
      <c r="GO19" s="71">
        <v>9</v>
      </c>
      <c r="GP19" s="71">
        <v>8</v>
      </c>
      <c r="GQ19" s="72">
        <v>58</v>
      </c>
      <c r="GR19" s="73">
        <v>68</v>
      </c>
      <c r="GS19" s="123">
        <v>42</v>
      </c>
      <c r="GT19" s="82">
        <v>48</v>
      </c>
      <c r="GU19" s="83">
        <v>90</v>
      </c>
      <c r="GV19" s="241"/>
      <c r="GW19" s="82">
        <v>95</v>
      </c>
      <c r="GX19" s="82">
        <v>112</v>
      </c>
      <c r="GY19" s="82">
        <v>58</v>
      </c>
      <c r="GZ19" s="82">
        <v>53</v>
      </c>
      <c r="HA19" s="82">
        <v>32</v>
      </c>
      <c r="HB19" s="84">
        <v>350</v>
      </c>
      <c r="HC19" s="85">
        <v>440</v>
      </c>
      <c r="HD19" s="70">
        <v>0</v>
      </c>
      <c r="HE19" s="71">
        <v>3</v>
      </c>
      <c r="HF19" s="72">
        <v>3</v>
      </c>
      <c r="HG19" s="244"/>
      <c r="HH19" s="71">
        <v>5</v>
      </c>
      <c r="HI19" s="71">
        <v>2</v>
      </c>
      <c r="HJ19" s="71">
        <v>0</v>
      </c>
      <c r="HK19" s="71">
        <v>1</v>
      </c>
      <c r="HL19" s="71">
        <v>0</v>
      </c>
      <c r="HM19" s="72">
        <v>8</v>
      </c>
      <c r="HN19" s="73">
        <v>11</v>
      </c>
      <c r="HO19" s="70">
        <v>6</v>
      </c>
      <c r="HP19" s="71">
        <v>6</v>
      </c>
      <c r="HQ19" s="72">
        <v>12</v>
      </c>
      <c r="HR19" s="244"/>
      <c r="HS19" s="71">
        <v>5</v>
      </c>
      <c r="HT19" s="71">
        <v>7</v>
      </c>
      <c r="HU19" s="71">
        <v>6</v>
      </c>
      <c r="HV19" s="71">
        <v>2</v>
      </c>
      <c r="HW19" s="71">
        <v>1</v>
      </c>
      <c r="HX19" s="72">
        <v>21</v>
      </c>
      <c r="HY19" s="73">
        <v>33</v>
      </c>
      <c r="HZ19" s="70">
        <v>6</v>
      </c>
      <c r="IA19" s="71">
        <v>3</v>
      </c>
      <c r="IB19" s="72">
        <v>9</v>
      </c>
      <c r="IC19" s="244"/>
      <c r="ID19" s="71">
        <v>11</v>
      </c>
      <c r="IE19" s="71">
        <v>6</v>
      </c>
      <c r="IF19" s="71">
        <v>3</v>
      </c>
      <c r="IG19" s="71">
        <v>5</v>
      </c>
      <c r="IH19" s="71">
        <v>2</v>
      </c>
      <c r="II19" s="72">
        <v>27</v>
      </c>
      <c r="IJ19" s="73">
        <v>36</v>
      </c>
      <c r="IK19" s="70">
        <v>7</v>
      </c>
      <c r="IL19" s="71">
        <v>7</v>
      </c>
      <c r="IM19" s="72">
        <v>14</v>
      </c>
      <c r="IN19" s="244"/>
      <c r="IO19" s="71">
        <v>23</v>
      </c>
      <c r="IP19" s="71">
        <v>33</v>
      </c>
      <c r="IQ19" s="71">
        <v>9</v>
      </c>
      <c r="IR19" s="71">
        <v>5</v>
      </c>
      <c r="IS19" s="71">
        <v>8</v>
      </c>
      <c r="IT19" s="72">
        <v>78</v>
      </c>
      <c r="IU19" s="73">
        <v>92</v>
      </c>
      <c r="IV19" s="70">
        <v>15</v>
      </c>
      <c r="IW19" s="71">
        <v>13</v>
      </c>
      <c r="IX19" s="72">
        <v>28</v>
      </c>
      <c r="IY19" s="244"/>
      <c r="IZ19" s="71">
        <v>18</v>
      </c>
      <c r="JA19" s="71">
        <v>30</v>
      </c>
      <c r="JB19" s="71">
        <v>18</v>
      </c>
      <c r="JC19" s="71">
        <v>11</v>
      </c>
      <c r="JD19" s="71">
        <v>12</v>
      </c>
      <c r="JE19" s="72">
        <v>89</v>
      </c>
      <c r="JF19" s="73">
        <v>117</v>
      </c>
      <c r="JG19" s="70">
        <v>8</v>
      </c>
      <c r="JH19" s="71">
        <v>16</v>
      </c>
      <c r="JI19" s="72">
        <v>24</v>
      </c>
      <c r="JJ19" s="244"/>
      <c r="JK19" s="71">
        <v>33</v>
      </c>
      <c r="JL19" s="71">
        <v>34</v>
      </c>
      <c r="JM19" s="71">
        <v>22</v>
      </c>
      <c r="JN19" s="71">
        <v>29</v>
      </c>
      <c r="JO19" s="71">
        <v>9</v>
      </c>
      <c r="JP19" s="72">
        <v>127</v>
      </c>
      <c r="JQ19" s="73">
        <v>151</v>
      </c>
      <c r="JR19" s="70">
        <v>0</v>
      </c>
      <c r="JS19" s="71">
        <v>0</v>
      </c>
      <c r="JT19" s="72">
        <v>0</v>
      </c>
      <c r="JU19" s="244"/>
      <c r="JV19" s="71">
        <v>0</v>
      </c>
      <c r="JW19" s="71">
        <v>0</v>
      </c>
      <c r="JX19" s="71">
        <v>0</v>
      </c>
      <c r="JY19" s="71">
        <v>0</v>
      </c>
      <c r="JZ19" s="71">
        <v>0</v>
      </c>
      <c r="KA19" s="72">
        <v>0</v>
      </c>
      <c r="KB19" s="73">
        <v>0</v>
      </c>
      <c r="KC19" s="70">
        <v>42</v>
      </c>
      <c r="KD19" s="71">
        <v>48</v>
      </c>
      <c r="KE19" s="72">
        <v>90</v>
      </c>
      <c r="KF19" s="244"/>
      <c r="KG19" s="71">
        <v>95</v>
      </c>
      <c r="KH19" s="71">
        <v>112</v>
      </c>
      <c r="KI19" s="71">
        <v>58</v>
      </c>
      <c r="KJ19" s="71">
        <v>53</v>
      </c>
      <c r="KK19" s="71">
        <v>32</v>
      </c>
      <c r="KL19" s="72">
        <v>350</v>
      </c>
      <c r="KM19" s="73">
        <v>440</v>
      </c>
    </row>
    <row r="20" spans="2:299" ht="19.8" customHeight="1" x14ac:dyDescent="0.2">
      <c r="B20" s="126" t="s">
        <v>17</v>
      </c>
      <c r="C20" s="316">
        <v>63</v>
      </c>
      <c r="D20" s="82">
        <v>53</v>
      </c>
      <c r="E20" s="83">
        <v>116</v>
      </c>
      <c r="F20" s="241"/>
      <c r="G20" s="82">
        <v>105</v>
      </c>
      <c r="H20" s="82">
        <v>91</v>
      </c>
      <c r="I20" s="82">
        <v>72</v>
      </c>
      <c r="J20" s="82">
        <v>46</v>
      </c>
      <c r="K20" s="82">
        <v>36</v>
      </c>
      <c r="L20" s="84">
        <v>350</v>
      </c>
      <c r="M20" s="85">
        <v>466</v>
      </c>
      <c r="N20" s="70">
        <v>2</v>
      </c>
      <c r="O20" s="71">
        <v>0</v>
      </c>
      <c r="P20" s="72">
        <v>2</v>
      </c>
      <c r="Q20" s="244"/>
      <c r="R20" s="71">
        <v>0</v>
      </c>
      <c r="S20" s="71">
        <v>2</v>
      </c>
      <c r="T20" s="71">
        <v>7</v>
      </c>
      <c r="U20" s="71">
        <v>0</v>
      </c>
      <c r="V20" s="71">
        <v>2</v>
      </c>
      <c r="W20" s="72">
        <v>11</v>
      </c>
      <c r="X20" s="73">
        <v>13</v>
      </c>
      <c r="Y20" s="70">
        <v>2</v>
      </c>
      <c r="Z20" s="71">
        <v>2</v>
      </c>
      <c r="AA20" s="72">
        <v>4</v>
      </c>
      <c r="AB20" s="244"/>
      <c r="AC20" s="71">
        <v>3</v>
      </c>
      <c r="AD20" s="71">
        <v>5</v>
      </c>
      <c r="AE20" s="71">
        <v>5</v>
      </c>
      <c r="AF20" s="71">
        <v>2</v>
      </c>
      <c r="AG20" s="71">
        <v>1</v>
      </c>
      <c r="AH20" s="72">
        <v>16</v>
      </c>
      <c r="AI20" s="73">
        <v>20</v>
      </c>
      <c r="AJ20" s="70">
        <v>11</v>
      </c>
      <c r="AK20" s="71">
        <v>4</v>
      </c>
      <c r="AL20" s="72">
        <v>15</v>
      </c>
      <c r="AM20" s="244"/>
      <c r="AN20" s="71">
        <v>11</v>
      </c>
      <c r="AO20" s="71">
        <v>10</v>
      </c>
      <c r="AP20" s="71">
        <v>4</v>
      </c>
      <c r="AQ20" s="71">
        <v>6</v>
      </c>
      <c r="AR20" s="71">
        <v>2</v>
      </c>
      <c r="AS20" s="72">
        <v>33</v>
      </c>
      <c r="AT20" s="73">
        <v>48</v>
      </c>
      <c r="AU20" s="70">
        <v>11</v>
      </c>
      <c r="AV20" s="71">
        <v>15</v>
      </c>
      <c r="AW20" s="72">
        <v>26</v>
      </c>
      <c r="AX20" s="244"/>
      <c r="AY20" s="71">
        <v>32</v>
      </c>
      <c r="AZ20" s="71">
        <v>19</v>
      </c>
      <c r="BA20" s="71">
        <v>11</v>
      </c>
      <c r="BB20" s="71">
        <v>9</v>
      </c>
      <c r="BC20" s="71">
        <v>9</v>
      </c>
      <c r="BD20" s="72">
        <v>80</v>
      </c>
      <c r="BE20" s="73">
        <v>106</v>
      </c>
      <c r="BF20" s="70">
        <v>22</v>
      </c>
      <c r="BG20" s="71">
        <v>13</v>
      </c>
      <c r="BH20" s="72">
        <v>35</v>
      </c>
      <c r="BI20" s="244"/>
      <c r="BJ20" s="71">
        <v>31</v>
      </c>
      <c r="BK20" s="71">
        <v>37</v>
      </c>
      <c r="BL20" s="71">
        <v>23</v>
      </c>
      <c r="BM20" s="71">
        <v>16</v>
      </c>
      <c r="BN20" s="71">
        <v>13</v>
      </c>
      <c r="BO20" s="72">
        <v>120</v>
      </c>
      <c r="BP20" s="73">
        <v>155</v>
      </c>
      <c r="BQ20" s="70">
        <v>15</v>
      </c>
      <c r="BR20" s="71">
        <v>19</v>
      </c>
      <c r="BS20" s="72">
        <v>34</v>
      </c>
      <c r="BT20" s="244"/>
      <c r="BU20" s="71">
        <v>28</v>
      </c>
      <c r="BV20" s="71">
        <v>18</v>
      </c>
      <c r="BW20" s="71">
        <v>22</v>
      </c>
      <c r="BX20" s="71">
        <v>13</v>
      </c>
      <c r="BY20" s="71">
        <v>9</v>
      </c>
      <c r="BZ20" s="72">
        <v>90</v>
      </c>
      <c r="CA20" s="73">
        <v>124</v>
      </c>
      <c r="CB20" s="70">
        <v>0</v>
      </c>
      <c r="CC20" s="71">
        <v>0</v>
      </c>
      <c r="CD20" s="72">
        <v>0</v>
      </c>
      <c r="CE20" s="244"/>
      <c r="CF20" s="71">
        <v>0</v>
      </c>
      <c r="CG20" s="71">
        <v>0</v>
      </c>
      <c r="CH20" s="71">
        <v>0</v>
      </c>
      <c r="CI20" s="71">
        <v>0</v>
      </c>
      <c r="CJ20" s="71">
        <v>0</v>
      </c>
      <c r="CK20" s="72">
        <v>0</v>
      </c>
      <c r="CL20" s="73">
        <v>0</v>
      </c>
      <c r="CM20" s="70">
        <v>63</v>
      </c>
      <c r="CN20" s="71">
        <v>53</v>
      </c>
      <c r="CO20" s="72">
        <v>116</v>
      </c>
      <c r="CP20" s="244"/>
      <c r="CQ20" s="71">
        <v>105</v>
      </c>
      <c r="CR20" s="71">
        <v>91</v>
      </c>
      <c r="CS20" s="71">
        <v>72</v>
      </c>
      <c r="CT20" s="71">
        <v>46</v>
      </c>
      <c r="CU20" s="71">
        <v>36</v>
      </c>
      <c r="CV20" s="72">
        <v>350</v>
      </c>
      <c r="CW20" s="73">
        <v>466</v>
      </c>
      <c r="CX20" s="123">
        <v>11</v>
      </c>
      <c r="CY20" s="82">
        <v>5</v>
      </c>
      <c r="CZ20" s="83">
        <v>16</v>
      </c>
      <c r="DA20" s="241"/>
      <c r="DB20" s="82">
        <v>10</v>
      </c>
      <c r="DC20" s="82">
        <v>18</v>
      </c>
      <c r="DD20" s="82">
        <v>9</v>
      </c>
      <c r="DE20" s="82">
        <v>9</v>
      </c>
      <c r="DF20" s="82">
        <v>6</v>
      </c>
      <c r="DG20" s="84">
        <v>52</v>
      </c>
      <c r="DH20" s="85">
        <v>68</v>
      </c>
      <c r="DI20" s="70">
        <v>0</v>
      </c>
      <c r="DJ20" s="71">
        <v>0</v>
      </c>
      <c r="DK20" s="72">
        <v>0</v>
      </c>
      <c r="DL20" s="244"/>
      <c r="DM20" s="71">
        <v>0</v>
      </c>
      <c r="DN20" s="71">
        <v>0</v>
      </c>
      <c r="DO20" s="71">
        <v>1</v>
      </c>
      <c r="DP20" s="71">
        <v>0</v>
      </c>
      <c r="DQ20" s="71">
        <v>0</v>
      </c>
      <c r="DR20" s="72">
        <v>1</v>
      </c>
      <c r="DS20" s="73">
        <v>1</v>
      </c>
      <c r="DT20" s="70">
        <v>1</v>
      </c>
      <c r="DU20" s="71">
        <v>1</v>
      </c>
      <c r="DV20" s="72">
        <v>2</v>
      </c>
      <c r="DW20" s="244"/>
      <c r="DX20" s="71">
        <v>1</v>
      </c>
      <c r="DY20" s="71">
        <v>2</v>
      </c>
      <c r="DZ20" s="71">
        <v>1</v>
      </c>
      <c r="EA20" s="71">
        <v>0</v>
      </c>
      <c r="EB20" s="71">
        <v>1</v>
      </c>
      <c r="EC20" s="72">
        <v>5</v>
      </c>
      <c r="ED20" s="73">
        <v>7</v>
      </c>
      <c r="EE20" s="70">
        <v>1</v>
      </c>
      <c r="EF20" s="71">
        <v>0</v>
      </c>
      <c r="EG20" s="72">
        <v>1</v>
      </c>
      <c r="EH20" s="244"/>
      <c r="EI20" s="71">
        <v>1</v>
      </c>
      <c r="EJ20" s="71">
        <v>1</v>
      </c>
      <c r="EK20" s="71">
        <v>0</v>
      </c>
      <c r="EL20" s="71">
        <v>0</v>
      </c>
      <c r="EM20" s="71">
        <v>0</v>
      </c>
      <c r="EN20" s="72">
        <v>2</v>
      </c>
      <c r="EO20" s="73">
        <v>3</v>
      </c>
      <c r="EP20" s="70">
        <v>6</v>
      </c>
      <c r="EQ20" s="71">
        <v>2</v>
      </c>
      <c r="ER20" s="72">
        <v>8</v>
      </c>
      <c r="ES20" s="244"/>
      <c r="ET20" s="71">
        <v>3</v>
      </c>
      <c r="EU20" s="71">
        <v>4</v>
      </c>
      <c r="EV20" s="71">
        <v>3</v>
      </c>
      <c r="EW20" s="71">
        <v>2</v>
      </c>
      <c r="EX20" s="71">
        <v>2</v>
      </c>
      <c r="EY20" s="72">
        <v>14</v>
      </c>
      <c r="EZ20" s="73">
        <v>22</v>
      </c>
      <c r="FA20" s="70">
        <v>3</v>
      </c>
      <c r="FB20" s="71">
        <v>1</v>
      </c>
      <c r="FC20" s="72">
        <v>4</v>
      </c>
      <c r="FD20" s="244"/>
      <c r="FE20" s="71">
        <v>3</v>
      </c>
      <c r="FF20" s="71">
        <v>4</v>
      </c>
      <c r="FG20" s="71">
        <v>1</v>
      </c>
      <c r="FH20" s="71">
        <v>2</v>
      </c>
      <c r="FI20" s="71">
        <v>1</v>
      </c>
      <c r="FJ20" s="72">
        <v>11</v>
      </c>
      <c r="FK20" s="73">
        <v>15</v>
      </c>
      <c r="FL20" s="70">
        <v>0</v>
      </c>
      <c r="FM20" s="71">
        <v>1</v>
      </c>
      <c r="FN20" s="72">
        <v>1</v>
      </c>
      <c r="FO20" s="244"/>
      <c r="FP20" s="71">
        <v>2</v>
      </c>
      <c r="FQ20" s="71">
        <v>7</v>
      </c>
      <c r="FR20" s="71">
        <v>3</v>
      </c>
      <c r="FS20" s="71">
        <v>5</v>
      </c>
      <c r="FT20" s="71">
        <v>2</v>
      </c>
      <c r="FU20" s="72">
        <v>19</v>
      </c>
      <c r="FV20" s="73">
        <v>20</v>
      </c>
      <c r="FW20" s="70">
        <v>0</v>
      </c>
      <c r="FX20" s="71">
        <v>0</v>
      </c>
      <c r="FY20" s="72">
        <v>0</v>
      </c>
      <c r="FZ20" s="244"/>
      <c r="GA20" s="71">
        <v>0</v>
      </c>
      <c r="GB20" s="71">
        <v>0</v>
      </c>
      <c r="GC20" s="71">
        <v>0</v>
      </c>
      <c r="GD20" s="71">
        <v>0</v>
      </c>
      <c r="GE20" s="71">
        <v>0</v>
      </c>
      <c r="GF20" s="72">
        <v>0</v>
      </c>
      <c r="GG20" s="73">
        <v>0</v>
      </c>
      <c r="GH20" s="70">
        <v>11</v>
      </c>
      <c r="GI20" s="71">
        <v>5</v>
      </c>
      <c r="GJ20" s="72">
        <v>16</v>
      </c>
      <c r="GK20" s="244"/>
      <c r="GL20" s="71">
        <v>10</v>
      </c>
      <c r="GM20" s="71">
        <v>18</v>
      </c>
      <c r="GN20" s="71">
        <v>9</v>
      </c>
      <c r="GO20" s="71">
        <v>9</v>
      </c>
      <c r="GP20" s="71">
        <v>6</v>
      </c>
      <c r="GQ20" s="72">
        <v>52</v>
      </c>
      <c r="GR20" s="73">
        <v>68</v>
      </c>
      <c r="GS20" s="123">
        <v>74</v>
      </c>
      <c r="GT20" s="82">
        <v>58</v>
      </c>
      <c r="GU20" s="83">
        <v>132</v>
      </c>
      <c r="GV20" s="241"/>
      <c r="GW20" s="82">
        <v>115</v>
      </c>
      <c r="GX20" s="82">
        <v>109</v>
      </c>
      <c r="GY20" s="82">
        <v>81</v>
      </c>
      <c r="GZ20" s="82">
        <v>55</v>
      </c>
      <c r="HA20" s="82">
        <v>42</v>
      </c>
      <c r="HB20" s="84">
        <v>402</v>
      </c>
      <c r="HC20" s="85">
        <v>534</v>
      </c>
      <c r="HD20" s="70">
        <v>2</v>
      </c>
      <c r="HE20" s="71">
        <v>0</v>
      </c>
      <c r="HF20" s="72">
        <v>2</v>
      </c>
      <c r="HG20" s="244"/>
      <c r="HH20" s="71">
        <v>0</v>
      </c>
      <c r="HI20" s="71">
        <v>2</v>
      </c>
      <c r="HJ20" s="71">
        <v>8</v>
      </c>
      <c r="HK20" s="71">
        <v>0</v>
      </c>
      <c r="HL20" s="71">
        <v>2</v>
      </c>
      <c r="HM20" s="72">
        <v>12</v>
      </c>
      <c r="HN20" s="73">
        <v>14</v>
      </c>
      <c r="HO20" s="70">
        <v>3</v>
      </c>
      <c r="HP20" s="71">
        <v>3</v>
      </c>
      <c r="HQ20" s="72">
        <v>6</v>
      </c>
      <c r="HR20" s="244"/>
      <c r="HS20" s="71">
        <v>4</v>
      </c>
      <c r="HT20" s="71">
        <v>7</v>
      </c>
      <c r="HU20" s="71">
        <v>6</v>
      </c>
      <c r="HV20" s="71">
        <v>2</v>
      </c>
      <c r="HW20" s="71">
        <v>2</v>
      </c>
      <c r="HX20" s="72">
        <v>21</v>
      </c>
      <c r="HY20" s="73">
        <v>27</v>
      </c>
      <c r="HZ20" s="70">
        <v>12</v>
      </c>
      <c r="IA20" s="71">
        <v>4</v>
      </c>
      <c r="IB20" s="72">
        <v>16</v>
      </c>
      <c r="IC20" s="244"/>
      <c r="ID20" s="71">
        <v>12</v>
      </c>
      <c r="IE20" s="71">
        <v>11</v>
      </c>
      <c r="IF20" s="71">
        <v>4</v>
      </c>
      <c r="IG20" s="71">
        <v>6</v>
      </c>
      <c r="IH20" s="71">
        <v>2</v>
      </c>
      <c r="II20" s="72">
        <v>35</v>
      </c>
      <c r="IJ20" s="73">
        <v>51</v>
      </c>
      <c r="IK20" s="70">
        <v>17</v>
      </c>
      <c r="IL20" s="71">
        <v>17</v>
      </c>
      <c r="IM20" s="72">
        <v>34</v>
      </c>
      <c r="IN20" s="244"/>
      <c r="IO20" s="71">
        <v>35</v>
      </c>
      <c r="IP20" s="71">
        <v>23</v>
      </c>
      <c r="IQ20" s="71">
        <v>14</v>
      </c>
      <c r="IR20" s="71">
        <v>11</v>
      </c>
      <c r="IS20" s="71">
        <v>11</v>
      </c>
      <c r="IT20" s="72">
        <v>94</v>
      </c>
      <c r="IU20" s="73">
        <v>128</v>
      </c>
      <c r="IV20" s="70">
        <v>25</v>
      </c>
      <c r="IW20" s="71">
        <v>14</v>
      </c>
      <c r="IX20" s="72">
        <v>39</v>
      </c>
      <c r="IY20" s="244"/>
      <c r="IZ20" s="71">
        <v>34</v>
      </c>
      <c r="JA20" s="71">
        <v>41</v>
      </c>
      <c r="JB20" s="71">
        <v>24</v>
      </c>
      <c r="JC20" s="71">
        <v>18</v>
      </c>
      <c r="JD20" s="71">
        <v>14</v>
      </c>
      <c r="JE20" s="72">
        <v>131</v>
      </c>
      <c r="JF20" s="73">
        <v>170</v>
      </c>
      <c r="JG20" s="70">
        <v>15</v>
      </c>
      <c r="JH20" s="71">
        <v>20</v>
      </c>
      <c r="JI20" s="72">
        <v>35</v>
      </c>
      <c r="JJ20" s="244"/>
      <c r="JK20" s="71">
        <v>30</v>
      </c>
      <c r="JL20" s="71">
        <v>25</v>
      </c>
      <c r="JM20" s="71">
        <v>25</v>
      </c>
      <c r="JN20" s="71">
        <v>18</v>
      </c>
      <c r="JO20" s="71">
        <v>11</v>
      </c>
      <c r="JP20" s="72">
        <v>109</v>
      </c>
      <c r="JQ20" s="73">
        <v>144</v>
      </c>
      <c r="JR20" s="70">
        <v>0</v>
      </c>
      <c r="JS20" s="71">
        <v>0</v>
      </c>
      <c r="JT20" s="72">
        <v>0</v>
      </c>
      <c r="JU20" s="244"/>
      <c r="JV20" s="71">
        <v>0</v>
      </c>
      <c r="JW20" s="71">
        <v>0</v>
      </c>
      <c r="JX20" s="71">
        <v>0</v>
      </c>
      <c r="JY20" s="71">
        <v>0</v>
      </c>
      <c r="JZ20" s="71">
        <v>0</v>
      </c>
      <c r="KA20" s="72">
        <v>0</v>
      </c>
      <c r="KB20" s="73">
        <v>0</v>
      </c>
      <c r="KC20" s="70">
        <v>74</v>
      </c>
      <c r="KD20" s="71">
        <v>58</v>
      </c>
      <c r="KE20" s="72">
        <v>132</v>
      </c>
      <c r="KF20" s="244"/>
      <c r="KG20" s="71">
        <v>115</v>
      </c>
      <c r="KH20" s="71">
        <v>109</v>
      </c>
      <c r="KI20" s="71">
        <v>81</v>
      </c>
      <c r="KJ20" s="71">
        <v>55</v>
      </c>
      <c r="KK20" s="71">
        <v>42</v>
      </c>
      <c r="KL20" s="72">
        <v>402</v>
      </c>
      <c r="KM20" s="73">
        <v>534</v>
      </c>
    </row>
    <row r="21" spans="2:299" ht="19.8" customHeight="1" x14ac:dyDescent="0.2">
      <c r="B21" s="126" t="s">
        <v>18</v>
      </c>
      <c r="C21" s="316">
        <v>83</v>
      </c>
      <c r="D21" s="82">
        <v>78</v>
      </c>
      <c r="E21" s="83">
        <v>161</v>
      </c>
      <c r="F21" s="241"/>
      <c r="G21" s="82">
        <v>147</v>
      </c>
      <c r="H21" s="82">
        <v>118</v>
      </c>
      <c r="I21" s="82">
        <v>86</v>
      </c>
      <c r="J21" s="82">
        <v>69</v>
      </c>
      <c r="K21" s="82">
        <v>37</v>
      </c>
      <c r="L21" s="84">
        <v>457</v>
      </c>
      <c r="M21" s="85">
        <v>618</v>
      </c>
      <c r="N21" s="70">
        <v>0</v>
      </c>
      <c r="O21" s="71">
        <v>3</v>
      </c>
      <c r="P21" s="72">
        <v>3</v>
      </c>
      <c r="Q21" s="244"/>
      <c r="R21" s="71">
        <v>3</v>
      </c>
      <c r="S21" s="71">
        <v>1</v>
      </c>
      <c r="T21" s="71">
        <v>1</v>
      </c>
      <c r="U21" s="71">
        <v>1</v>
      </c>
      <c r="V21" s="71">
        <v>2</v>
      </c>
      <c r="W21" s="72">
        <v>8</v>
      </c>
      <c r="X21" s="73">
        <v>11</v>
      </c>
      <c r="Y21" s="70">
        <v>2</v>
      </c>
      <c r="Z21" s="71">
        <v>3</v>
      </c>
      <c r="AA21" s="72">
        <v>5</v>
      </c>
      <c r="AB21" s="244"/>
      <c r="AC21" s="71">
        <v>8</v>
      </c>
      <c r="AD21" s="71">
        <v>2</v>
      </c>
      <c r="AE21" s="71">
        <v>4</v>
      </c>
      <c r="AF21" s="71">
        <v>3</v>
      </c>
      <c r="AG21" s="71">
        <v>3</v>
      </c>
      <c r="AH21" s="72">
        <v>20</v>
      </c>
      <c r="AI21" s="73">
        <v>25</v>
      </c>
      <c r="AJ21" s="70">
        <v>7</v>
      </c>
      <c r="AK21" s="71">
        <v>5</v>
      </c>
      <c r="AL21" s="72">
        <v>12</v>
      </c>
      <c r="AM21" s="244"/>
      <c r="AN21" s="71">
        <v>17</v>
      </c>
      <c r="AO21" s="71">
        <v>8</v>
      </c>
      <c r="AP21" s="71">
        <v>9</v>
      </c>
      <c r="AQ21" s="71">
        <v>4</v>
      </c>
      <c r="AR21" s="71">
        <v>4</v>
      </c>
      <c r="AS21" s="72">
        <v>42</v>
      </c>
      <c r="AT21" s="73">
        <v>54</v>
      </c>
      <c r="AU21" s="70">
        <v>25</v>
      </c>
      <c r="AV21" s="71">
        <v>15</v>
      </c>
      <c r="AW21" s="72">
        <v>40</v>
      </c>
      <c r="AX21" s="244"/>
      <c r="AY21" s="71">
        <v>25</v>
      </c>
      <c r="AZ21" s="71">
        <v>21</v>
      </c>
      <c r="BA21" s="71">
        <v>17</v>
      </c>
      <c r="BB21" s="71">
        <v>10</v>
      </c>
      <c r="BC21" s="71">
        <v>12</v>
      </c>
      <c r="BD21" s="72">
        <v>85</v>
      </c>
      <c r="BE21" s="73">
        <v>125</v>
      </c>
      <c r="BF21" s="70">
        <v>25</v>
      </c>
      <c r="BG21" s="71">
        <v>31</v>
      </c>
      <c r="BH21" s="72">
        <v>56</v>
      </c>
      <c r="BI21" s="244"/>
      <c r="BJ21" s="71">
        <v>47</v>
      </c>
      <c r="BK21" s="71">
        <v>42</v>
      </c>
      <c r="BL21" s="71">
        <v>28</v>
      </c>
      <c r="BM21" s="71">
        <v>27</v>
      </c>
      <c r="BN21" s="71">
        <v>7</v>
      </c>
      <c r="BO21" s="72">
        <v>151</v>
      </c>
      <c r="BP21" s="73">
        <v>207</v>
      </c>
      <c r="BQ21" s="70">
        <v>24</v>
      </c>
      <c r="BR21" s="71">
        <v>21</v>
      </c>
      <c r="BS21" s="72">
        <v>45</v>
      </c>
      <c r="BT21" s="244"/>
      <c r="BU21" s="71">
        <v>47</v>
      </c>
      <c r="BV21" s="71">
        <v>44</v>
      </c>
      <c r="BW21" s="71">
        <v>27</v>
      </c>
      <c r="BX21" s="71">
        <v>24</v>
      </c>
      <c r="BY21" s="71">
        <v>9</v>
      </c>
      <c r="BZ21" s="72">
        <v>151</v>
      </c>
      <c r="CA21" s="73">
        <v>196</v>
      </c>
      <c r="CB21" s="70">
        <v>0</v>
      </c>
      <c r="CC21" s="71">
        <v>0</v>
      </c>
      <c r="CD21" s="72">
        <v>0</v>
      </c>
      <c r="CE21" s="244"/>
      <c r="CF21" s="71">
        <v>0</v>
      </c>
      <c r="CG21" s="71">
        <v>0</v>
      </c>
      <c r="CH21" s="71">
        <v>0</v>
      </c>
      <c r="CI21" s="71">
        <v>0</v>
      </c>
      <c r="CJ21" s="71">
        <v>0</v>
      </c>
      <c r="CK21" s="72">
        <v>0</v>
      </c>
      <c r="CL21" s="73">
        <v>0</v>
      </c>
      <c r="CM21" s="70">
        <v>83</v>
      </c>
      <c r="CN21" s="71">
        <v>78</v>
      </c>
      <c r="CO21" s="72">
        <v>161</v>
      </c>
      <c r="CP21" s="244"/>
      <c r="CQ21" s="71">
        <v>147</v>
      </c>
      <c r="CR21" s="71">
        <v>118</v>
      </c>
      <c r="CS21" s="71">
        <v>86</v>
      </c>
      <c r="CT21" s="71">
        <v>69</v>
      </c>
      <c r="CU21" s="71">
        <v>37</v>
      </c>
      <c r="CV21" s="72">
        <v>457</v>
      </c>
      <c r="CW21" s="73">
        <v>618</v>
      </c>
      <c r="CX21" s="123">
        <v>10</v>
      </c>
      <c r="CY21" s="82">
        <v>13</v>
      </c>
      <c r="CZ21" s="83">
        <v>23</v>
      </c>
      <c r="DA21" s="241"/>
      <c r="DB21" s="82">
        <v>19</v>
      </c>
      <c r="DC21" s="82">
        <v>14</v>
      </c>
      <c r="DD21" s="82">
        <v>11</v>
      </c>
      <c r="DE21" s="82">
        <v>5</v>
      </c>
      <c r="DF21" s="82">
        <v>6</v>
      </c>
      <c r="DG21" s="84">
        <v>55</v>
      </c>
      <c r="DH21" s="85">
        <v>78</v>
      </c>
      <c r="DI21" s="70">
        <v>0</v>
      </c>
      <c r="DJ21" s="71">
        <v>1</v>
      </c>
      <c r="DK21" s="72">
        <v>1</v>
      </c>
      <c r="DL21" s="244"/>
      <c r="DM21" s="71">
        <v>0</v>
      </c>
      <c r="DN21" s="71">
        <v>0</v>
      </c>
      <c r="DO21" s="71">
        <v>1</v>
      </c>
      <c r="DP21" s="71">
        <v>0</v>
      </c>
      <c r="DQ21" s="71">
        <v>0</v>
      </c>
      <c r="DR21" s="72">
        <v>1</v>
      </c>
      <c r="DS21" s="73">
        <v>2</v>
      </c>
      <c r="DT21" s="70">
        <v>1</v>
      </c>
      <c r="DU21" s="71">
        <v>2</v>
      </c>
      <c r="DV21" s="72">
        <v>3</v>
      </c>
      <c r="DW21" s="244"/>
      <c r="DX21" s="71">
        <v>1</v>
      </c>
      <c r="DY21" s="71">
        <v>0</v>
      </c>
      <c r="DZ21" s="71">
        <v>0</v>
      </c>
      <c r="EA21" s="71">
        <v>0</v>
      </c>
      <c r="EB21" s="71">
        <v>0</v>
      </c>
      <c r="EC21" s="72">
        <v>1</v>
      </c>
      <c r="ED21" s="73">
        <v>4</v>
      </c>
      <c r="EE21" s="70">
        <v>0</v>
      </c>
      <c r="EF21" s="71">
        <v>4</v>
      </c>
      <c r="EG21" s="72">
        <v>4</v>
      </c>
      <c r="EH21" s="244"/>
      <c r="EI21" s="71">
        <v>3</v>
      </c>
      <c r="EJ21" s="71">
        <v>3</v>
      </c>
      <c r="EK21" s="71">
        <v>2</v>
      </c>
      <c r="EL21" s="71">
        <v>0</v>
      </c>
      <c r="EM21" s="71">
        <v>0</v>
      </c>
      <c r="EN21" s="72">
        <v>8</v>
      </c>
      <c r="EO21" s="73">
        <v>12</v>
      </c>
      <c r="EP21" s="70">
        <v>7</v>
      </c>
      <c r="EQ21" s="71">
        <v>5</v>
      </c>
      <c r="ER21" s="72">
        <v>12</v>
      </c>
      <c r="ES21" s="244"/>
      <c r="ET21" s="71">
        <v>2</v>
      </c>
      <c r="EU21" s="71">
        <v>1</v>
      </c>
      <c r="EV21" s="71">
        <v>0</v>
      </c>
      <c r="EW21" s="71">
        <v>1</v>
      </c>
      <c r="EX21" s="71">
        <v>1</v>
      </c>
      <c r="EY21" s="72">
        <v>5</v>
      </c>
      <c r="EZ21" s="73">
        <v>17</v>
      </c>
      <c r="FA21" s="70">
        <v>1</v>
      </c>
      <c r="FB21" s="71">
        <v>1</v>
      </c>
      <c r="FC21" s="72">
        <v>2</v>
      </c>
      <c r="FD21" s="244"/>
      <c r="FE21" s="71">
        <v>10</v>
      </c>
      <c r="FF21" s="71">
        <v>7</v>
      </c>
      <c r="FG21" s="71">
        <v>3</v>
      </c>
      <c r="FH21" s="71">
        <v>2</v>
      </c>
      <c r="FI21" s="71">
        <v>3</v>
      </c>
      <c r="FJ21" s="72">
        <v>25</v>
      </c>
      <c r="FK21" s="73">
        <v>27</v>
      </c>
      <c r="FL21" s="70">
        <v>1</v>
      </c>
      <c r="FM21" s="71">
        <v>0</v>
      </c>
      <c r="FN21" s="72">
        <v>1</v>
      </c>
      <c r="FO21" s="244"/>
      <c r="FP21" s="71">
        <v>3</v>
      </c>
      <c r="FQ21" s="71">
        <v>3</v>
      </c>
      <c r="FR21" s="71">
        <v>5</v>
      </c>
      <c r="FS21" s="71">
        <v>2</v>
      </c>
      <c r="FT21" s="71">
        <v>2</v>
      </c>
      <c r="FU21" s="72">
        <v>15</v>
      </c>
      <c r="FV21" s="73">
        <v>16</v>
      </c>
      <c r="FW21" s="70">
        <v>0</v>
      </c>
      <c r="FX21" s="71">
        <v>0</v>
      </c>
      <c r="FY21" s="72">
        <v>0</v>
      </c>
      <c r="FZ21" s="244"/>
      <c r="GA21" s="71">
        <v>0</v>
      </c>
      <c r="GB21" s="71">
        <v>0</v>
      </c>
      <c r="GC21" s="71">
        <v>0</v>
      </c>
      <c r="GD21" s="71">
        <v>0</v>
      </c>
      <c r="GE21" s="71">
        <v>0</v>
      </c>
      <c r="GF21" s="72">
        <v>0</v>
      </c>
      <c r="GG21" s="73">
        <v>0</v>
      </c>
      <c r="GH21" s="70">
        <v>10</v>
      </c>
      <c r="GI21" s="71">
        <v>13</v>
      </c>
      <c r="GJ21" s="72">
        <v>23</v>
      </c>
      <c r="GK21" s="244"/>
      <c r="GL21" s="71">
        <v>19</v>
      </c>
      <c r="GM21" s="71">
        <v>14</v>
      </c>
      <c r="GN21" s="71">
        <v>11</v>
      </c>
      <c r="GO21" s="71">
        <v>5</v>
      </c>
      <c r="GP21" s="71">
        <v>6</v>
      </c>
      <c r="GQ21" s="72">
        <v>55</v>
      </c>
      <c r="GR21" s="73">
        <v>78</v>
      </c>
      <c r="GS21" s="123">
        <v>93</v>
      </c>
      <c r="GT21" s="82">
        <v>91</v>
      </c>
      <c r="GU21" s="83">
        <v>184</v>
      </c>
      <c r="GV21" s="241"/>
      <c r="GW21" s="82">
        <v>166</v>
      </c>
      <c r="GX21" s="82">
        <v>132</v>
      </c>
      <c r="GY21" s="82">
        <v>97</v>
      </c>
      <c r="GZ21" s="82">
        <v>74</v>
      </c>
      <c r="HA21" s="82">
        <v>43</v>
      </c>
      <c r="HB21" s="84">
        <v>512</v>
      </c>
      <c r="HC21" s="85">
        <v>696</v>
      </c>
      <c r="HD21" s="70">
        <v>0</v>
      </c>
      <c r="HE21" s="71">
        <v>4</v>
      </c>
      <c r="HF21" s="72">
        <v>4</v>
      </c>
      <c r="HG21" s="244"/>
      <c r="HH21" s="71">
        <v>3</v>
      </c>
      <c r="HI21" s="71">
        <v>1</v>
      </c>
      <c r="HJ21" s="71">
        <v>2</v>
      </c>
      <c r="HK21" s="71">
        <v>1</v>
      </c>
      <c r="HL21" s="71">
        <v>2</v>
      </c>
      <c r="HM21" s="72">
        <v>9</v>
      </c>
      <c r="HN21" s="73">
        <v>13</v>
      </c>
      <c r="HO21" s="70">
        <v>3</v>
      </c>
      <c r="HP21" s="71">
        <v>5</v>
      </c>
      <c r="HQ21" s="72">
        <v>8</v>
      </c>
      <c r="HR21" s="244"/>
      <c r="HS21" s="71">
        <v>9</v>
      </c>
      <c r="HT21" s="71">
        <v>2</v>
      </c>
      <c r="HU21" s="71">
        <v>4</v>
      </c>
      <c r="HV21" s="71">
        <v>3</v>
      </c>
      <c r="HW21" s="71">
        <v>3</v>
      </c>
      <c r="HX21" s="72">
        <v>21</v>
      </c>
      <c r="HY21" s="73">
        <v>29</v>
      </c>
      <c r="HZ21" s="70">
        <v>7</v>
      </c>
      <c r="IA21" s="71">
        <v>9</v>
      </c>
      <c r="IB21" s="72">
        <v>16</v>
      </c>
      <c r="IC21" s="244"/>
      <c r="ID21" s="71">
        <v>20</v>
      </c>
      <c r="IE21" s="71">
        <v>11</v>
      </c>
      <c r="IF21" s="71">
        <v>11</v>
      </c>
      <c r="IG21" s="71">
        <v>4</v>
      </c>
      <c r="IH21" s="71">
        <v>4</v>
      </c>
      <c r="II21" s="72">
        <v>50</v>
      </c>
      <c r="IJ21" s="73">
        <v>66</v>
      </c>
      <c r="IK21" s="70">
        <v>32</v>
      </c>
      <c r="IL21" s="71">
        <v>20</v>
      </c>
      <c r="IM21" s="72">
        <v>52</v>
      </c>
      <c r="IN21" s="244"/>
      <c r="IO21" s="71">
        <v>27</v>
      </c>
      <c r="IP21" s="71">
        <v>22</v>
      </c>
      <c r="IQ21" s="71">
        <v>17</v>
      </c>
      <c r="IR21" s="71">
        <v>11</v>
      </c>
      <c r="IS21" s="71">
        <v>13</v>
      </c>
      <c r="IT21" s="72">
        <v>90</v>
      </c>
      <c r="IU21" s="73">
        <v>142</v>
      </c>
      <c r="IV21" s="70">
        <v>26</v>
      </c>
      <c r="IW21" s="71">
        <v>32</v>
      </c>
      <c r="IX21" s="72">
        <v>58</v>
      </c>
      <c r="IY21" s="244"/>
      <c r="IZ21" s="71">
        <v>57</v>
      </c>
      <c r="JA21" s="71">
        <v>49</v>
      </c>
      <c r="JB21" s="71">
        <v>31</v>
      </c>
      <c r="JC21" s="71">
        <v>29</v>
      </c>
      <c r="JD21" s="71">
        <v>10</v>
      </c>
      <c r="JE21" s="72">
        <v>176</v>
      </c>
      <c r="JF21" s="73">
        <v>234</v>
      </c>
      <c r="JG21" s="70">
        <v>25</v>
      </c>
      <c r="JH21" s="71">
        <v>21</v>
      </c>
      <c r="JI21" s="72">
        <v>46</v>
      </c>
      <c r="JJ21" s="244"/>
      <c r="JK21" s="71">
        <v>50</v>
      </c>
      <c r="JL21" s="71">
        <v>47</v>
      </c>
      <c r="JM21" s="71">
        <v>32</v>
      </c>
      <c r="JN21" s="71">
        <v>26</v>
      </c>
      <c r="JO21" s="71">
        <v>11</v>
      </c>
      <c r="JP21" s="72">
        <v>166</v>
      </c>
      <c r="JQ21" s="73">
        <v>212</v>
      </c>
      <c r="JR21" s="70">
        <v>0</v>
      </c>
      <c r="JS21" s="71">
        <v>0</v>
      </c>
      <c r="JT21" s="72">
        <v>0</v>
      </c>
      <c r="JU21" s="244"/>
      <c r="JV21" s="71">
        <v>0</v>
      </c>
      <c r="JW21" s="71">
        <v>0</v>
      </c>
      <c r="JX21" s="71">
        <v>0</v>
      </c>
      <c r="JY21" s="71">
        <v>0</v>
      </c>
      <c r="JZ21" s="71">
        <v>0</v>
      </c>
      <c r="KA21" s="72">
        <v>0</v>
      </c>
      <c r="KB21" s="73">
        <v>0</v>
      </c>
      <c r="KC21" s="70">
        <v>93</v>
      </c>
      <c r="KD21" s="71">
        <v>91</v>
      </c>
      <c r="KE21" s="72">
        <v>184</v>
      </c>
      <c r="KF21" s="244"/>
      <c r="KG21" s="71">
        <v>166</v>
      </c>
      <c r="KH21" s="71">
        <v>132</v>
      </c>
      <c r="KI21" s="71">
        <v>97</v>
      </c>
      <c r="KJ21" s="71">
        <v>74</v>
      </c>
      <c r="KK21" s="71">
        <v>43</v>
      </c>
      <c r="KL21" s="72">
        <v>512</v>
      </c>
      <c r="KM21" s="73">
        <v>696</v>
      </c>
    </row>
    <row r="22" spans="2:299" ht="19.8" customHeight="1" x14ac:dyDescent="0.2">
      <c r="B22" s="126" t="s">
        <v>19</v>
      </c>
      <c r="C22" s="316">
        <v>35</v>
      </c>
      <c r="D22" s="82">
        <v>28</v>
      </c>
      <c r="E22" s="83">
        <v>63</v>
      </c>
      <c r="F22" s="241"/>
      <c r="G22" s="82">
        <v>77</v>
      </c>
      <c r="H22" s="82">
        <v>52</v>
      </c>
      <c r="I22" s="82">
        <v>20</v>
      </c>
      <c r="J22" s="82">
        <v>22</v>
      </c>
      <c r="K22" s="82">
        <v>13</v>
      </c>
      <c r="L22" s="84">
        <v>184</v>
      </c>
      <c r="M22" s="85">
        <v>247</v>
      </c>
      <c r="N22" s="86">
        <v>1</v>
      </c>
      <c r="O22" s="71">
        <v>0</v>
      </c>
      <c r="P22" s="72">
        <v>1</v>
      </c>
      <c r="Q22" s="244"/>
      <c r="R22" s="71">
        <v>2</v>
      </c>
      <c r="S22" s="71">
        <v>2</v>
      </c>
      <c r="T22" s="71">
        <v>1</v>
      </c>
      <c r="U22" s="71">
        <v>0</v>
      </c>
      <c r="V22" s="71">
        <v>0</v>
      </c>
      <c r="W22" s="72">
        <v>5</v>
      </c>
      <c r="X22" s="73">
        <v>6</v>
      </c>
      <c r="Y22" s="70">
        <v>2</v>
      </c>
      <c r="Z22" s="71">
        <v>1</v>
      </c>
      <c r="AA22" s="72">
        <v>3</v>
      </c>
      <c r="AB22" s="244"/>
      <c r="AC22" s="71">
        <v>1</v>
      </c>
      <c r="AD22" s="71">
        <v>3</v>
      </c>
      <c r="AE22" s="71">
        <v>0</v>
      </c>
      <c r="AF22" s="71">
        <v>1</v>
      </c>
      <c r="AG22" s="71">
        <v>2</v>
      </c>
      <c r="AH22" s="72">
        <v>7</v>
      </c>
      <c r="AI22" s="73">
        <v>10</v>
      </c>
      <c r="AJ22" s="86">
        <v>1</v>
      </c>
      <c r="AK22" s="71">
        <v>2</v>
      </c>
      <c r="AL22" s="72">
        <v>3</v>
      </c>
      <c r="AM22" s="244"/>
      <c r="AN22" s="71">
        <v>6</v>
      </c>
      <c r="AO22" s="71">
        <v>3</v>
      </c>
      <c r="AP22" s="71">
        <v>0</v>
      </c>
      <c r="AQ22" s="71">
        <v>1</v>
      </c>
      <c r="AR22" s="71">
        <v>0</v>
      </c>
      <c r="AS22" s="72">
        <v>10</v>
      </c>
      <c r="AT22" s="73">
        <v>13</v>
      </c>
      <c r="AU22" s="70">
        <v>11</v>
      </c>
      <c r="AV22" s="71">
        <v>5</v>
      </c>
      <c r="AW22" s="72">
        <v>16</v>
      </c>
      <c r="AX22" s="244"/>
      <c r="AY22" s="71">
        <v>9</v>
      </c>
      <c r="AZ22" s="71">
        <v>11</v>
      </c>
      <c r="BA22" s="71">
        <v>4</v>
      </c>
      <c r="BB22" s="71">
        <v>8</v>
      </c>
      <c r="BC22" s="71">
        <v>3</v>
      </c>
      <c r="BD22" s="72">
        <v>35</v>
      </c>
      <c r="BE22" s="73">
        <v>51</v>
      </c>
      <c r="BF22" s="86">
        <v>11</v>
      </c>
      <c r="BG22" s="71">
        <v>12</v>
      </c>
      <c r="BH22" s="72">
        <v>23</v>
      </c>
      <c r="BI22" s="244"/>
      <c r="BJ22" s="71">
        <v>33</v>
      </c>
      <c r="BK22" s="71">
        <v>17</v>
      </c>
      <c r="BL22" s="71">
        <v>9</v>
      </c>
      <c r="BM22" s="71">
        <v>3</v>
      </c>
      <c r="BN22" s="71">
        <v>2</v>
      </c>
      <c r="BO22" s="72">
        <v>64</v>
      </c>
      <c r="BP22" s="73">
        <v>87</v>
      </c>
      <c r="BQ22" s="70">
        <v>9</v>
      </c>
      <c r="BR22" s="71">
        <v>8</v>
      </c>
      <c r="BS22" s="72">
        <v>17</v>
      </c>
      <c r="BT22" s="244"/>
      <c r="BU22" s="71">
        <v>26</v>
      </c>
      <c r="BV22" s="71">
        <v>16</v>
      </c>
      <c r="BW22" s="71">
        <v>6</v>
      </c>
      <c r="BX22" s="71">
        <v>9</v>
      </c>
      <c r="BY22" s="71">
        <v>6</v>
      </c>
      <c r="BZ22" s="72">
        <v>63</v>
      </c>
      <c r="CA22" s="73">
        <v>80</v>
      </c>
      <c r="CB22" s="70">
        <v>0</v>
      </c>
      <c r="CC22" s="71">
        <v>0</v>
      </c>
      <c r="CD22" s="72">
        <v>0</v>
      </c>
      <c r="CE22" s="244"/>
      <c r="CF22" s="71">
        <v>0</v>
      </c>
      <c r="CG22" s="71">
        <v>0</v>
      </c>
      <c r="CH22" s="71">
        <v>0</v>
      </c>
      <c r="CI22" s="71">
        <v>0</v>
      </c>
      <c r="CJ22" s="71">
        <v>0</v>
      </c>
      <c r="CK22" s="72">
        <v>0</v>
      </c>
      <c r="CL22" s="73">
        <v>0</v>
      </c>
      <c r="CM22" s="70">
        <v>35</v>
      </c>
      <c r="CN22" s="71">
        <v>28</v>
      </c>
      <c r="CO22" s="72">
        <v>63</v>
      </c>
      <c r="CP22" s="244"/>
      <c r="CQ22" s="71">
        <v>77</v>
      </c>
      <c r="CR22" s="71">
        <v>52</v>
      </c>
      <c r="CS22" s="71">
        <v>20</v>
      </c>
      <c r="CT22" s="71">
        <v>22</v>
      </c>
      <c r="CU22" s="71">
        <v>13</v>
      </c>
      <c r="CV22" s="72">
        <v>184</v>
      </c>
      <c r="CW22" s="73">
        <v>247</v>
      </c>
      <c r="CX22" s="123">
        <v>1</v>
      </c>
      <c r="CY22" s="82">
        <v>7</v>
      </c>
      <c r="CZ22" s="83">
        <v>8</v>
      </c>
      <c r="DA22" s="241"/>
      <c r="DB22" s="82">
        <v>8</v>
      </c>
      <c r="DC22" s="82">
        <v>7</v>
      </c>
      <c r="DD22" s="82">
        <v>8</v>
      </c>
      <c r="DE22" s="82">
        <v>5</v>
      </c>
      <c r="DF22" s="82">
        <v>2</v>
      </c>
      <c r="DG22" s="84">
        <v>30</v>
      </c>
      <c r="DH22" s="85">
        <v>38</v>
      </c>
      <c r="DI22" s="86">
        <v>0</v>
      </c>
      <c r="DJ22" s="71">
        <v>0</v>
      </c>
      <c r="DK22" s="72">
        <v>0</v>
      </c>
      <c r="DL22" s="244"/>
      <c r="DM22" s="71">
        <v>0</v>
      </c>
      <c r="DN22" s="71">
        <v>0</v>
      </c>
      <c r="DO22" s="71">
        <v>1</v>
      </c>
      <c r="DP22" s="71">
        <v>0</v>
      </c>
      <c r="DQ22" s="71">
        <v>0</v>
      </c>
      <c r="DR22" s="72">
        <v>1</v>
      </c>
      <c r="DS22" s="73">
        <v>1</v>
      </c>
      <c r="DT22" s="70">
        <v>0</v>
      </c>
      <c r="DU22" s="71">
        <v>1</v>
      </c>
      <c r="DV22" s="72">
        <v>1</v>
      </c>
      <c r="DW22" s="244"/>
      <c r="DX22" s="71">
        <v>0</v>
      </c>
      <c r="DY22" s="71">
        <v>0</v>
      </c>
      <c r="DZ22" s="71">
        <v>0</v>
      </c>
      <c r="EA22" s="71">
        <v>0</v>
      </c>
      <c r="EB22" s="71">
        <v>0</v>
      </c>
      <c r="EC22" s="72">
        <v>0</v>
      </c>
      <c r="ED22" s="73">
        <v>1</v>
      </c>
      <c r="EE22" s="86">
        <v>1</v>
      </c>
      <c r="EF22" s="71">
        <v>0</v>
      </c>
      <c r="EG22" s="72">
        <v>1</v>
      </c>
      <c r="EH22" s="244"/>
      <c r="EI22" s="71">
        <v>2</v>
      </c>
      <c r="EJ22" s="71">
        <v>0</v>
      </c>
      <c r="EK22" s="71">
        <v>0</v>
      </c>
      <c r="EL22" s="71">
        <v>0</v>
      </c>
      <c r="EM22" s="71">
        <v>0</v>
      </c>
      <c r="EN22" s="72">
        <v>2</v>
      </c>
      <c r="EO22" s="73">
        <v>3</v>
      </c>
      <c r="EP22" s="70">
        <v>0</v>
      </c>
      <c r="EQ22" s="71">
        <v>3</v>
      </c>
      <c r="ER22" s="72">
        <v>3</v>
      </c>
      <c r="ES22" s="244"/>
      <c r="ET22" s="71">
        <v>0</v>
      </c>
      <c r="EU22" s="71">
        <v>1</v>
      </c>
      <c r="EV22" s="71">
        <v>2</v>
      </c>
      <c r="EW22" s="71">
        <v>0</v>
      </c>
      <c r="EX22" s="71">
        <v>0</v>
      </c>
      <c r="EY22" s="72">
        <v>3</v>
      </c>
      <c r="EZ22" s="73">
        <v>6</v>
      </c>
      <c r="FA22" s="86">
        <v>0</v>
      </c>
      <c r="FB22" s="71">
        <v>0</v>
      </c>
      <c r="FC22" s="72">
        <v>0</v>
      </c>
      <c r="FD22" s="244"/>
      <c r="FE22" s="71">
        <v>3</v>
      </c>
      <c r="FF22" s="71">
        <v>3</v>
      </c>
      <c r="FG22" s="71">
        <v>3</v>
      </c>
      <c r="FH22" s="71">
        <v>0</v>
      </c>
      <c r="FI22" s="71">
        <v>0</v>
      </c>
      <c r="FJ22" s="72">
        <v>9</v>
      </c>
      <c r="FK22" s="73">
        <v>9</v>
      </c>
      <c r="FL22" s="70">
        <v>0</v>
      </c>
      <c r="FM22" s="71">
        <v>3</v>
      </c>
      <c r="FN22" s="72">
        <v>3</v>
      </c>
      <c r="FO22" s="244"/>
      <c r="FP22" s="71">
        <v>3</v>
      </c>
      <c r="FQ22" s="71">
        <v>3</v>
      </c>
      <c r="FR22" s="71">
        <v>2</v>
      </c>
      <c r="FS22" s="71">
        <v>5</v>
      </c>
      <c r="FT22" s="71">
        <v>2</v>
      </c>
      <c r="FU22" s="72">
        <v>15</v>
      </c>
      <c r="FV22" s="73">
        <v>18</v>
      </c>
      <c r="FW22" s="70">
        <v>0</v>
      </c>
      <c r="FX22" s="71">
        <v>0</v>
      </c>
      <c r="FY22" s="72">
        <v>0</v>
      </c>
      <c r="FZ22" s="244"/>
      <c r="GA22" s="71">
        <v>0</v>
      </c>
      <c r="GB22" s="71">
        <v>0</v>
      </c>
      <c r="GC22" s="71">
        <v>0</v>
      </c>
      <c r="GD22" s="71">
        <v>0</v>
      </c>
      <c r="GE22" s="71">
        <v>0</v>
      </c>
      <c r="GF22" s="72">
        <v>0</v>
      </c>
      <c r="GG22" s="73">
        <v>0</v>
      </c>
      <c r="GH22" s="70">
        <v>1</v>
      </c>
      <c r="GI22" s="71">
        <v>7</v>
      </c>
      <c r="GJ22" s="72">
        <v>8</v>
      </c>
      <c r="GK22" s="244"/>
      <c r="GL22" s="71">
        <v>8</v>
      </c>
      <c r="GM22" s="71">
        <v>7</v>
      </c>
      <c r="GN22" s="71">
        <v>8</v>
      </c>
      <c r="GO22" s="71">
        <v>5</v>
      </c>
      <c r="GP22" s="71">
        <v>2</v>
      </c>
      <c r="GQ22" s="72">
        <v>30</v>
      </c>
      <c r="GR22" s="73">
        <v>38</v>
      </c>
      <c r="GS22" s="123">
        <v>36</v>
      </c>
      <c r="GT22" s="82">
        <v>35</v>
      </c>
      <c r="GU22" s="83">
        <v>71</v>
      </c>
      <c r="GV22" s="241"/>
      <c r="GW22" s="82">
        <v>85</v>
      </c>
      <c r="GX22" s="82">
        <v>59</v>
      </c>
      <c r="GY22" s="82">
        <v>28</v>
      </c>
      <c r="GZ22" s="82">
        <v>27</v>
      </c>
      <c r="HA22" s="82">
        <v>15</v>
      </c>
      <c r="HB22" s="84">
        <v>214</v>
      </c>
      <c r="HC22" s="85">
        <v>285</v>
      </c>
      <c r="HD22" s="86">
        <v>1</v>
      </c>
      <c r="HE22" s="71">
        <v>0</v>
      </c>
      <c r="HF22" s="72">
        <v>1</v>
      </c>
      <c r="HG22" s="244"/>
      <c r="HH22" s="71">
        <v>2</v>
      </c>
      <c r="HI22" s="71">
        <v>2</v>
      </c>
      <c r="HJ22" s="71">
        <v>2</v>
      </c>
      <c r="HK22" s="71">
        <v>0</v>
      </c>
      <c r="HL22" s="71">
        <v>0</v>
      </c>
      <c r="HM22" s="72">
        <v>6</v>
      </c>
      <c r="HN22" s="73">
        <v>7</v>
      </c>
      <c r="HO22" s="70">
        <v>2</v>
      </c>
      <c r="HP22" s="71">
        <v>2</v>
      </c>
      <c r="HQ22" s="72">
        <v>4</v>
      </c>
      <c r="HR22" s="244"/>
      <c r="HS22" s="71">
        <v>1</v>
      </c>
      <c r="HT22" s="71">
        <v>3</v>
      </c>
      <c r="HU22" s="71">
        <v>0</v>
      </c>
      <c r="HV22" s="71">
        <v>1</v>
      </c>
      <c r="HW22" s="71">
        <v>2</v>
      </c>
      <c r="HX22" s="72">
        <v>7</v>
      </c>
      <c r="HY22" s="73">
        <v>11</v>
      </c>
      <c r="HZ22" s="86">
        <v>2</v>
      </c>
      <c r="IA22" s="71">
        <v>2</v>
      </c>
      <c r="IB22" s="72">
        <v>4</v>
      </c>
      <c r="IC22" s="244"/>
      <c r="ID22" s="71">
        <v>8</v>
      </c>
      <c r="IE22" s="71">
        <v>3</v>
      </c>
      <c r="IF22" s="71">
        <v>0</v>
      </c>
      <c r="IG22" s="71">
        <v>1</v>
      </c>
      <c r="IH22" s="71">
        <v>0</v>
      </c>
      <c r="II22" s="72">
        <v>12</v>
      </c>
      <c r="IJ22" s="73">
        <v>16</v>
      </c>
      <c r="IK22" s="70">
        <v>11</v>
      </c>
      <c r="IL22" s="71">
        <v>8</v>
      </c>
      <c r="IM22" s="72">
        <v>19</v>
      </c>
      <c r="IN22" s="244"/>
      <c r="IO22" s="71">
        <v>9</v>
      </c>
      <c r="IP22" s="71">
        <v>12</v>
      </c>
      <c r="IQ22" s="71">
        <v>6</v>
      </c>
      <c r="IR22" s="71">
        <v>8</v>
      </c>
      <c r="IS22" s="71">
        <v>3</v>
      </c>
      <c r="IT22" s="72">
        <v>38</v>
      </c>
      <c r="IU22" s="73">
        <v>57</v>
      </c>
      <c r="IV22" s="86">
        <v>11</v>
      </c>
      <c r="IW22" s="71">
        <v>12</v>
      </c>
      <c r="IX22" s="72">
        <v>23</v>
      </c>
      <c r="IY22" s="244"/>
      <c r="IZ22" s="71">
        <v>36</v>
      </c>
      <c r="JA22" s="71">
        <v>20</v>
      </c>
      <c r="JB22" s="71">
        <v>12</v>
      </c>
      <c r="JC22" s="71">
        <v>3</v>
      </c>
      <c r="JD22" s="71">
        <v>2</v>
      </c>
      <c r="JE22" s="72">
        <v>73</v>
      </c>
      <c r="JF22" s="73">
        <v>96</v>
      </c>
      <c r="JG22" s="70">
        <v>9</v>
      </c>
      <c r="JH22" s="71">
        <v>11</v>
      </c>
      <c r="JI22" s="72">
        <v>20</v>
      </c>
      <c r="JJ22" s="244"/>
      <c r="JK22" s="71">
        <v>29</v>
      </c>
      <c r="JL22" s="71">
        <v>19</v>
      </c>
      <c r="JM22" s="71">
        <v>8</v>
      </c>
      <c r="JN22" s="71">
        <v>14</v>
      </c>
      <c r="JO22" s="71">
        <v>8</v>
      </c>
      <c r="JP22" s="72">
        <v>78</v>
      </c>
      <c r="JQ22" s="73">
        <v>98</v>
      </c>
      <c r="JR22" s="70">
        <v>0</v>
      </c>
      <c r="JS22" s="71">
        <v>0</v>
      </c>
      <c r="JT22" s="72">
        <v>0</v>
      </c>
      <c r="JU22" s="244"/>
      <c r="JV22" s="71">
        <v>0</v>
      </c>
      <c r="JW22" s="71">
        <v>0</v>
      </c>
      <c r="JX22" s="71">
        <v>0</v>
      </c>
      <c r="JY22" s="71">
        <v>0</v>
      </c>
      <c r="JZ22" s="71">
        <v>0</v>
      </c>
      <c r="KA22" s="72">
        <v>0</v>
      </c>
      <c r="KB22" s="73">
        <v>0</v>
      </c>
      <c r="KC22" s="70">
        <v>36</v>
      </c>
      <c r="KD22" s="71">
        <v>35</v>
      </c>
      <c r="KE22" s="72">
        <v>71</v>
      </c>
      <c r="KF22" s="244"/>
      <c r="KG22" s="71">
        <v>85</v>
      </c>
      <c r="KH22" s="71">
        <v>59</v>
      </c>
      <c r="KI22" s="71">
        <v>28</v>
      </c>
      <c r="KJ22" s="71">
        <v>27</v>
      </c>
      <c r="KK22" s="71">
        <v>15</v>
      </c>
      <c r="KL22" s="72">
        <v>214</v>
      </c>
      <c r="KM22" s="73">
        <v>285</v>
      </c>
    </row>
    <row r="23" spans="2:299" ht="19.8" customHeight="1" x14ac:dyDescent="0.2">
      <c r="B23" s="126" t="s">
        <v>20</v>
      </c>
      <c r="C23" s="316">
        <v>52</v>
      </c>
      <c r="D23" s="82">
        <v>70</v>
      </c>
      <c r="E23" s="83">
        <v>122</v>
      </c>
      <c r="F23" s="241"/>
      <c r="G23" s="82">
        <v>110</v>
      </c>
      <c r="H23" s="82">
        <v>68</v>
      </c>
      <c r="I23" s="82">
        <v>48</v>
      </c>
      <c r="J23" s="82">
        <v>38</v>
      </c>
      <c r="K23" s="82">
        <v>16</v>
      </c>
      <c r="L23" s="84">
        <v>280</v>
      </c>
      <c r="M23" s="85">
        <v>402</v>
      </c>
      <c r="N23" s="70">
        <v>2</v>
      </c>
      <c r="O23" s="71">
        <v>1</v>
      </c>
      <c r="P23" s="72">
        <v>3</v>
      </c>
      <c r="Q23" s="244"/>
      <c r="R23" s="71">
        <v>5</v>
      </c>
      <c r="S23" s="71">
        <v>1</v>
      </c>
      <c r="T23" s="71">
        <v>0</v>
      </c>
      <c r="U23" s="71">
        <v>0</v>
      </c>
      <c r="V23" s="71">
        <v>0</v>
      </c>
      <c r="W23" s="72">
        <v>6</v>
      </c>
      <c r="X23" s="73">
        <v>9</v>
      </c>
      <c r="Y23" s="70">
        <v>3</v>
      </c>
      <c r="Z23" s="71">
        <v>2</v>
      </c>
      <c r="AA23" s="72">
        <v>5</v>
      </c>
      <c r="AB23" s="244"/>
      <c r="AC23" s="71">
        <v>3</v>
      </c>
      <c r="AD23" s="71">
        <v>1</v>
      </c>
      <c r="AE23" s="71">
        <v>1</v>
      </c>
      <c r="AF23" s="71">
        <v>5</v>
      </c>
      <c r="AG23" s="71">
        <v>1</v>
      </c>
      <c r="AH23" s="72">
        <v>11</v>
      </c>
      <c r="AI23" s="73">
        <v>16</v>
      </c>
      <c r="AJ23" s="70">
        <v>5</v>
      </c>
      <c r="AK23" s="71">
        <v>6</v>
      </c>
      <c r="AL23" s="72">
        <v>11</v>
      </c>
      <c r="AM23" s="244"/>
      <c r="AN23" s="71">
        <v>9</v>
      </c>
      <c r="AO23" s="71">
        <v>3</v>
      </c>
      <c r="AP23" s="71">
        <v>8</v>
      </c>
      <c r="AQ23" s="71">
        <v>7</v>
      </c>
      <c r="AR23" s="71">
        <v>4</v>
      </c>
      <c r="AS23" s="72">
        <v>31</v>
      </c>
      <c r="AT23" s="73">
        <v>42</v>
      </c>
      <c r="AU23" s="70">
        <v>10</v>
      </c>
      <c r="AV23" s="71">
        <v>18</v>
      </c>
      <c r="AW23" s="72">
        <v>28</v>
      </c>
      <c r="AX23" s="244"/>
      <c r="AY23" s="71">
        <v>26</v>
      </c>
      <c r="AZ23" s="71">
        <v>21</v>
      </c>
      <c r="BA23" s="71">
        <v>12</v>
      </c>
      <c r="BB23" s="71">
        <v>8</v>
      </c>
      <c r="BC23" s="71">
        <v>3</v>
      </c>
      <c r="BD23" s="72">
        <v>70</v>
      </c>
      <c r="BE23" s="73">
        <v>98</v>
      </c>
      <c r="BF23" s="70">
        <v>17</v>
      </c>
      <c r="BG23" s="71">
        <v>25</v>
      </c>
      <c r="BH23" s="72">
        <v>42</v>
      </c>
      <c r="BI23" s="244"/>
      <c r="BJ23" s="71">
        <v>41</v>
      </c>
      <c r="BK23" s="71">
        <v>23</v>
      </c>
      <c r="BL23" s="71">
        <v>11</v>
      </c>
      <c r="BM23" s="71">
        <v>4</v>
      </c>
      <c r="BN23" s="71">
        <v>5</v>
      </c>
      <c r="BO23" s="72">
        <v>84</v>
      </c>
      <c r="BP23" s="73">
        <v>126</v>
      </c>
      <c r="BQ23" s="70">
        <v>15</v>
      </c>
      <c r="BR23" s="71">
        <v>18</v>
      </c>
      <c r="BS23" s="72">
        <v>33</v>
      </c>
      <c r="BT23" s="244"/>
      <c r="BU23" s="71">
        <v>26</v>
      </c>
      <c r="BV23" s="71">
        <v>19</v>
      </c>
      <c r="BW23" s="71">
        <v>16</v>
      </c>
      <c r="BX23" s="71">
        <v>14</v>
      </c>
      <c r="BY23" s="71">
        <v>3</v>
      </c>
      <c r="BZ23" s="72">
        <v>78</v>
      </c>
      <c r="CA23" s="73">
        <v>111</v>
      </c>
      <c r="CB23" s="70">
        <v>0</v>
      </c>
      <c r="CC23" s="71">
        <v>0</v>
      </c>
      <c r="CD23" s="72">
        <v>0</v>
      </c>
      <c r="CE23" s="244"/>
      <c r="CF23" s="71">
        <v>0</v>
      </c>
      <c r="CG23" s="71">
        <v>0</v>
      </c>
      <c r="CH23" s="71">
        <v>0</v>
      </c>
      <c r="CI23" s="71">
        <v>0</v>
      </c>
      <c r="CJ23" s="71">
        <v>0</v>
      </c>
      <c r="CK23" s="72">
        <v>0</v>
      </c>
      <c r="CL23" s="73">
        <v>0</v>
      </c>
      <c r="CM23" s="70">
        <v>52</v>
      </c>
      <c r="CN23" s="71">
        <v>70</v>
      </c>
      <c r="CO23" s="72">
        <v>122</v>
      </c>
      <c r="CP23" s="244"/>
      <c r="CQ23" s="71">
        <v>110</v>
      </c>
      <c r="CR23" s="71">
        <v>68</v>
      </c>
      <c r="CS23" s="71">
        <v>48</v>
      </c>
      <c r="CT23" s="71">
        <v>38</v>
      </c>
      <c r="CU23" s="71">
        <v>16</v>
      </c>
      <c r="CV23" s="72">
        <v>280</v>
      </c>
      <c r="CW23" s="73">
        <v>402</v>
      </c>
      <c r="CX23" s="123">
        <v>7</v>
      </c>
      <c r="CY23" s="82">
        <v>6</v>
      </c>
      <c r="CZ23" s="83">
        <v>13</v>
      </c>
      <c r="DA23" s="241"/>
      <c r="DB23" s="82">
        <v>11</v>
      </c>
      <c r="DC23" s="82">
        <v>9</v>
      </c>
      <c r="DD23" s="82">
        <v>3</v>
      </c>
      <c r="DE23" s="82">
        <v>6</v>
      </c>
      <c r="DF23" s="82">
        <v>2</v>
      </c>
      <c r="DG23" s="84">
        <v>31</v>
      </c>
      <c r="DH23" s="85">
        <v>44</v>
      </c>
      <c r="DI23" s="70">
        <v>0</v>
      </c>
      <c r="DJ23" s="71">
        <v>0</v>
      </c>
      <c r="DK23" s="72">
        <v>0</v>
      </c>
      <c r="DL23" s="244"/>
      <c r="DM23" s="71">
        <v>0</v>
      </c>
      <c r="DN23" s="71">
        <v>0</v>
      </c>
      <c r="DO23" s="71">
        <v>0</v>
      </c>
      <c r="DP23" s="71">
        <v>0</v>
      </c>
      <c r="DQ23" s="71">
        <v>0</v>
      </c>
      <c r="DR23" s="72">
        <v>0</v>
      </c>
      <c r="DS23" s="73">
        <v>0</v>
      </c>
      <c r="DT23" s="70">
        <v>0</v>
      </c>
      <c r="DU23" s="71">
        <v>0</v>
      </c>
      <c r="DV23" s="72">
        <v>0</v>
      </c>
      <c r="DW23" s="244"/>
      <c r="DX23" s="71">
        <v>0</v>
      </c>
      <c r="DY23" s="71">
        <v>1</v>
      </c>
      <c r="DZ23" s="71">
        <v>0</v>
      </c>
      <c r="EA23" s="71">
        <v>0</v>
      </c>
      <c r="EB23" s="71">
        <v>0</v>
      </c>
      <c r="EC23" s="72">
        <v>1</v>
      </c>
      <c r="ED23" s="73">
        <v>1</v>
      </c>
      <c r="EE23" s="70">
        <v>0</v>
      </c>
      <c r="EF23" s="71">
        <v>0</v>
      </c>
      <c r="EG23" s="72">
        <v>0</v>
      </c>
      <c r="EH23" s="244"/>
      <c r="EI23" s="71">
        <v>1</v>
      </c>
      <c r="EJ23" s="71">
        <v>2</v>
      </c>
      <c r="EK23" s="71">
        <v>0</v>
      </c>
      <c r="EL23" s="71">
        <v>0</v>
      </c>
      <c r="EM23" s="71">
        <v>0</v>
      </c>
      <c r="EN23" s="72">
        <v>3</v>
      </c>
      <c r="EO23" s="73">
        <v>3</v>
      </c>
      <c r="EP23" s="70">
        <v>4</v>
      </c>
      <c r="EQ23" s="71">
        <v>2</v>
      </c>
      <c r="ER23" s="72">
        <v>6</v>
      </c>
      <c r="ES23" s="244"/>
      <c r="ET23" s="71">
        <v>2</v>
      </c>
      <c r="EU23" s="71">
        <v>1</v>
      </c>
      <c r="EV23" s="71">
        <v>1</v>
      </c>
      <c r="EW23" s="71">
        <v>1</v>
      </c>
      <c r="EX23" s="71">
        <v>1</v>
      </c>
      <c r="EY23" s="72">
        <v>6</v>
      </c>
      <c r="EZ23" s="73">
        <v>12</v>
      </c>
      <c r="FA23" s="70">
        <v>2</v>
      </c>
      <c r="FB23" s="71">
        <v>2</v>
      </c>
      <c r="FC23" s="72">
        <v>4</v>
      </c>
      <c r="FD23" s="244"/>
      <c r="FE23" s="71">
        <v>4</v>
      </c>
      <c r="FF23" s="71">
        <v>2</v>
      </c>
      <c r="FG23" s="71">
        <v>1</v>
      </c>
      <c r="FH23" s="71">
        <v>1</v>
      </c>
      <c r="FI23" s="71">
        <v>0</v>
      </c>
      <c r="FJ23" s="72">
        <v>8</v>
      </c>
      <c r="FK23" s="73">
        <v>12</v>
      </c>
      <c r="FL23" s="70">
        <v>1</v>
      </c>
      <c r="FM23" s="71">
        <v>2</v>
      </c>
      <c r="FN23" s="72">
        <v>3</v>
      </c>
      <c r="FO23" s="244"/>
      <c r="FP23" s="71">
        <v>4</v>
      </c>
      <c r="FQ23" s="71">
        <v>3</v>
      </c>
      <c r="FR23" s="71">
        <v>1</v>
      </c>
      <c r="FS23" s="71">
        <v>4</v>
      </c>
      <c r="FT23" s="71">
        <v>1</v>
      </c>
      <c r="FU23" s="72">
        <v>13</v>
      </c>
      <c r="FV23" s="73">
        <v>16</v>
      </c>
      <c r="FW23" s="70">
        <v>0</v>
      </c>
      <c r="FX23" s="71">
        <v>0</v>
      </c>
      <c r="FY23" s="72">
        <v>0</v>
      </c>
      <c r="FZ23" s="244"/>
      <c r="GA23" s="71">
        <v>0</v>
      </c>
      <c r="GB23" s="71">
        <v>0</v>
      </c>
      <c r="GC23" s="71">
        <v>0</v>
      </c>
      <c r="GD23" s="71">
        <v>0</v>
      </c>
      <c r="GE23" s="71">
        <v>0</v>
      </c>
      <c r="GF23" s="72">
        <v>0</v>
      </c>
      <c r="GG23" s="73">
        <v>0</v>
      </c>
      <c r="GH23" s="70">
        <v>7</v>
      </c>
      <c r="GI23" s="71">
        <v>6</v>
      </c>
      <c r="GJ23" s="72">
        <v>13</v>
      </c>
      <c r="GK23" s="244"/>
      <c r="GL23" s="71">
        <v>11</v>
      </c>
      <c r="GM23" s="71">
        <v>9</v>
      </c>
      <c r="GN23" s="71">
        <v>3</v>
      </c>
      <c r="GO23" s="71">
        <v>6</v>
      </c>
      <c r="GP23" s="71">
        <v>2</v>
      </c>
      <c r="GQ23" s="72">
        <v>31</v>
      </c>
      <c r="GR23" s="73">
        <v>44</v>
      </c>
      <c r="GS23" s="123">
        <v>59</v>
      </c>
      <c r="GT23" s="82">
        <v>76</v>
      </c>
      <c r="GU23" s="83">
        <v>135</v>
      </c>
      <c r="GV23" s="241"/>
      <c r="GW23" s="82">
        <v>121</v>
      </c>
      <c r="GX23" s="82">
        <v>77</v>
      </c>
      <c r="GY23" s="82">
        <v>51</v>
      </c>
      <c r="GZ23" s="82">
        <v>44</v>
      </c>
      <c r="HA23" s="82">
        <v>18</v>
      </c>
      <c r="HB23" s="84">
        <v>311</v>
      </c>
      <c r="HC23" s="85">
        <v>446</v>
      </c>
      <c r="HD23" s="70">
        <v>2</v>
      </c>
      <c r="HE23" s="71">
        <v>1</v>
      </c>
      <c r="HF23" s="72">
        <v>3</v>
      </c>
      <c r="HG23" s="244"/>
      <c r="HH23" s="71">
        <v>5</v>
      </c>
      <c r="HI23" s="71">
        <v>1</v>
      </c>
      <c r="HJ23" s="71">
        <v>0</v>
      </c>
      <c r="HK23" s="71">
        <v>0</v>
      </c>
      <c r="HL23" s="71">
        <v>0</v>
      </c>
      <c r="HM23" s="72">
        <v>6</v>
      </c>
      <c r="HN23" s="73">
        <v>9</v>
      </c>
      <c r="HO23" s="70">
        <v>3</v>
      </c>
      <c r="HP23" s="71">
        <v>2</v>
      </c>
      <c r="HQ23" s="72">
        <v>5</v>
      </c>
      <c r="HR23" s="244"/>
      <c r="HS23" s="71">
        <v>3</v>
      </c>
      <c r="HT23" s="71">
        <v>2</v>
      </c>
      <c r="HU23" s="71">
        <v>1</v>
      </c>
      <c r="HV23" s="71">
        <v>5</v>
      </c>
      <c r="HW23" s="71">
        <v>1</v>
      </c>
      <c r="HX23" s="72">
        <v>12</v>
      </c>
      <c r="HY23" s="73">
        <v>17</v>
      </c>
      <c r="HZ23" s="70">
        <v>5</v>
      </c>
      <c r="IA23" s="71">
        <v>6</v>
      </c>
      <c r="IB23" s="72">
        <v>11</v>
      </c>
      <c r="IC23" s="244"/>
      <c r="ID23" s="71">
        <v>10</v>
      </c>
      <c r="IE23" s="71">
        <v>5</v>
      </c>
      <c r="IF23" s="71">
        <v>8</v>
      </c>
      <c r="IG23" s="71">
        <v>7</v>
      </c>
      <c r="IH23" s="71">
        <v>4</v>
      </c>
      <c r="II23" s="72">
        <v>34</v>
      </c>
      <c r="IJ23" s="73">
        <v>45</v>
      </c>
      <c r="IK23" s="70">
        <v>14</v>
      </c>
      <c r="IL23" s="71">
        <v>20</v>
      </c>
      <c r="IM23" s="72">
        <v>34</v>
      </c>
      <c r="IN23" s="244"/>
      <c r="IO23" s="71">
        <v>28</v>
      </c>
      <c r="IP23" s="71">
        <v>22</v>
      </c>
      <c r="IQ23" s="71">
        <v>13</v>
      </c>
      <c r="IR23" s="71">
        <v>9</v>
      </c>
      <c r="IS23" s="71">
        <v>4</v>
      </c>
      <c r="IT23" s="72">
        <v>76</v>
      </c>
      <c r="IU23" s="73">
        <v>110</v>
      </c>
      <c r="IV23" s="70">
        <v>19</v>
      </c>
      <c r="IW23" s="71">
        <v>27</v>
      </c>
      <c r="IX23" s="72">
        <v>46</v>
      </c>
      <c r="IY23" s="244"/>
      <c r="IZ23" s="71">
        <v>45</v>
      </c>
      <c r="JA23" s="71">
        <v>25</v>
      </c>
      <c r="JB23" s="71">
        <v>12</v>
      </c>
      <c r="JC23" s="71">
        <v>5</v>
      </c>
      <c r="JD23" s="71">
        <v>5</v>
      </c>
      <c r="JE23" s="72">
        <v>92</v>
      </c>
      <c r="JF23" s="73">
        <v>138</v>
      </c>
      <c r="JG23" s="70">
        <v>16</v>
      </c>
      <c r="JH23" s="71">
        <v>20</v>
      </c>
      <c r="JI23" s="72">
        <v>36</v>
      </c>
      <c r="JJ23" s="244"/>
      <c r="JK23" s="71">
        <v>30</v>
      </c>
      <c r="JL23" s="71">
        <v>22</v>
      </c>
      <c r="JM23" s="71">
        <v>17</v>
      </c>
      <c r="JN23" s="71">
        <v>18</v>
      </c>
      <c r="JO23" s="71">
        <v>4</v>
      </c>
      <c r="JP23" s="72">
        <v>91</v>
      </c>
      <c r="JQ23" s="73">
        <v>127</v>
      </c>
      <c r="JR23" s="70">
        <v>0</v>
      </c>
      <c r="JS23" s="71">
        <v>0</v>
      </c>
      <c r="JT23" s="72">
        <v>0</v>
      </c>
      <c r="JU23" s="244"/>
      <c r="JV23" s="71">
        <v>0</v>
      </c>
      <c r="JW23" s="71">
        <v>0</v>
      </c>
      <c r="JX23" s="71">
        <v>0</v>
      </c>
      <c r="JY23" s="71">
        <v>0</v>
      </c>
      <c r="JZ23" s="71">
        <v>0</v>
      </c>
      <c r="KA23" s="72">
        <v>0</v>
      </c>
      <c r="KB23" s="73">
        <v>0</v>
      </c>
      <c r="KC23" s="70">
        <v>59</v>
      </c>
      <c r="KD23" s="71">
        <v>76</v>
      </c>
      <c r="KE23" s="72">
        <v>135</v>
      </c>
      <c r="KF23" s="244"/>
      <c r="KG23" s="71">
        <v>121</v>
      </c>
      <c r="KH23" s="71">
        <v>77</v>
      </c>
      <c r="KI23" s="71">
        <v>51</v>
      </c>
      <c r="KJ23" s="71">
        <v>44</v>
      </c>
      <c r="KK23" s="71">
        <v>18</v>
      </c>
      <c r="KL23" s="72">
        <v>311</v>
      </c>
      <c r="KM23" s="73">
        <v>446</v>
      </c>
    </row>
    <row r="24" spans="2:299" ht="19.8" customHeight="1" x14ac:dyDescent="0.2">
      <c r="B24" s="126" t="s">
        <v>21</v>
      </c>
      <c r="C24" s="316">
        <v>48</v>
      </c>
      <c r="D24" s="82">
        <v>51</v>
      </c>
      <c r="E24" s="83">
        <v>99</v>
      </c>
      <c r="F24" s="241"/>
      <c r="G24" s="82">
        <v>64</v>
      </c>
      <c r="H24" s="82">
        <v>61</v>
      </c>
      <c r="I24" s="82">
        <v>44</v>
      </c>
      <c r="J24" s="82">
        <v>41</v>
      </c>
      <c r="K24" s="82">
        <v>17</v>
      </c>
      <c r="L24" s="84">
        <v>227</v>
      </c>
      <c r="M24" s="85">
        <v>326</v>
      </c>
      <c r="N24" s="70">
        <v>0</v>
      </c>
      <c r="O24" s="71">
        <v>2</v>
      </c>
      <c r="P24" s="72">
        <v>2</v>
      </c>
      <c r="Q24" s="244"/>
      <c r="R24" s="71">
        <v>0</v>
      </c>
      <c r="S24" s="71">
        <v>1</v>
      </c>
      <c r="T24" s="71">
        <v>0</v>
      </c>
      <c r="U24" s="71">
        <v>2</v>
      </c>
      <c r="V24" s="71">
        <v>0</v>
      </c>
      <c r="W24" s="72">
        <v>3</v>
      </c>
      <c r="X24" s="73">
        <v>5</v>
      </c>
      <c r="Y24" s="70">
        <v>5</v>
      </c>
      <c r="Z24" s="71">
        <v>3</v>
      </c>
      <c r="AA24" s="72">
        <v>8</v>
      </c>
      <c r="AB24" s="244"/>
      <c r="AC24" s="71">
        <v>4</v>
      </c>
      <c r="AD24" s="71">
        <v>4</v>
      </c>
      <c r="AE24" s="71">
        <v>4</v>
      </c>
      <c r="AF24" s="71">
        <v>1</v>
      </c>
      <c r="AG24" s="71">
        <v>0</v>
      </c>
      <c r="AH24" s="72">
        <v>13</v>
      </c>
      <c r="AI24" s="73">
        <v>21</v>
      </c>
      <c r="AJ24" s="70">
        <v>3</v>
      </c>
      <c r="AK24" s="71">
        <v>7</v>
      </c>
      <c r="AL24" s="72">
        <v>10</v>
      </c>
      <c r="AM24" s="244"/>
      <c r="AN24" s="71">
        <v>8</v>
      </c>
      <c r="AO24" s="71">
        <v>6</v>
      </c>
      <c r="AP24" s="71">
        <v>5</v>
      </c>
      <c r="AQ24" s="71">
        <v>3</v>
      </c>
      <c r="AR24" s="71">
        <v>1</v>
      </c>
      <c r="AS24" s="72">
        <v>23</v>
      </c>
      <c r="AT24" s="73">
        <v>33</v>
      </c>
      <c r="AU24" s="70">
        <v>9</v>
      </c>
      <c r="AV24" s="71">
        <v>11</v>
      </c>
      <c r="AW24" s="72">
        <v>20</v>
      </c>
      <c r="AX24" s="244"/>
      <c r="AY24" s="71">
        <v>12</v>
      </c>
      <c r="AZ24" s="71">
        <v>14</v>
      </c>
      <c r="BA24" s="71">
        <v>7</v>
      </c>
      <c r="BB24" s="71">
        <v>8</v>
      </c>
      <c r="BC24" s="71">
        <v>3</v>
      </c>
      <c r="BD24" s="72">
        <v>44</v>
      </c>
      <c r="BE24" s="73">
        <v>64</v>
      </c>
      <c r="BF24" s="70">
        <v>18</v>
      </c>
      <c r="BG24" s="71">
        <v>16</v>
      </c>
      <c r="BH24" s="72">
        <v>34</v>
      </c>
      <c r="BI24" s="244"/>
      <c r="BJ24" s="71">
        <v>25</v>
      </c>
      <c r="BK24" s="71">
        <v>18</v>
      </c>
      <c r="BL24" s="71">
        <v>12</v>
      </c>
      <c r="BM24" s="71">
        <v>17</v>
      </c>
      <c r="BN24" s="71">
        <v>5</v>
      </c>
      <c r="BO24" s="72">
        <v>77</v>
      </c>
      <c r="BP24" s="73">
        <v>111</v>
      </c>
      <c r="BQ24" s="70">
        <v>13</v>
      </c>
      <c r="BR24" s="71">
        <v>12</v>
      </c>
      <c r="BS24" s="72">
        <v>25</v>
      </c>
      <c r="BT24" s="244"/>
      <c r="BU24" s="71">
        <v>15</v>
      </c>
      <c r="BV24" s="71">
        <v>18</v>
      </c>
      <c r="BW24" s="71">
        <v>16</v>
      </c>
      <c r="BX24" s="71">
        <v>10</v>
      </c>
      <c r="BY24" s="71">
        <v>8</v>
      </c>
      <c r="BZ24" s="72">
        <v>67</v>
      </c>
      <c r="CA24" s="73">
        <v>92</v>
      </c>
      <c r="CB24" s="70">
        <v>0</v>
      </c>
      <c r="CC24" s="71">
        <v>0</v>
      </c>
      <c r="CD24" s="72">
        <v>0</v>
      </c>
      <c r="CE24" s="244"/>
      <c r="CF24" s="71">
        <v>0</v>
      </c>
      <c r="CG24" s="71">
        <v>0</v>
      </c>
      <c r="CH24" s="71">
        <v>0</v>
      </c>
      <c r="CI24" s="71">
        <v>0</v>
      </c>
      <c r="CJ24" s="71">
        <v>0</v>
      </c>
      <c r="CK24" s="72">
        <v>0</v>
      </c>
      <c r="CL24" s="73">
        <v>0</v>
      </c>
      <c r="CM24" s="70">
        <v>48</v>
      </c>
      <c r="CN24" s="71">
        <v>51</v>
      </c>
      <c r="CO24" s="72">
        <v>99</v>
      </c>
      <c r="CP24" s="244"/>
      <c r="CQ24" s="71">
        <v>64</v>
      </c>
      <c r="CR24" s="71">
        <v>61</v>
      </c>
      <c r="CS24" s="71">
        <v>44</v>
      </c>
      <c r="CT24" s="71">
        <v>41</v>
      </c>
      <c r="CU24" s="71">
        <v>17</v>
      </c>
      <c r="CV24" s="72">
        <v>227</v>
      </c>
      <c r="CW24" s="73">
        <v>326</v>
      </c>
      <c r="CX24" s="123">
        <v>4</v>
      </c>
      <c r="CY24" s="82">
        <v>2</v>
      </c>
      <c r="CZ24" s="83">
        <v>6</v>
      </c>
      <c r="DA24" s="241"/>
      <c r="DB24" s="82">
        <v>7</v>
      </c>
      <c r="DC24" s="82">
        <v>7</v>
      </c>
      <c r="DD24" s="82">
        <v>11</v>
      </c>
      <c r="DE24" s="82">
        <v>7</v>
      </c>
      <c r="DF24" s="82">
        <v>6</v>
      </c>
      <c r="DG24" s="84">
        <v>38</v>
      </c>
      <c r="DH24" s="85">
        <v>44</v>
      </c>
      <c r="DI24" s="70">
        <v>0</v>
      </c>
      <c r="DJ24" s="71">
        <v>0</v>
      </c>
      <c r="DK24" s="72">
        <v>0</v>
      </c>
      <c r="DL24" s="244"/>
      <c r="DM24" s="71">
        <v>0</v>
      </c>
      <c r="DN24" s="71">
        <v>1</v>
      </c>
      <c r="DO24" s="71">
        <v>1</v>
      </c>
      <c r="DP24" s="71">
        <v>0</v>
      </c>
      <c r="DQ24" s="71">
        <v>0</v>
      </c>
      <c r="DR24" s="72">
        <v>2</v>
      </c>
      <c r="DS24" s="73">
        <v>2</v>
      </c>
      <c r="DT24" s="70">
        <v>0</v>
      </c>
      <c r="DU24" s="71">
        <v>0</v>
      </c>
      <c r="DV24" s="72">
        <v>0</v>
      </c>
      <c r="DW24" s="244"/>
      <c r="DX24" s="71">
        <v>0</v>
      </c>
      <c r="DY24" s="71">
        <v>0</v>
      </c>
      <c r="DZ24" s="71">
        <v>0</v>
      </c>
      <c r="EA24" s="71">
        <v>0</v>
      </c>
      <c r="EB24" s="71">
        <v>0</v>
      </c>
      <c r="EC24" s="72">
        <v>0</v>
      </c>
      <c r="ED24" s="73">
        <v>0</v>
      </c>
      <c r="EE24" s="70">
        <v>0</v>
      </c>
      <c r="EF24" s="71">
        <v>1</v>
      </c>
      <c r="EG24" s="72">
        <v>1</v>
      </c>
      <c r="EH24" s="244"/>
      <c r="EI24" s="71">
        <v>0</v>
      </c>
      <c r="EJ24" s="71">
        <v>0</v>
      </c>
      <c r="EK24" s="71">
        <v>0</v>
      </c>
      <c r="EL24" s="71">
        <v>0</v>
      </c>
      <c r="EM24" s="71">
        <v>0</v>
      </c>
      <c r="EN24" s="72">
        <v>0</v>
      </c>
      <c r="EO24" s="73">
        <v>1</v>
      </c>
      <c r="EP24" s="70">
        <v>0</v>
      </c>
      <c r="EQ24" s="71">
        <v>0</v>
      </c>
      <c r="ER24" s="72">
        <v>0</v>
      </c>
      <c r="ES24" s="244"/>
      <c r="ET24" s="71">
        <v>2</v>
      </c>
      <c r="EU24" s="71">
        <v>1</v>
      </c>
      <c r="EV24" s="71">
        <v>1</v>
      </c>
      <c r="EW24" s="71">
        <v>2</v>
      </c>
      <c r="EX24" s="71">
        <v>0</v>
      </c>
      <c r="EY24" s="72">
        <v>6</v>
      </c>
      <c r="EZ24" s="73">
        <v>6</v>
      </c>
      <c r="FA24" s="70">
        <v>2</v>
      </c>
      <c r="FB24" s="71">
        <v>1</v>
      </c>
      <c r="FC24" s="72">
        <v>3</v>
      </c>
      <c r="FD24" s="244"/>
      <c r="FE24" s="71">
        <v>3</v>
      </c>
      <c r="FF24" s="71">
        <v>1</v>
      </c>
      <c r="FG24" s="71">
        <v>3</v>
      </c>
      <c r="FH24" s="71">
        <v>2</v>
      </c>
      <c r="FI24" s="71">
        <v>3</v>
      </c>
      <c r="FJ24" s="72">
        <v>12</v>
      </c>
      <c r="FK24" s="73">
        <v>15</v>
      </c>
      <c r="FL24" s="70">
        <v>2</v>
      </c>
      <c r="FM24" s="71">
        <v>0</v>
      </c>
      <c r="FN24" s="72">
        <v>2</v>
      </c>
      <c r="FO24" s="244"/>
      <c r="FP24" s="71">
        <v>2</v>
      </c>
      <c r="FQ24" s="71">
        <v>4</v>
      </c>
      <c r="FR24" s="71">
        <v>6</v>
      </c>
      <c r="FS24" s="71">
        <v>3</v>
      </c>
      <c r="FT24" s="71">
        <v>3</v>
      </c>
      <c r="FU24" s="72">
        <v>18</v>
      </c>
      <c r="FV24" s="73">
        <v>20</v>
      </c>
      <c r="FW24" s="70">
        <v>0</v>
      </c>
      <c r="FX24" s="71">
        <v>0</v>
      </c>
      <c r="FY24" s="72">
        <v>0</v>
      </c>
      <c r="FZ24" s="244"/>
      <c r="GA24" s="71">
        <v>0</v>
      </c>
      <c r="GB24" s="71">
        <v>0</v>
      </c>
      <c r="GC24" s="71">
        <v>0</v>
      </c>
      <c r="GD24" s="71">
        <v>0</v>
      </c>
      <c r="GE24" s="71">
        <v>0</v>
      </c>
      <c r="GF24" s="72">
        <v>0</v>
      </c>
      <c r="GG24" s="73">
        <v>0</v>
      </c>
      <c r="GH24" s="70">
        <v>4</v>
      </c>
      <c r="GI24" s="71">
        <v>2</v>
      </c>
      <c r="GJ24" s="72">
        <v>6</v>
      </c>
      <c r="GK24" s="244"/>
      <c r="GL24" s="71">
        <v>7</v>
      </c>
      <c r="GM24" s="71">
        <v>7</v>
      </c>
      <c r="GN24" s="71">
        <v>11</v>
      </c>
      <c r="GO24" s="71">
        <v>7</v>
      </c>
      <c r="GP24" s="71">
        <v>6</v>
      </c>
      <c r="GQ24" s="72">
        <v>38</v>
      </c>
      <c r="GR24" s="73">
        <v>44</v>
      </c>
      <c r="GS24" s="123">
        <v>52</v>
      </c>
      <c r="GT24" s="82">
        <v>53</v>
      </c>
      <c r="GU24" s="83">
        <v>105</v>
      </c>
      <c r="GV24" s="241"/>
      <c r="GW24" s="82">
        <v>71</v>
      </c>
      <c r="GX24" s="82">
        <v>68</v>
      </c>
      <c r="GY24" s="82">
        <v>55</v>
      </c>
      <c r="GZ24" s="82">
        <v>48</v>
      </c>
      <c r="HA24" s="82">
        <v>23</v>
      </c>
      <c r="HB24" s="84">
        <v>265</v>
      </c>
      <c r="HC24" s="85">
        <v>370</v>
      </c>
      <c r="HD24" s="70">
        <v>0</v>
      </c>
      <c r="HE24" s="71">
        <v>2</v>
      </c>
      <c r="HF24" s="72">
        <v>2</v>
      </c>
      <c r="HG24" s="244"/>
      <c r="HH24" s="71">
        <v>0</v>
      </c>
      <c r="HI24" s="71">
        <v>2</v>
      </c>
      <c r="HJ24" s="71">
        <v>1</v>
      </c>
      <c r="HK24" s="71">
        <v>2</v>
      </c>
      <c r="HL24" s="71">
        <v>0</v>
      </c>
      <c r="HM24" s="72">
        <v>5</v>
      </c>
      <c r="HN24" s="73">
        <v>7</v>
      </c>
      <c r="HO24" s="70">
        <v>5</v>
      </c>
      <c r="HP24" s="71">
        <v>3</v>
      </c>
      <c r="HQ24" s="72">
        <v>8</v>
      </c>
      <c r="HR24" s="244"/>
      <c r="HS24" s="71">
        <v>4</v>
      </c>
      <c r="HT24" s="71">
        <v>4</v>
      </c>
      <c r="HU24" s="71">
        <v>4</v>
      </c>
      <c r="HV24" s="71">
        <v>1</v>
      </c>
      <c r="HW24" s="71">
        <v>0</v>
      </c>
      <c r="HX24" s="72">
        <v>13</v>
      </c>
      <c r="HY24" s="73">
        <v>21</v>
      </c>
      <c r="HZ24" s="70">
        <v>3</v>
      </c>
      <c r="IA24" s="71">
        <v>8</v>
      </c>
      <c r="IB24" s="72">
        <v>11</v>
      </c>
      <c r="IC24" s="244"/>
      <c r="ID24" s="71">
        <v>8</v>
      </c>
      <c r="IE24" s="71">
        <v>6</v>
      </c>
      <c r="IF24" s="71">
        <v>5</v>
      </c>
      <c r="IG24" s="71">
        <v>3</v>
      </c>
      <c r="IH24" s="71">
        <v>1</v>
      </c>
      <c r="II24" s="72">
        <v>23</v>
      </c>
      <c r="IJ24" s="73">
        <v>34</v>
      </c>
      <c r="IK24" s="70">
        <v>9</v>
      </c>
      <c r="IL24" s="71">
        <v>11</v>
      </c>
      <c r="IM24" s="72">
        <v>20</v>
      </c>
      <c r="IN24" s="244"/>
      <c r="IO24" s="71">
        <v>14</v>
      </c>
      <c r="IP24" s="71">
        <v>15</v>
      </c>
      <c r="IQ24" s="71">
        <v>8</v>
      </c>
      <c r="IR24" s="71">
        <v>10</v>
      </c>
      <c r="IS24" s="71">
        <v>3</v>
      </c>
      <c r="IT24" s="72">
        <v>50</v>
      </c>
      <c r="IU24" s="73">
        <v>70</v>
      </c>
      <c r="IV24" s="70">
        <v>20</v>
      </c>
      <c r="IW24" s="71">
        <v>17</v>
      </c>
      <c r="IX24" s="72">
        <v>37</v>
      </c>
      <c r="IY24" s="244"/>
      <c r="IZ24" s="71">
        <v>28</v>
      </c>
      <c r="JA24" s="71">
        <v>19</v>
      </c>
      <c r="JB24" s="71">
        <v>15</v>
      </c>
      <c r="JC24" s="71">
        <v>19</v>
      </c>
      <c r="JD24" s="71">
        <v>8</v>
      </c>
      <c r="JE24" s="72">
        <v>89</v>
      </c>
      <c r="JF24" s="73">
        <v>126</v>
      </c>
      <c r="JG24" s="70">
        <v>15</v>
      </c>
      <c r="JH24" s="71">
        <v>12</v>
      </c>
      <c r="JI24" s="72">
        <v>27</v>
      </c>
      <c r="JJ24" s="244"/>
      <c r="JK24" s="71">
        <v>17</v>
      </c>
      <c r="JL24" s="71">
        <v>22</v>
      </c>
      <c r="JM24" s="71">
        <v>22</v>
      </c>
      <c r="JN24" s="71">
        <v>13</v>
      </c>
      <c r="JO24" s="71">
        <v>11</v>
      </c>
      <c r="JP24" s="72">
        <v>85</v>
      </c>
      <c r="JQ24" s="73">
        <v>112</v>
      </c>
      <c r="JR24" s="70">
        <v>0</v>
      </c>
      <c r="JS24" s="71">
        <v>0</v>
      </c>
      <c r="JT24" s="72">
        <v>0</v>
      </c>
      <c r="JU24" s="244"/>
      <c r="JV24" s="71">
        <v>0</v>
      </c>
      <c r="JW24" s="71">
        <v>0</v>
      </c>
      <c r="JX24" s="71">
        <v>0</v>
      </c>
      <c r="JY24" s="71">
        <v>0</v>
      </c>
      <c r="JZ24" s="71">
        <v>0</v>
      </c>
      <c r="KA24" s="72">
        <v>0</v>
      </c>
      <c r="KB24" s="73">
        <v>0</v>
      </c>
      <c r="KC24" s="70">
        <v>52</v>
      </c>
      <c r="KD24" s="71">
        <v>53</v>
      </c>
      <c r="KE24" s="72">
        <v>105</v>
      </c>
      <c r="KF24" s="244"/>
      <c r="KG24" s="71">
        <v>71</v>
      </c>
      <c r="KH24" s="71">
        <v>68</v>
      </c>
      <c r="KI24" s="71">
        <v>55</v>
      </c>
      <c r="KJ24" s="71">
        <v>48</v>
      </c>
      <c r="KK24" s="71">
        <v>23</v>
      </c>
      <c r="KL24" s="72">
        <v>265</v>
      </c>
      <c r="KM24" s="73">
        <v>370</v>
      </c>
    </row>
    <row r="25" spans="2:299" ht="19.8" customHeight="1" x14ac:dyDescent="0.2">
      <c r="B25" s="126" t="s">
        <v>22</v>
      </c>
      <c r="C25" s="316">
        <v>24</v>
      </c>
      <c r="D25" s="82">
        <v>16</v>
      </c>
      <c r="E25" s="83">
        <v>40</v>
      </c>
      <c r="F25" s="241"/>
      <c r="G25" s="82">
        <v>35</v>
      </c>
      <c r="H25" s="82">
        <v>36</v>
      </c>
      <c r="I25" s="82">
        <v>16</v>
      </c>
      <c r="J25" s="82">
        <v>16</v>
      </c>
      <c r="K25" s="82">
        <v>6</v>
      </c>
      <c r="L25" s="84">
        <v>109</v>
      </c>
      <c r="M25" s="85">
        <v>149</v>
      </c>
      <c r="N25" s="70">
        <v>0</v>
      </c>
      <c r="O25" s="71">
        <v>0</v>
      </c>
      <c r="P25" s="72">
        <v>0</v>
      </c>
      <c r="Q25" s="244"/>
      <c r="R25" s="71">
        <v>0</v>
      </c>
      <c r="S25" s="71">
        <v>1</v>
      </c>
      <c r="T25" s="71">
        <v>0</v>
      </c>
      <c r="U25" s="71">
        <v>0</v>
      </c>
      <c r="V25" s="71">
        <v>0</v>
      </c>
      <c r="W25" s="72">
        <v>1</v>
      </c>
      <c r="X25" s="73">
        <v>1</v>
      </c>
      <c r="Y25" s="70">
        <v>1</v>
      </c>
      <c r="Z25" s="71">
        <v>1</v>
      </c>
      <c r="AA25" s="72">
        <v>2</v>
      </c>
      <c r="AB25" s="244"/>
      <c r="AC25" s="71">
        <v>2</v>
      </c>
      <c r="AD25" s="71">
        <v>1</v>
      </c>
      <c r="AE25" s="71">
        <v>1</v>
      </c>
      <c r="AF25" s="71">
        <v>2</v>
      </c>
      <c r="AG25" s="71">
        <v>0</v>
      </c>
      <c r="AH25" s="72">
        <v>6</v>
      </c>
      <c r="AI25" s="73">
        <v>8</v>
      </c>
      <c r="AJ25" s="70">
        <v>2</v>
      </c>
      <c r="AK25" s="71">
        <v>1</v>
      </c>
      <c r="AL25" s="72">
        <v>3</v>
      </c>
      <c r="AM25" s="244"/>
      <c r="AN25" s="71">
        <v>4</v>
      </c>
      <c r="AO25" s="71">
        <v>3</v>
      </c>
      <c r="AP25" s="71">
        <v>4</v>
      </c>
      <c r="AQ25" s="71">
        <v>0</v>
      </c>
      <c r="AR25" s="71">
        <v>1</v>
      </c>
      <c r="AS25" s="72">
        <v>12</v>
      </c>
      <c r="AT25" s="73">
        <v>15</v>
      </c>
      <c r="AU25" s="70">
        <v>5</v>
      </c>
      <c r="AV25" s="71">
        <v>1</v>
      </c>
      <c r="AW25" s="72">
        <v>6</v>
      </c>
      <c r="AX25" s="244"/>
      <c r="AY25" s="71">
        <v>4</v>
      </c>
      <c r="AZ25" s="71">
        <v>10</v>
      </c>
      <c r="BA25" s="71">
        <v>3</v>
      </c>
      <c r="BB25" s="71">
        <v>7</v>
      </c>
      <c r="BC25" s="71">
        <v>2</v>
      </c>
      <c r="BD25" s="72">
        <v>26</v>
      </c>
      <c r="BE25" s="73">
        <v>32</v>
      </c>
      <c r="BF25" s="70">
        <v>7</v>
      </c>
      <c r="BG25" s="71">
        <v>9</v>
      </c>
      <c r="BH25" s="72">
        <v>16</v>
      </c>
      <c r="BI25" s="244"/>
      <c r="BJ25" s="71">
        <v>13</v>
      </c>
      <c r="BK25" s="71">
        <v>11</v>
      </c>
      <c r="BL25" s="71">
        <v>4</v>
      </c>
      <c r="BM25" s="71">
        <v>2</v>
      </c>
      <c r="BN25" s="71">
        <v>0</v>
      </c>
      <c r="BO25" s="72">
        <v>30</v>
      </c>
      <c r="BP25" s="73">
        <v>46</v>
      </c>
      <c r="BQ25" s="70">
        <v>9</v>
      </c>
      <c r="BR25" s="71">
        <v>4</v>
      </c>
      <c r="BS25" s="72">
        <v>13</v>
      </c>
      <c r="BT25" s="244"/>
      <c r="BU25" s="71">
        <v>12</v>
      </c>
      <c r="BV25" s="71">
        <v>10</v>
      </c>
      <c r="BW25" s="71">
        <v>4</v>
      </c>
      <c r="BX25" s="71">
        <v>5</v>
      </c>
      <c r="BY25" s="71">
        <v>3</v>
      </c>
      <c r="BZ25" s="72">
        <v>34</v>
      </c>
      <c r="CA25" s="73">
        <v>47</v>
      </c>
      <c r="CB25" s="70">
        <v>0</v>
      </c>
      <c r="CC25" s="71">
        <v>0</v>
      </c>
      <c r="CD25" s="72">
        <v>0</v>
      </c>
      <c r="CE25" s="244"/>
      <c r="CF25" s="71">
        <v>0</v>
      </c>
      <c r="CG25" s="71">
        <v>0</v>
      </c>
      <c r="CH25" s="71">
        <v>0</v>
      </c>
      <c r="CI25" s="71">
        <v>0</v>
      </c>
      <c r="CJ25" s="71">
        <v>0</v>
      </c>
      <c r="CK25" s="72">
        <v>0</v>
      </c>
      <c r="CL25" s="73">
        <v>0</v>
      </c>
      <c r="CM25" s="70">
        <v>24</v>
      </c>
      <c r="CN25" s="71">
        <v>16</v>
      </c>
      <c r="CO25" s="72">
        <v>40</v>
      </c>
      <c r="CP25" s="244"/>
      <c r="CQ25" s="71">
        <v>35</v>
      </c>
      <c r="CR25" s="71">
        <v>36</v>
      </c>
      <c r="CS25" s="71">
        <v>16</v>
      </c>
      <c r="CT25" s="71">
        <v>16</v>
      </c>
      <c r="CU25" s="71">
        <v>6</v>
      </c>
      <c r="CV25" s="72">
        <v>109</v>
      </c>
      <c r="CW25" s="73">
        <v>149</v>
      </c>
      <c r="CX25" s="123">
        <v>2</v>
      </c>
      <c r="CY25" s="82">
        <v>3</v>
      </c>
      <c r="CZ25" s="83">
        <v>5</v>
      </c>
      <c r="DA25" s="241"/>
      <c r="DB25" s="82">
        <v>5</v>
      </c>
      <c r="DC25" s="82">
        <v>5</v>
      </c>
      <c r="DD25" s="82">
        <v>1</v>
      </c>
      <c r="DE25" s="82">
        <v>3</v>
      </c>
      <c r="DF25" s="82">
        <v>1</v>
      </c>
      <c r="DG25" s="84">
        <v>15</v>
      </c>
      <c r="DH25" s="85">
        <v>20</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1</v>
      </c>
      <c r="EF25" s="71">
        <v>1</v>
      </c>
      <c r="EG25" s="72">
        <v>2</v>
      </c>
      <c r="EH25" s="244"/>
      <c r="EI25" s="71">
        <v>1</v>
      </c>
      <c r="EJ25" s="71">
        <v>0</v>
      </c>
      <c r="EK25" s="71">
        <v>1</v>
      </c>
      <c r="EL25" s="71">
        <v>0</v>
      </c>
      <c r="EM25" s="71">
        <v>0</v>
      </c>
      <c r="EN25" s="72">
        <v>2</v>
      </c>
      <c r="EO25" s="73">
        <v>4</v>
      </c>
      <c r="EP25" s="70">
        <v>0</v>
      </c>
      <c r="EQ25" s="71">
        <v>0</v>
      </c>
      <c r="ER25" s="72">
        <v>0</v>
      </c>
      <c r="ES25" s="244"/>
      <c r="ET25" s="71">
        <v>2</v>
      </c>
      <c r="EU25" s="71">
        <v>0</v>
      </c>
      <c r="EV25" s="71">
        <v>0</v>
      </c>
      <c r="EW25" s="71">
        <v>0</v>
      </c>
      <c r="EX25" s="71">
        <v>1</v>
      </c>
      <c r="EY25" s="72">
        <v>3</v>
      </c>
      <c r="EZ25" s="73">
        <v>3</v>
      </c>
      <c r="FA25" s="70">
        <v>0</v>
      </c>
      <c r="FB25" s="71">
        <v>1</v>
      </c>
      <c r="FC25" s="72">
        <v>1</v>
      </c>
      <c r="FD25" s="244"/>
      <c r="FE25" s="71">
        <v>1</v>
      </c>
      <c r="FF25" s="71">
        <v>2</v>
      </c>
      <c r="FG25" s="71">
        <v>0</v>
      </c>
      <c r="FH25" s="71">
        <v>0</v>
      </c>
      <c r="FI25" s="71">
        <v>0</v>
      </c>
      <c r="FJ25" s="72">
        <v>3</v>
      </c>
      <c r="FK25" s="73">
        <v>4</v>
      </c>
      <c r="FL25" s="70">
        <v>1</v>
      </c>
      <c r="FM25" s="71">
        <v>1</v>
      </c>
      <c r="FN25" s="72">
        <v>2</v>
      </c>
      <c r="FO25" s="244"/>
      <c r="FP25" s="71">
        <v>1</v>
      </c>
      <c r="FQ25" s="71">
        <v>3</v>
      </c>
      <c r="FR25" s="71">
        <v>0</v>
      </c>
      <c r="FS25" s="71">
        <v>3</v>
      </c>
      <c r="FT25" s="71">
        <v>0</v>
      </c>
      <c r="FU25" s="72">
        <v>7</v>
      </c>
      <c r="FV25" s="73">
        <v>9</v>
      </c>
      <c r="FW25" s="70">
        <v>0</v>
      </c>
      <c r="FX25" s="71">
        <v>0</v>
      </c>
      <c r="FY25" s="72">
        <v>0</v>
      </c>
      <c r="FZ25" s="244"/>
      <c r="GA25" s="71">
        <v>0</v>
      </c>
      <c r="GB25" s="71">
        <v>0</v>
      </c>
      <c r="GC25" s="71">
        <v>0</v>
      </c>
      <c r="GD25" s="71">
        <v>0</v>
      </c>
      <c r="GE25" s="71">
        <v>0</v>
      </c>
      <c r="GF25" s="72">
        <v>0</v>
      </c>
      <c r="GG25" s="73">
        <v>0</v>
      </c>
      <c r="GH25" s="70">
        <v>2</v>
      </c>
      <c r="GI25" s="71">
        <v>3</v>
      </c>
      <c r="GJ25" s="72">
        <v>5</v>
      </c>
      <c r="GK25" s="244"/>
      <c r="GL25" s="71">
        <v>5</v>
      </c>
      <c r="GM25" s="71">
        <v>5</v>
      </c>
      <c r="GN25" s="71">
        <v>1</v>
      </c>
      <c r="GO25" s="71">
        <v>3</v>
      </c>
      <c r="GP25" s="71">
        <v>1</v>
      </c>
      <c r="GQ25" s="72">
        <v>15</v>
      </c>
      <c r="GR25" s="73">
        <v>20</v>
      </c>
      <c r="GS25" s="123">
        <v>26</v>
      </c>
      <c r="GT25" s="82">
        <v>19</v>
      </c>
      <c r="GU25" s="83">
        <v>45</v>
      </c>
      <c r="GV25" s="241"/>
      <c r="GW25" s="82">
        <v>40</v>
      </c>
      <c r="GX25" s="82">
        <v>41</v>
      </c>
      <c r="GY25" s="82">
        <v>17</v>
      </c>
      <c r="GZ25" s="82">
        <v>19</v>
      </c>
      <c r="HA25" s="82">
        <v>7</v>
      </c>
      <c r="HB25" s="84">
        <v>124</v>
      </c>
      <c r="HC25" s="85">
        <v>169</v>
      </c>
      <c r="HD25" s="70">
        <v>0</v>
      </c>
      <c r="HE25" s="71">
        <v>0</v>
      </c>
      <c r="HF25" s="72">
        <v>0</v>
      </c>
      <c r="HG25" s="244"/>
      <c r="HH25" s="71">
        <v>0</v>
      </c>
      <c r="HI25" s="71">
        <v>1</v>
      </c>
      <c r="HJ25" s="71">
        <v>0</v>
      </c>
      <c r="HK25" s="71">
        <v>0</v>
      </c>
      <c r="HL25" s="71">
        <v>0</v>
      </c>
      <c r="HM25" s="72">
        <v>1</v>
      </c>
      <c r="HN25" s="73">
        <v>1</v>
      </c>
      <c r="HO25" s="70">
        <v>1</v>
      </c>
      <c r="HP25" s="71">
        <v>1</v>
      </c>
      <c r="HQ25" s="72">
        <v>2</v>
      </c>
      <c r="HR25" s="244"/>
      <c r="HS25" s="71">
        <v>2</v>
      </c>
      <c r="HT25" s="71">
        <v>1</v>
      </c>
      <c r="HU25" s="71">
        <v>1</v>
      </c>
      <c r="HV25" s="71">
        <v>2</v>
      </c>
      <c r="HW25" s="71">
        <v>0</v>
      </c>
      <c r="HX25" s="72">
        <v>6</v>
      </c>
      <c r="HY25" s="73">
        <v>8</v>
      </c>
      <c r="HZ25" s="70">
        <v>3</v>
      </c>
      <c r="IA25" s="71">
        <v>2</v>
      </c>
      <c r="IB25" s="72">
        <v>5</v>
      </c>
      <c r="IC25" s="244"/>
      <c r="ID25" s="71">
        <v>5</v>
      </c>
      <c r="IE25" s="71">
        <v>3</v>
      </c>
      <c r="IF25" s="71">
        <v>5</v>
      </c>
      <c r="IG25" s="71">
        <v>0</v>
      </c>
      <c r="IH25" s="71">
        <v>1</v>
      </c>
      <c r="II25" s="72">
        <v>14</v>
      </c>
      <c r="IJ25" s="73">
        <v>19</v>
      </c>
      <c r="IK25" s="70">
        <v>5</v>
      </c>
      <c r="IL25" s="71">
        <v>1</v>
      </c>
      <c r="IM25" s="72">
        <v>6</v>
      </c>
      <c r="IN25" s="244"/>
      <c r="IO25" s="71">
        <v>6</v>
      </c>
      <c r="IP25" s="71">
        <v>10</v>
      </c>
      <c r="IQ25" s="71">
        <v>3</v>
      </c>
      <c r="IR25" s="71">
        <v>7</v>
      </c>
      <c r="IS25" s="71">
        <v>3</v>
      </c>
      <c r="IT25" s="72">
        <v>29</v>
      </c>
      <c r="IU25" s="73">
        <v>35</v>
      </c>
      <c r="IV25" s="70">
        <v>7</v>
      </c>
      <c r="IW25" s="71">
        <v>10</v>
      </c>
      <c r="IX25" s="72">
        <v>17</v>
      </c>
      <c r="IY25" s="244"/>
      <c r="IZ25" s="71">
        <v>14</v>
      </c>
      <c r="JA25" s="71">
        <v>13</v>
      </c>
      <c r="JB25" s="71">
        <v>4</v>
      </c>
      <c r="JC25" s="71">
        <v>2</v>
      </c>
      <c r="JD25" s="71">
        <v>0</v>
      </c>
      <c r="JE25" s="72">
        <v>33</v>
      </c>
      <c r="JF25" s="73">
        <v>50</v>
      </c>
      <c r="JG25" s="70">
        <v>10</v>
      </c>
      <c r="JH25" s="71">
        <v>5</v>
      </c>
      <c r="JI25" s="72">
        <v>15</v>
      </c>
      <c r="JJ25" s="244"/>
      <c r="JK25" s="71">
        <v>13</v>
      </c>
      <c r="JL25" s="71">
        <v>13</v>
      </c>
      <c r="JM25" s="71">
        <v>4</v>
      </c>
      <c r="JN25" s="71">
        <v>8</v>
      </c>
      <c r="JO25" s="71">
        <v>3</v>
      </c>
      <c r="JP25" s="72">
        <v>41</v>
      </c>
      <c r="JQ25" s="73">
        <v>56</v>
      </c>
      <c r="JR25" s="70">
        <v>0</v>
      </c>
      <c r="JS25" s="71">
        <v>0</v>
      </c>
      <c r="JT25" s="72">
        <v>0</v>
      </c>
      <c r="JU25" s="244"/>
      <c r="JV25" s="71">
        <v>0</v>
      </c>
      <c r="JW25" s="71">
        <v>0</v>
      </c>
      <c r="JX25" s="71">
        <v>0</v>
      </c>
      <c r="JY25" s="71">
        <v>0</v>
      </c>
      <c r="JZ25" s="71">
        <v>0</v>
      </c>
      <c r="KA25" s="72">
        <v>0</v>
      </c>
      <c r="KB25" s="73">
        <v>0</v>
      </c>
      <c r="KC25" s="70">
        <v>26</v>
      </c>
      <c r="KD25" s="71">
        <v>19</v>
      </c>
      <c r="KE25" s="72">
        <v>45</v>
      </c>
      <c r="KF25" s="244"/>
      <c r="KG25" s="71">
        <v>40</v>
      </c>
      <c r="KH25" s="71">
        <v>41</v>
      </c>
      <c r="KI25" s="71">
        <v>17</v>
      </c>
      <c r="KJ25" s="71">
        <v>19</v>
      </c>
      <c r="KK25" s="71">
        <v>7</v>
      </c>
      <c r="KL25" s="72">
        <v>124</v>
      </c>
      <c r="KM25" s="73">
        <v>169</v>
      </c>
    </row>
    <row r="26" spans="2:299" ht="19.8" customHeight="1" x14ac:dyDescent="0.2">
      <c r="B26" s="126" t="s">
        <v>23</v>
      </c>
      <c r="C26" s="316">
        <v>32</v>
      </c>
      <c r="D26" s="82">
        <v>29</v>
      </c>
      <c r="E26" s="83">
        <v>61</v>
      </c>
      <c r="F26" s="241"/>
      <c r="G26" s="82">
        <v>45</v>
      </c>
      <c r="H26" s="82">
        <v>35</v>
      </c>
      <c r="I26" s="82">
        <v>27</v>
      </c>
      <c r="J26" s="82">
        <v>17</v>
      </c>
      <c r="K26" s="82">
        <v>8</v>
      </c>
      <c r="L26" s="84">
        <v>132</v>
      </c>
      <c r="M26" s="85">
        <v>193</v>
      </c>
      <c r="N26" s="70">
        <v>1</v>
      </c>
      <c r="O26" s="71">
        <v>0</v>
      </c>
      <c r="P26" s="72">
        <v>1</v>
      </c>
      <c r="Q26" s="244"/>
      <c r="R26" s="71">
        <v>2</v>
      </c>
      <c r="S26" s="71">
        <v>1</v>
      </c>
      <c r="T26" s="71">
        <v>1</v>
      </c>
      <c r="U26" s="71">
        <v>0</v>
      </c>
      <c r="V26" s="71">
        <v>0</v>
      </c>
      <c r="W26" s="72">
        <v>4</v>
      </c>
      <c r="X26" s="73">
        <v>5</v>
      </c>
      <c r="Y26" s="70">
        <v>2</v>
      </c>
      <c r="Z26" s="71">
        <v>1</v>
      </c>
      <c r="AA26" s="72">
        <v>3</v>
      </c>
      <c r="AB26" s="244"/>
      <c r="AC26" s="71">
        <v>2</v>
      </c>
      <c r="AD26" s="71">
        <v>2</v>
      </c>
      <c r="AE26" s="71">
        <v>0</v>
      </c>
      <c r="AF26" s="71">
        <v>2</v>
      </c>
      <c r="AG26" s="71">
        <v>2</v>
      </c>
      <c r="AH26" s="72">
        <v>8</v>
      </c>
      <c r="AI26" s="73">
        <v>11</v>
      </c>
      <c r="AJ26" s="70">
        <v>3</v>
      </c>
      <c r="AK26" s="71">
        <v>5</v>
      </c>
      <c r="AL26" s="72">
        <v>8</v>
      </c>
      <c r="AM26" s="244"/>
      <c r="AN26" s="71">
        <v>3</v>
      </c>
      <c r="AO26" s="71">
        <v>5</v>
      </c>
      <c r="AP26" s="71">
        <v>1</v>
      </c>
      <c r="AQ26" s="71">
        <v>3</v>
      </c>
      <c r="AR26" s="71">
        <v>2</v>
      </c>
      <c r="AS26" s="72">
        <v>14</v>
      </c>
      <c r="AT26" s="73">
        <v>22</v>
      </c>
      <c r="AU26" s="70">
        <v>10</v>
      </c>
      <c r="AV26" s="71">
        <v>7</v>
      </c>
      <c r="AW26" s="72">
        <v>17</v>
      </c>
      <c r="AX26" s="244"/>
      <c r="AY26" s="71">
        <v>18</v>
      </c>
      <c r="AZ26" s="71">
        <v>11</v>
      </c>
      <c r="BA26" s="71">
        <v>7</v>
      </c>
      <c r="BB26" s="71">
        <v>4</v>
      </c>
      <c r="BC26" s="71">
        <v>1</v>
      </c>
      <c r="BD26" s="72">
        <v>41</v>
      </c>
      <c r="BE26" s="73">
        <v>58</v>
      </c>
      <c r="BF26" s="70">
        <v>14</v>
      </c>
      <c r="BG26" s="71">
        <v>8</v>
      </c>
      <c r="BH26" s="72">
        <v>22</v>
      </c>
      <c r="BI26" s="244"/>
      <c r="BJ26" s="71">
        <v>13</v>
      </c>
      <c r="BK26" s="71">
        <v>7</v>
      </c>
      <c r="BL26" s="71">
        <v>6</v>
      </c>
      <c r="BM26" s="71">
        <v>4</v>
      </c>
      <c r="BN26" s="71">
        <v>1</v>
      </c>
      <c r="BO26" s="72">
        <v>31</v>
      </c>
      <c r="BP26" s="73">
        <v>53</v>
      </c>
      <c r="BQ26" s="70">
        <v>2</v>
      </c>
      <c r="BR26" s="71">
        <v>8</v>
      </c>
      <c r="BS26" s="72">
        <v>10</v>
      </c>
      <c r="BT26" s="244"/>
      <c r="BU26" s="71">
        <v>7</v>
      </c>
      <c r="BV26" s="71">
        <v>9</v>
      </c>
      <c r="BW26" s="71">
        <v>12</v>
      </c>
      <c r="BX26" s="71">
        <v>4</v>
      </c>
      <c r="BY26" s="71">
        <v>2</v>
      </c>
      <c r="BZ26" s="72">
        <v>34</v>
      </c>
      <c r="CA26" s="73">
        <v>44</v>
      </c>
      <c r="CB26" s="70">
        <v>0</v>
      </c>
      <c r="CC26" s="71">
        <v>0</v>
      </c>
      <c r="CD26" s="72">
        <v>0</v>
      </c>
      <c r="CE26" s="244"/>
      <c r="CF26" s="71">
        <v>0</v>
      </c>
      <c r="CG26" s="71">
        <v>0</v>
      </c>
      <c r="CH26" s="71">
        <v>0</v>
      </c>
      <c r="CI26" s="71">
        <v>0</v>
      </c>
      <c r="CJ26" s="71">
        <v>0</v>
      </c>
      <c r="CK26" s="72">
        <v>0</v>
      </c>
      <c r="CL26" s="73">
        <v>0</v>
      </c>
      <c r="CM26" s="70">
        <v>32</v>
      </c>
      <c r="CN26" s="71">
        <v>29</v>
      </c>
      <c r="CO26" s="72">
        <v>61</v>
      </c>
      <c r="CP26" s="244"/>
      <c r="CQ26" s="71">
        <v>45</v>
      </c>
      <c r="CR26" s="71">
        <v>35</v>
      </c>
      <c r="CS26" s="71">
        <v>27</v>
      </c>
      <c r="CT26" s="71">
        <v>17</v>
      </c>
      <c r="CU26" s="71">
        <v>8</v>
      </c>
      <c r="CV26" s="72">
        <v>132</v>
      </c>
      <c r="CW26" s="73">
        <v>193</v>
      </c>
      <c r="CX26" s="123">
        <v>3</v>
      </c>
      <c r="CY26" s="82">
        <v>4</v>
      </c>
      <c r="CZ26" s="83">
        <v>7</v>
      </c>
      <c r="DA26" s="241"/>
      <c r="DB26" s="82">
        <v>5</v>
      </c>
      <c r="DC26" s="82">
        <v>7</v>
      </c>
      <c r="DD26" s="82">
        <v>3</v>
      </c>
      <c r="DE26" s="82">
        <v>3</v>
      </c>
      <c r="DF26" s="82">
        <v>3</v>
      </c>
      <c r="DG26" s="84">
        <v>21</v>
      </c>
      <c r="DH26" s="85">
        <v>28</v>
      </c>
      <c r="DI26" s="70">
        <v>0</v>
      </c>
      <c r="DJ26" s="71">
        <v>0</v>
      </c>
      <c r="DK26" s="72">
        <v>0</v>
      </c>
      <c r="DL26" s="244"/>
      <c r="DM26" s="71">
        <v>0</v>
      </c>
      <c r="DN26" s="71">
        <v>1</v>
      </c>
      <c r="DO26" s="71">
        <v>0</v>
      </c>
      <c r="DP26" s="71">
        <v>1</v>
      </c>
      <c r="DQ26" s="71">
        <v>0</v>
      </c>
      <c r="DR26" s="72">
        <v>2</v>
      </c>
      <c r="DS26" s="73">
        <v>2</v>
      </c>
      <c r="DT26" s="70">
        <v>1</v>
      </c>
      <c r="DU26" s="71">
        <v>1</v>
      </c>
      <c r="DV26" s="72">
        <v>2</v>
      </c>
      <c r="DW26" s="244"/>
      <c r="DX26" s="71">
        <v>1</v>
      </c>
      <c r="DY26" s="71">
        <v>1</v>
      </c>
      <c r="DZ26" s="71">
        <v>1</v>
      </c>
      <c r="EA26" s="71">
        <v>0</v>
      </c>
      <c r="EB26" s="71">
        <v>1</v>
      </c>
      <c r="EC26" s="72">
        <v>4</v>
      </c>
      <c r="ED26" s="73">
        <v>6</v>
      </c>
      <c r="EE26" s="70">
        <v>1</v>
      </c>
      <c r="EF26" s="71">
        <v>1</v>
      </c>
      <c r="EG26" s="72">
        <v>2</v>
      </c>
      <c r="EH26" s="244"/>
      <c r="EI26" s="71">
        <v>0</v>
      </c>
      <c r="EJ26" s="71">
        <v>1</v>
      </c>
      <c r="EK26" s="71">
        <v>0</v>
      </c>
      <c r="EL26" s="71">
        <v>1</v>
      </c>
      <c r="EM26" s="71">
        <v>0</v>
      </c>
      <c r="EN26" s="72">
        <v>2</v>
      </c>
      <c r="EO26" s="73">
        <v>4</v>
      </c>
      <c r="EP26" s="70">
        <v>0</v>
      </c>
      <c r="EQ26" s="71">
        <v>1</v>
      </c>
      <c r="ER26" s="72">
        <v>1</v>
      </c>
      <c r="ES26" s="244"/>
      <c r="ET26" s="71">
        <v>4</v>
      </c>
      <c r="EU26" s="71">
        <v>1</v>
      </c>
      <c r="EV26" s="71">
        <v>0</v>
      </c>
      <c r="EW26" s="71">
        <v>0</v>
      </c>
      <c r="EX26" s="71">
        <v>0</v>
      </c>
      <c r="EY26" s="72">
        <v>5</v>
      </c>
      <c r="EZ26" s="73">
        <v>6</v>
      </c>
      <c r="FA26" s="70">
        <v>1</v>
      </c>
      <c r="FB26" s="71">
        <v>1</v>
      </c>
      <c r="FC26" s="72">
        <v>2</v>
      </c>
      <c r="FD26" s="244"/>
      <c r="FE26" s="71">
        <v>0</v>
      </c>
      <c r="FF26" s="71">
        <v>2</v>
      </c>
      <c r="FG26" s="71">
        <v>1</v>
      </c>
      <c r="FH26" s="71">
        <v>1</v>
      </c>
      <c r="FI26" s="71">
        <v>1</v>
      </c>
      <c r="FJ26" s="72">
        <v>5</v>
      </c>
      <c r="FK26" s="73">
        <v>7</v>
      </c>
      <c r="FL26" s="70">
        <v>0</v>
      </c>
      <c r="FM26" s="71">
        <v>0</v>
      </c>
      <c r="FN26" s="72">
        <v>0</v>
      </c>
      <c r="FO26" s="244"/>
      <c r="FP26" s="71">
        <v>0</v>
      </c>
      <c r="FQ26" s="71">
        <v>1</v>
      </c>
      <c r="FR26" s="71">
        <v>1</v>
      </c>
      <c r="FS26" s="71">
        <v>0</v>
      </c>
      <c r="FT26" s="71">
        <v>1</v>
      </c>
      <c r="FU26" s="72">
        <v>3</v>
      </c>
      <c r="FV26" s="73">
        <v>3</v>
      </c>
      <c r="FW26" s="70">
        <v>0</v>
      </c>
      <c r="FX26" s="71">
        <v>0</v>
      </c>
      <c r="FY26" s="72">
        <v>0</v>
      </c>
      <c r="FZ26" s="244"/>
      <c r="GA26" s="71">
        <v>0</v>
      </c>
      <c r="GB26" s="71">
        <v>0</v>
      </c>
      <c r="GC26" s="71">
        <v>0</v>
      </c>
      <c r="GD26" s="71">
        <v>0</v>
      </c>
      <c r="GE26" s="71">
        <v>0</v>
      </c>
      <c r="GF26" s="72">
        <v>0</v>
      </c>
      <c r="GG26" s="73">
        <v>0</v>
      </c>
      <c r="GH26" s="70">
        <v>3</v>
      </c>
      <c r="GI26" s="71">
        <v>4</v>
      </c>
      <c r="GJ26" s="72">
        <v>7</v>
      </c>
      <c r="GK26" s="244"/>
      <c r="GL26" s="71">
        <v>5</v>
      </c>
      <c r="GM26" s="71">
        <v>7</v>
      </c>
      <c r="GN26" s="71">
        <v>3</v>
      </c>
      <c r="GO26" s="71">
        <v>3</v>
      </c>
      <c r="GP26" s="71">
        <v>3</v>
      </c>
      <c r="GQ26" s="72">
        <v>21</v>
      </c>
      <c r="GR26" s="73">
        <v>28</v>
      </c>
      <c r="GS26" s="123">
        <v>35</v>
      </c>
      <c r="GT26" s="82">
        <v>33</v>
      </c>
      <c r="GU26" s="83">
        <v>68</v>
      </c>
      <c r="GV26" s="241"/>
      <c r="GW26" s="82">
        <v>50</v>
      </c>
      <c r="GX26" s="82">
        <v>42</v>
      </c>
      <c r="GY26" s="82">
        <v>30</v>
      </c>
      <c r="GZ26" s="82">
        <v>20</v>
      </c>
      <c r="HA26" s="82">
        <v>11</v>
      </c>
      <c r="HB26" s="84">
        <v>153</v>
      </c>
      <c r="HC26" s="85">
        <v>221</v>
      </c>
      <c r="HD26" s="70">
        <v>1</v>
      </c>
      <c r="HE26" s="71">
        <v>0</v>
      </c>
      <c r="HF26" s="72">
        <v>1</v>
      </c>
      <c r="HG26" s="244"/>
      <c r="HH26" s="71">
        <v>2</v>
      </c>
      <c r="HI26" s="71">
        <v>2</v>
      </c>
      <c r="HJ26" s="71">
        <v>1</v>
      </c>
      <c r="HK26" s="71">
        <v>1</v>
      </c>
      <c r="HL26" s="71">
        <v>0</v>
      </c>
      <c r="HM26" s="72">
        <v>6</v>
      </c>
      <c r="HN26" s="73">
        <v>7</v>
      </c>
      <c r="HO26" s="70">
        <v>3</v>
      </c>
      <c r="HP26" s="71">
        <v>2</v>
      </c>
      <c r="HQ26" s="72">
        <v>5</v>
      </c>
      <c r="HR26" s="244"/>
      <c r="HS26" s="71">
        <v>3</v>
      </c>
      <c r="HT26" s="71">
        <v>3</v>
      </c>
      <c r="HU26" s="71">
        <v>1</v>
      </c>
      <c r="HV26" s="71">
        <v>2</v>
      </c>
      <c r="HW26" s="71">
        <v>3</v>
      </c>
      <c r="HX26" s="72">
        <v>12</v>
      </c>
      <c r="HY26" s="73">
        <v>17</v>
      </c>
      <c r="HZ26" s="70">
        <v>4</v>
      </c>
      <c r="IA26" s="71">
        <v>6</v>
      </c>
      <c r="IB26" s="72">
        <v>10</v>
      </c>
      <c r="IC26" s="244"/>
      <c r="ID26" s="71">
        <v>3</v>
      </c>
      <c r="IE26" s="71">
        <v>6</v>
      </c>
      <c r="IF26" s="71">
        <v>1</v>
      </c>
      <c r="IG26" s="71">
        <v>4</v>
      </c>
      <c r="IH26" s="71">
        <v>2</v>
      </c>
      <c r="II26" s="72">
        <v>16</v>
      </c>
      <c r="IJ26" s="73">
        <v>26</v>
      </c>
      <c r="IK26" s="70">
        <v>10</v>
      </c>
      <c r="IL26" s="71">
        <v>8</v>
      </c>
      <c r="IM26" s="72">
        <v>18</v>
      </c>
      <c r="IN26" s="244"/>
      <c r="IO26" s="71">
        <v>22</v>
      </c>
      <c r="IP26" s="71">
        <v>12</v>
      </c>
      <c r="IQ26" s="71">
        <v>7</v>
      </c>
      <c r="IR26" s="71">
        <v>4</v>
      </c>
      <c r="IS26" s="71">
        <v>1</v>
      </c>
      <c r="IT26" s="72">
        <v>46</v>
      </c>
      <c r="IU26" s="73">
        <v>64</v>
      </c>
      <c r="IV26" s="70">
        <v>15</v>
      </c>
      <c r="IW26" s="71">
        <v>9</v>
      </c>
      <c r="IX26" s="72">
        <v>24</v>
      </c>
      <c r="IY26" s="244"/>
      <c r="IZ26" s="71">
        <v>13</v>
      </c>
      <c r="JA26" s="71">
        <v>9</v>
      </c>
      <c r="JB26" s="71">
        <v>7</v>
      </c>
      <c r="JC26" s="71">
        <v>5</v>
      </c>
      <c r="JD26" s="71">
        <v>2</v>
      </c>
      <c r="JE26" s="72">
        <v>36</v>
      </c>
      <c r="JF26" s="73">
        <v>60</v>
      </c>
      <c r="JG26" s="70">
        <v>2</v>
      </c>
      <c r="JH26" s="71">
        <v>8</v>
      </c>
      <c r="JI26" s="72">
        <v>10</v>
      </c>
      <c r="JJ26" s="244"/>
      <c r="JK26" s="71">
        <v>7</v>
      </c>
      <c r="JL26" s="71">
        <v>10</v>
      </c>
      <c r="JM26" s="71">
        <v>13</v>
      </c>
      <c r="JN26" s="71">
        <v>4</v>
      </c>
      <c r="JO26" s="71">
        <v>3</v>
      </c>
      <c r="JP26" s="72">
        <v>37</v>
      </c>
      <c r="JQ26" s="73">
        <v>47</v>
      </c>
      <c r="JR26" s="70">
        <v>0</v>
      </c>
      <c r="JS26" s="71">
        <v>0</v>
      </c>
      <c r="JT26" s="72">
        <v>0</v>
      </c>
      <c r="JU26" s="244"/>
      <c r="JV26" s="71">
        <v>0</v>
      </c>
      <c r="JW26" s="71">
        <v>0</v>
      </c>
      <c r="JX26" s="71">
        <v>0</v>
      </c>
      <c r="JY26" s="71">
        <v>0</v>
      </c>
      <c r="JZ26" s="71">
        <v>0</v>
      </c>
      <c r="KA26" s="72">
        <v>0</v>
      </c>
      <c r="KB26" s="73">
        <v>0</v>
      </c>
      <c r="KC26" s="70">
        <v>35</v>
      </c>
      <c r="KD26" s="71">
        <v>33</v>
      </c>
      <c r="KE26" s="72">
        <v>68</v>
      </c>
      <c r="KF26" s="244"/>
      <c r="KG26" s="71">
        <v>50</v>
      </c>
      <c r="KH26" s="71">
        <v>42</v>
      </c>
      <c r="KI26" s="71">
        <v>30</v>
      </c>
      <c r="KJ26" s="71">
        <v>20</v>
      </c>
      <c r="KK26" s="71">
        <v>11</v>
      </c>
      <c r="KL26" s="72">
        <v>153</v>
      </c>
      <c r="KM26" s="73">
        <v>221</v>
      </c>
    </row>
    <row r="27" spans="2:299" ht="19.8" customHeight="1" x14ac:dyDescent="0.2">
      <c r="B27" s="126" t="s">
        <v>24</v>
      </c>
      <c r="C27" s="316">
        <v>32</v>
      </c>
      <c r="D27" s="82">
        <v>19</v>
      </c>
      <c r="E27" s="83">
        <v>51</v>
      </c>
      <c r="F27" s="241"/>
      <c r="G27" s="82">
        <v>51</v>
      </c>
      <c r="H27" s="82">
        <v>28</v>
      </c>
      <c r="I27" s="82">
        <v>17</v>
      </c>
      <c r="J27" s="82">
        <v>14</v>
      </c>
      <c r="K27" s="82">
        <v>6</v>
      </c>
      <c r="L27" s="84">
        <v>116</v>
      </c>
      <c r="M27" s="85">
        <v>167</v>
      </c>
      <c r="N27" s="70">
        <v>0</v>
      </c>
      <c r="O27" s="71">
        <v>0</v>
      </c>
      <c r="P27" s="72">
        <v>0</v>
      </c>
      <c r="Q27" s="244"/>
      <c r="R27" s="71">
        <v>2</v>
      </c>
      <c r="S27" s="71">
        <v>0</v>
      </c>
      <c r="T27" s="71">
        <v>0</v>
      </c>
      <c r="U27" s="71">
        <v>0</v>
      </c>
      <c r="V27" s="71">
        <v>0</v>
      </c>
      <c r="W27" s="72">
        <v>2</v>
      </c>
      <c r="X27" s="73">
        <v>2</v>
      </c>
      <c r="Y27" s="70">
        <v>0</v>
      </c>
      <c r="Z27" s="71">
        <v>1</v>
      </c>
      <c r="AA27" s="72">
        <v>1</v>
      </c>
      <c r="AB27" s="244"/>
      <c r="AC27" s="71">
        <v>2</v>
      </c>
      <c r="AD27" s="71">
        <v>4</v>
      </c>
      <c r="AE27" s="71">
        <v>0</v>
      </c>
      <c r="AF27" s="71">
        <v>0</v>
      </c>
      <c r="AG27" s="71">
        <v>1</v>
      </c>
      <c r="AH27" s="72">
        <v>7</v>
      </c>
      <c r="AI27" s="73">
        <v>8</v>
      </c>
      <c r="AJ27" s="70">
        <v>2</v>
      </c>
      <c r="AK27" s="71">
        <v>2</v>
      </c>
      <c r="AL27" s="72">
        <v>4</v>
      </c>
      <c r="AM27" s="244"/>
      <c r="AN27" s="71">
        <v>5</v>
      </c>
      <c r="AO27" s="71">
        <v>2</v>
      </c>
      <c r="AP27" s="71">
        <v>0</v>
      </c>
      <c r="AQ27" s="71">
        <v>4</v>
      </c>
      <c r="AR27" s="71">
        <v>0</v>
      </c>
      <c r="AS27" s="72">
        <v>11</v>
      </c>
      <c r="AT27" s="73">
        <v>15</v>
      </c>
      <c r="AU27" s="70">
        <v>3</v>
      </c>
      <c r="AV27" s="71">
        <v>4</v>
      </c>
      <c r="AW27" s="72">
        <v>7</v>
      </c>
      <c r="AX27" s="244"/>
      <c r="AY27" s="71">
        <v>5</v>
      </c>
      <c r="AZ27" s="71">
        <v>4</v>
      </c>
      <c r="BA27" s="71">
        <v>1</v>
      </c>
      <c r="BB27" s="71">
        <v>2</v>
      </c>
      <c r="BC27" s="71">
        <v>2</v>
      </c>
      <c r="BD27" s="72">
        <v>14</v>
      </c>
      <c r="BE27" s="73">
        <v>21</v>
      </c>
      <c r="BF27" s="70">
        <v>10</v>
      </c>
      <c r="BG27" s="71">
        <v>4</v>
      </c>
      <c r="BH27" s="72">
        <v>14</v>
      </c>
      <c r="BI27" s="244"/>
      <c r="BJ27" s="71">
        <v>14</v>
      </c>
      <c r="BK27" s="71">
        <v>12</v>
      </c>
      <c r="BL27" s="71">
        <v>6</v>
      </c>
      <c r="BM27" s="71">
        <v>4</v>
      </c>
      <c r="BN27" s="71">
        <v>2</v>
      </c>
      <c r="BO27" s="72">
        <v>38</v>
      </c>
      <c r="BP27" s="73">
        <v>52</v>
      </c>
      <c r="BQ27" s="70">
        <v>17</v>
      </c>
      <c r="BR27" s="71">
        <v>8</v>
      </c>
      <c r="BS27" s="72">
        <v>25</v>
      </c>
      <c r="BT27" s="244"/>
      <c r="BU27" s="71">
        <v>23</v>
      </c>
      <c r="BV27" s="71">
        <v>6</v>
      </c>
      <c r="BW27" s="71">
        <v>10</v>
      </c>
      <c r="BX27" s="71">
        <v>4</v>
      </c>
      <c r="BY27" s="71">
        <v>1</v>
      </c>
      <c r="BZ27" s="72">
        <v>44</v>
      </c>
      <c r="CA27" s="73">
        <v>69</v>
      </c>
      <c r="CB27" s="70">
        <v>0</v>
      </c>
      <c r="CC27" s="71">
        <v>0</v>
      </c>
      <c r="CD27" s="72">
        <v>0</v>
      </c>
      <c r="CE27" s="244"/>
      <c r="CF27" s="71">
        <v>0</v>
      </c>
      <c r="CG27" s="71">
        <v>0</v>
      </c>
      <c r="CH27" s="71">
        <v>0</v>
      </c>
      <c r="CI27" s="71">
        <v>0</v>
      </c>
      <c r="CJ27" s="71">
        <v>0</v>
      </c>
      <c r="CK27" s="72">
        <v>0</v>
      </c>
      <c r="CL27" s="73">
        <v>0</v>
      </c>
      <c r="CM27" s="70">
        <v>32</v>
      </c>
      <c r="CN27" s="71">
        <v>19</v>
      </c>
      <c r="CO27" s="72">
        <v>51</v>
      </c>
      <c r="CP27" s="244"/>
      <c r="CQ27" s="71">
        <v>51</v>
      </c>
      <c r="CR27" s="71">
        <v>28</v>
      </c>
      <c r="CS27" s="71">
        <v>17</v>
      </c>
      <c r="CT27" s="71">
        <v>14</v>
      </c>
      <c r="CU27" s="71">
        <v>6</v>
      </c>
      <c r="CV27" s="72">
        <v>116</v>
      </c>
      <c r="CW27" s="73">
        <v>167</v>
      </c>
      <c r="CX27" s="123">
        <v>3</v>
      </c>
      <c r="CY27" s="82">
        <v>2</v>
      </c>
      <c r="CZ27" s="83">
        <v>5</v>
      </c>
      <c r="DA27" s="241"/>
      <c r="DB27" s="82">
        <v>8</v>
      </c>
      <c r="DC27" s="82">
        <v>1</v>
      </c>
      <c r="DD27" s="82">
        <v>5</v>
      </c>
      <c r="DE27" s="82">
        <v>2</v>
      </c>
      <c r="DF27" s="82">
        <v>2</v>
      </c>
      <c r="DG27" s="84">
        <v>18</v>
      </c>
      <c r="DH27" s="85">
        <v>23</v>
      </c>
      <c r="DI27" s="70">
        <v>0</v>
      </c>
      <c r="DJ27" s="71">
        <v>0</v>
      </c>
      <c r="DK27" s="72">
        <v>0</v>
      </c>
      <c r="DL27" s="244"/>
      <c r="DM27" s="71">
        <v>0</v>
      </c>
      <c r="DN27" s="71">
        <v>0</v>
      </c>
      <c r="DO27" s="71">
        <v>0</v>
      </c>
      <c r="DP27" s="71">
        <v>0</v>
      </c>
      <c r="DQ27" s="71">
        <v>0</v>
      </c>
      <c r="DR27" s="72">
        <v>0</v>
      </c>
      <c r="DS27" s="73">
        <v>0</v>
      </c>
      <c r="DT27" s="70">
        <v>1</v>
      </c>
      <c r="DU27" s="71">
        <v>0</v>
      </c>
      <c r="DV27" s="72">
        <v>1</v>
      </c>
      <c r="DW27" s="244"/>
      <c r="DX27" s="71">
        <v>0</v>
      </c>
      <c r="DY27" s="71">
        <v>0</v>
      </c>
      <c r="DZ27" s="71">
        <v>0</v>
      </c>
      <c r="EA27" s="71">
        <v>0</v>
      </c>
      <c r="EB27" s="71">
        <v>0</v>
      </c>
      <c r="EC27" s="72">
        <v>0</v>
      </c>
      <c r="ED27" s="73">
        <v>1</v>
      </c>
      <c r="EE27" s="70">
        <v>0</v>
      </c>
      <c r="EF27" s="71">
        <v>0</v>
      </c>
      <c r="EG27" s="72">
        <v>0</v>
      </c>
      <c r="EH27" s="244"/>
      <c r="EI27" s="71">
        <v>0</v>
      </c>
      <c r="EJ27" s="71">
        <v>0</v>
      </c>
      <c r="EK27" s="71">
        <v>1</v>
      </c>
      <c r="EL27" s="71">
        <v>0</v>
      </c>
      <c r="EM27" s="71">
        <v>0</v>
      </c>
      <c r="EN27" s="72">
        <v>1</v>
      </c>
      <c r="EO27" s="73">
        <v>1</v>
      </c>
      <c r="EP27" s="70">
        <v>0</v>
      </c>
      <c r="EQ27" s="71">
        <v>0</v>
      </c>
      <c r="ER27" s="72">
        <v>0</v>
      </c>
      <c r="ES27" s="244"/>
      <c r="ET27" s="71">
        <v>2</v>
      </c>
      <c r="EU27" s="71">
        <v>0</v>
      </c>
      <c r="EV27" s="71">
        <v>0</v>
      </c>
      <c r="EW27" s="71">
        <v>1</v>
      </c>
      <c r="EX27" s="71">
        <v>0</v>
      </c>
      <c r="EY27" s="72">
        <v>3</v>
      </c>
      <c r="EZ27" s="73">
        <v>3</v>
      </c>
      <c r="FA27" s="70">
        <v>2</v>
      </c>
      <c r="FB27" s="71">
        <v>2</v>
      </c>
      <c r="FC27" s="72">
        <v>4</v>
      </c>
      <c r="FD27" s="244"/>
      <c r="FE27" s="71">
        <v>2</v>
      </c>
      <c r="FF27" s="71">
        <v>1</v>
      </c>
      <c r="FG27" s="71">
        <v>2</v>
      </c>
      <c r="FH27" s="71">
        <v>0</v>
      </c>
      <c r="FI27" s="71">
        <v>0</v>
      </c>
      <c r="FJ27" s="72">
        <v>5</v>
      </c>
      <c r="FK27" s="73">
        <v>9</v>
      </c>
      <c r="FL27" s="70">
        <v>0</v>
      </c>
      <c r="FM27" s="71">
        <v>0</v>
      </c>
      <c r="FN27" s="72">
        <v>0</v>
      </c>
      <c r="FO27" s="244"/>
      <c r="FP27" s="71">
        <v>4</v>
      </c>
      <c r="FQ27" s="71">
        <v>0</v>
      </c>
      <c r="FR27" s="71">
        <v>2</v>
      </c>
      <c r="FS27" s="71">
        <v>1</v>
      </c>
      <c r="FT27" s="71">
        <v>2</v>
      </c>
      <c r="FU27" s="72">
        <v>9</v>
      </c>
      <c r="FV27" s="73">
        <v>9</v>
      </c>
      <c r="FW27" s="70">
        <v>0</v>
      </c>
      <c r="FX27" s="71">
        <v>0</v>
      </c>
      <c r="FY27" s="72">
        <v>0</v>
      </c>
      <c r="FZ27" s="244"/>
      <c r="GA27" s="71">
        <v>0</v>
      </c>
      <c r="GB27" s="71">
        <v>0</v>
      </c>
      <c r="GC27" s="71">
        <v>0</v>
      </c>
      <c r="GD27" s="71">
        <v>0</v>
      </c>
      <c r="GE27" s="71">
        <v>0</v>
      </c>
      <c r="GF27" s="72">
        <v>0</v>
      </c>
      <c r="GG27" s="73">
        <v>0</v>
      </c>
      <c r="GH27" s="70">
        <v>3</v>
      </c>
      <c r="GI27" s="71">
        <v>2</v>
      </c>
      <c r="GJ27" s="72">
        <v>5</v>
      </c>
      <c r="GK27" s="244"/>
      <c r="GL27" s="71">
        <v>8</v>
      </c>
      <c r="GM27" s="71">
        <v>1</v>
      </c>
      <c r="GN27" s="71">
        <v>5</v>
      </c>
      <c r="GO27" s="71">
        <v>2</v>
      </c>
      <c r="GP27" s="71">
        <v>2</v>
      </c>
      <c r="GQ27" s="72">
        <v>18</v>
      </c>
      <c r="GR27" s="73">
        <v>23</v>
      </c>
      <c r="GS27" s="123">
        <v>35</v>
      </c>
      <c r="GT27" s="82">
        <v>21</v>
      </c>
      <c r="GU27" s="83">
        <v>56</v>
      </c>
      <c r="GV27" s="241"/>
      <c r="GW27" s="82">
        <v>59</v>
      </c>
      <c r="GX27" s="82">
        <v>29</v>
      </c>
      <c r="GY27" s="82">
        <v>22</v>
      </c>
      <c r="GZ27" s="82">
        <v>16</v>
      </c>
      <c r="HA27" s="82">
        <v>8</v>
      </c>
      <c r="HB27" s="84">
        <v>134</v>
      </c>
      <c r="HC27" s="85">
        <v>190</v>
      </c>
      <c r="HD27" s="70">
        <v>0</v>
      </c>
      <c r="HE27" s="71">
        <v>0</v>
      </c>
      <c r="HF27" s="72">
        <v>0</v>
      </c>
      <c r="HG27" s="244"/>
      <c r="HH27" s="71">
        <v>2</v>
      </c>
      <c r="HI27" s="71">
        <v>0</v>
      </c>
      <c r="HJ27" s="71">
        <v>0</v>
      </c>
      <c r="HK27" s="71">
        <v>0</v>
      </c>
      <c r="HL27" s="71">
        <v>0</v>
      </c>
      <c r="HM27" s="72">
        <v>2</v>
      </c>
      <c r="HN27" s="73">
        <v>2</v>
      </c>
      <c r="HO27" s="70">
        <v>1</v>
      </c>
      <c r="HP27" s="71">
        <v>1</v>
      </c>
      <c r="HQ27" s="72">
        <v>2</v>
      </c>
      <c r="HR27" s="244"/>
      <c r="HS27" s="71">
        <v>2</v>
      </c>
      <c r="HT27" s="71">
        <v>4</v>
      </c>
      <c r="HU27" s="71">
        <v>0</v>
      </c>
      <c r="HV27" s="71">
        <v>0</v>
      </c>
      <c r="HW27" s="71">
        <v>1</v>
      </c>
      <c r="HX27" s="72">
        <v>7</v>
      </c>
      <c r="HY27" s="73">
        <v>9</v>
      </c>
      <c r="HZ27" s="70">
        <v>2</v>
      </c>
      <c r="IA27" s="71">
        <v>2</v>
      </c>
      <c r="IB27" s="72">
        <v>4</v>
      </c>
      <c r="IC27" s="244"/>
      <c r="ID27" s="71">
        <v>5</v>
      </c>
      <c r="IE27" s="71">
        <v>2</v>
      </c>
      <c r="IF27" s="71">
        <v>1</v>
      </c>
      <c r="IG27" s="71">
        <v>4</v>
      </c>
      <c r="IH27" s="71">
        <v>0</v>
      </c>
      <c r="II27" s="72">
        <v>12</v>
      </c>
      <c r="IJ27" s="73">
        <v>16</v>
      </c>
      <c r="IK27" s="70">
        <v>3</v>
      </c>
      <c r="IL27" s="71">
        <v>4</v>
      </c>
      <c r="IM27" s="72">
        <v>7</v>
      </c>
      <c r="IN27" s="244"/>
      <c r="IO27" s="71">
        <v>7</v>
      </c>
      <c r="IP27" s="71">
        <v>4</v>
      </c>
      <c r="IQ27" s="71">
        <v>1</v>
      </c>
      <c r="IR27" s="71">
        <v>3</v>
      </c>
      <c r="IS27" s="71">
        <v>2</v>
      </c>
      <c r="IT27" s="72">
        <v>17</v>
      </c>
      <c r="IU27" s="73">
        <v>24</v>
      </c>
      <c r="IV27" s="70">
        <v>12</v>
      </c>
      <c r="IW27" s="71">
        <v>6</v>
      </c>
      <c r="IX27" s="72">
        <v>18</v>
      </c>
      <c r="IY27" s="244"/>
      <c r="IZ27" s="71">
        <v>16</v>
      </c>
      <c r="JA27" s="71">
        <v>13</v>
      </c>
      <c r="JB27" s="71">
        <v>8</v>
      </c>
      <c r="JC27" s="71">
        <v>4</v>
      </c>
      <c r="JD27" s="71">
        <v>2</v>
      </c>
      <c r="JE27" s="72">
        <v>43</v>
      </c>
      <c r="JF27" s="73">
        <v>61</v>
      </c>
      <c r="JG27" s="70">
        <v>17</v>
      </c>
      <c r="JH27" s="71">
        <v>8</v>
      </c>
      <c r="JI27" s="72">
        <v>25</v>
      </c>
      <c r="JJ27" s="244"/>
      <c r="JK27" s="71">
        <v>27</v>
      </c>
      <c r="JL27" s="71">
        <v>6</v>
      </c>
      <c r="JM27" s="71">
        <v>12</v>
      </c>
      <c r="JN27" s="71">
        <v>5</v>
      </c>
      <c r="JO27" s="71">
        <v>3</v>
      </c>
      <c r="JP27" s="72">
        <v>53</v>
      </c>
      <c r="JQ27" s="73">
        <v>78</v>
      </c>
      <c r="JR27" s="70">
        <v>0</v>
      </c>
      <c r="JS27" s="71">
        <v>0</v>
      </c>
      <c r="JT27" s="72">
        <v>0</v>
      </c>
      <c r="JU27" s="244"/>
      <c r="JV27" s="71">
        <v>0</v>
      </c>
      <c r="JW27" s="71">
        <v>0</v>
      </c>
      <c r="JX27" s="71">
        <v>0</v>
      </c>
      <c r="JY27" s="71">
        <v>0</v>
      </c>
      <c r="JZ27" s="71">
        <v>0</v>
      </c>
      <c r="KA27" s="72">
        <v>0</v>
      </c>
      <c r="KB27" s="73">
        <v>0</v>
      </c>
      <c r="KC27" s="70">
        <v>35</v>
      </c>
      <c r="KD27" s="71">
        <v>21</v>
      </c>
      <c r="KE27" s="72">
        <v>56</v>
      </c>
      <c r="KF27" s="244"/>
      <c r="KG27" s="71">
        <v>59</v>
      </c>
      <c r="KH27" s="71">
        <v>29</v>
      </c>
      <c r="KI27" s="71">
        <v>22</v>
      </c>
      <c r="KJ27" s="71">
        <v>16</v>
      </c>
      <c r="KK27" s="71">
        <v>8</v>
      </c>
      <c r="KL27" s="72">
        <v>134</v>
      </c>
      <c r="KM27" s="73">
        <v>190</v>
      </c>
    </row>
    <row r="28" spans="2:299" ht="19.8" customHeight="1" x14ac:dyDescent="0.2">
      <c r="B28" s="126" t="s">
        <v>25</v>
      </c>
      <c r="C28" s="316">
        <v>15</v>
      </c>
      <c r="D28" s="82">
        <v>19</v>
      </c>
      <c r="E28" s="83">
        <v>34</v>
      </c>
      <c r="F28" s="241"/>
      <c r="G28" s="82">
        <v>32</v>
      </c>
      <c r="H28" s="82">
        <v>7</v>
      </c>
      <c r="I28" s="82">
        <v>16</v>
      </c>
      <c r="J28" s="82">
        <v>13</v>
      </c>
      <c r="K28" s="82">
        <v>5</v>
      </c>
      <c r="L28" s="84">
        <v>73</v>
      </c>
      <c r="M28" s="85">
        <v>107</v>
      </c>
      <c r="N28" s="70">
        <v>0</v>
      </c>
      <c r="O28" s="71">
        <v>1</v>
      </c>
      <c r="P28" s="72">
        <v>1</v>
      </c>
      <c r="Q28" s="244"/>
      <c r="R28" s="71">
        <v>1</v>
      </c>
      <c r="S28" s="71">
        <v>0</v>
      </c>
      <c r="T28" s="71">
        <v>0</v>
      </c>
      <c r="U28" s="71">
        <v>0</v>
      </c>
      <c r="V28" s="71">
        <v>0</v>
      </c>
      <c r="W28" s="72">
        <v>1</v>
      </c>
      <c r="X28" s="73">
        <v>2</v>
      </c>
      <c r="Y28" s="70">
        <v>1</v>
      </c>
      <c r="Z28" s="71">
        <v>2</v>
      </c>
      <c r="AA28" s="72">
        <v>3</v>
      </c>
      <c r="AB28" s="244"/>
      <c r="AC28" s="71">
        <v>0</v>
      </c>
      <c r="AD28" s="71">
        <v>0</v>
      </c>
      <c r="AE28" s="71">
        <v>0</v>
      </c>
      <c r="AF28" s="71">
        <v>1</v>
      </c>
      <c r="AG28" s="71">
        <v>0</v>
      </c>
      <c r="AH28" s="72">
        <v>1</v>
      </c>
      <c r="AI28" s="73">
        <v>4</v>
      </c>
      <c r="AJ28" s="70">
        <v>4</v>
      </c>
      <c r="AK28" s="71">
        <v>6</v>
      </c>
      <c r="AL28" s="72">
        <v>10</v>
      </c>
      <c r="AM28" s="244"/>
      <c r="AN28" s="71">
        <v>3</v>
      </c>
      <c r="AO28" s="71">
        <v>0</v>
      </c>
      <c r="AP28" s="71">
        <v>0</v>
      </c>
      <c r="AQ28" s="71">
        <v>2</v>
      </c>
      <c r="AR28" s="71">
        <v>1</v>
      </c>
      <c r="AS28" s="72">
        <v>6</v>
      </c>
      <c r="AT28" s="73">
        <v>16</v>
      </c>
      <c r="AU28" s="70">
        <v>1</v>
      </c>
      <c r="AV28" s="71">
        <v>4</v>
      </c>
      <c r="AW28" s="72">
        <v>5</v>
      </c>
      <c r="AX28" s="244"/>
      <c r="AY28" s="71">
        <v>10</v>
      </c>
      <c r="AZ28" s="71">
        <v>0</v>
      </c>
      <c r="BA28" s="71">
        <v>6</v>
      </c>
      <c r="BB28" s="71">
        <v>0</v>
      </c>
      <c r="BC28" s="71">
        <v>3</v>
      </c>
      <c r="BD28" s="72">
        <v>19</v>
      </c>
      <c r="BE28" s="73">
        <v>24</v>
      </c>
      <c r="BF28" s="70">
        <v>3</v>
      </c>
      <c r="BG28" s="71">
        <v>4</v>
      </c>
      <c r="BH28" s="72">
        <v>7</v>
      </c>
      <c r="BI28" s="244"/>
      <c r="BJ28" s="71">
        <v>8</v>
      </c>
      <c r="BK28" s="71">
        <v>7</v>
      </c>
      <c r="BL28" s="71">
        <v>4</v>
      </c>
      <c r="BM28" s="71">
        <v>3</v>
      </c>
      <c r="BN28" s="71">
        <v>0</v>
      </c>
      <c r="BO28" s="72">
        <v>22</v>
      </c>
      <c r="BP28" s="73">
        <v>29</v>
      </c>
      <c r="BQ28" s="70">
        <v>6</v>
      </c>
      <c r="BR28" s="71">
        <v>2</v>
      </c>
      <c r="BS28" s="72">
        <v>8</v>
      </c>
      <c r="BT28" s="244"/>
      <c r="BU28" s="71">
        <v>10</v>
      </c>
      <c r="BV28" s="71">
        <v>0</v>
      </c>
      <c r="BW28" s="71">
        <v>6</v>
      </c>
      <c r="BX28" s="71">
        <v>7</v>
      </c>
      <c r="BY28" s="71">
        <v>1</v>
      </c>
      <c r="BZ28" s="72">
        <v>24</v>
      </c>
      <c r="CA28" s="73">
        <v>32</v>
      </c>
      <c r="CB28" s="70">
        <v>0</v>
      </c>
      <c r="CC28" s="71">
        <v>0</v>
      </c>
      <c r="CD28" s="72">
        <v>0</v>
      </c>
      <c r="CE28" s="244"/>
      <c r="CF28" s="71">
        <v>0</v>
      </c>
      <c r="CG28" s="71">
        <v>0</v>
      </c>
      <c r="CH28" s="71">
        <v>0</v>
      </c>
      <c r="CI28" s="71">
        <v>0</v>
      </c>
      <c r="CJ28" s="71">
        <v>0</v>
      </c>
      <c r="CK28" s="72">
        <v>0</v>
      </c>
      <c r="CL28" s="73">
        <v>0</v>
      </c>
      <c r="CM28" s="70">
        <v>15</v>
      </c>
      <c r="CN28" s="71">
        <v>19</v>
      </c>
      <c r="CO28" s="72">
        <v>34</v>
      </c>
      <c r="CP28" s="244"/>
      <c r="CQ28" s="71">
        <v>32</v>
      </c>
      <c r="CR28" s="71">
        <v>7</v>
      </c>
      <c r="CS28" s="71">
        <v>16</v>
      </c>
      <c r="CT28" s="71">
        <v>13</v>
      </c>
      <c r="CU28" s="71">
        <v>5</v>
      </c>
      <c r="CV28" s="72">
        <v>73</v>
      </c>
      <c r="CW28" s="73">
        <v>107</v>
      </c>
      <c r="CX28" s="123">
        <v>0</v>
      </c>
      <c r="CY28" s="82">
        <v>2</v>
      </c>
      <c r="CZ28" s="83">
        <v>2</v>
      </c>
      <c r="DA28" s="241"/>
      <c r="DB28" s="82">
        <v>3</v>
      </c>
      <c r="DC28" s="82">
        <v>2</v>
      </c>
      <c r="DD28" s="82">
        <v>1</v>
      </c>
      <c r="DE28" s="82">
        <v>1</v>
      </c>
      <c r="DF28" s="82">
        <v>0</v>
      </c>
      <c r="DG28" s="84">
        <v>7</v>
      </c>
      <c r="DH28" s="85">
        <v>9</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0</v>
      </c>
      <c r="DZ28" s="71">
        <v>0</v>
      </c>
      <c r="EA28" s="71">
        <v>0</v>
      </c>
      <c r="EB28" s="71">
        <v>0</v>
      </c>
      <c r="EC28" s="72">
        <v>0</v>
      </c>
      <c r="ED28" s="73">
        <v>0</v>
      </c>
      <c r="EE28" s="70">
        <v>0</v>
      </c>
      <c r="EF28" s="71">
        <v>0</v>
      </c>
      <c r="EG28" s="72">
        <v>0</v>
      </c>
      <c r="EH28" s="244"/>
      <c r="EI28" s="71">
        <v>0</v>
      </c>
      <c r="EJ28" s="71">
        <v>1</v>
      </c>
      <c r="EK28" s="71">
        <v>0</v>
      </c>
      <c r="EL28" s="71">
        <v>0</v>
      </c>
      <c r="EM28" s="71">
        <v>0</v>
      </c>
      <c r="EN28" s="72">
        <v>1</v>
      </c>
      <c r="EO28" s="73">
        <v>1</v>
      </c>
      <c r="EP28" s="70">
        <v>0</v>
      </c>
      <c r="EQ28" s="71">
        <v>1</v>
      </c>
      <c r="ER28" s="72">
        <v>1</v>
      </c>
      <c r="ES28" s="244"/>
      <c r="ET28" s="71">
        <v>0</v>
      </c>
      <c r="EU28" s="71">
        <v>0</v>
      </c>
      <c r="EV28" s="71">
        <v>0</v>
      </c>
      <c r="EW28" s="71">
        <v>1</v>
      </c>
      <c r="EX28" s="71">
        <v>0</v>
      </c>
      <c r="EY28" s="72">
        <v>1</v>
      </c>
      <c r="EZ28" s="73">
        <v>2</v>
      </c>
      <c r="FA28" s="70">
        <v>0</v>
      </c>
      <c r="FB28" s="71">
        <v>1</v>
      </c>
      <c r="FC28" s="72">
        <v>1</v>
      </c>
      <c r="FD28" s="244"/>
      <c r="FE28" s="71">
        <v>1</v>
      </c>
      <c r="FF28" s="71">
        <v>0</v>
      </c>
      <c r="FG28" s="71">
        <v>0</v>
      </c>
      <c r="FH28" s="71">
        <v>0</v>
      </c>
      <c r="FI28" s="71">
        <v>0</v>
      </c>
      <c r="FJ28" s="72">
        <v>1</v>
      </c>
      <c r="FK28" s="73">
        <v>2</v>
      </c>
      <c r="FL28" s="70">
        <v>0</v>
      </c>
      <c r="FM28" s="71">
        <v>0</v>
      </c>
      <c r="FN28" s="72">
        <v>0</v>
      </c>
      <c r="FO28" s="244"/>
      <c r="FP28" s="71">
        <v>2</v>
      </c>
      <c r="FQ28" s="71">
        <v>1</v>
      </c>
      <c r="FR28" s="71">
        <v>1</v>
      </c>
      <c r="FS28" s="71">
        <v>0</v>
      </c>
      <c r="FT28" s="71">
        <v>0</v>
      </c>
      <c r="FU28" s="72">
        <v>4</v>
      </c>
      <c r="FV28" s="73">
        <v>4</v>
      </c>
      <c r="FW28" s="70">
        <v>0</v>
      </c>
      <c r="FX28" s="71">
        <v>0</v>
      </c>
      <c r="FY28" s="72">
        <v>0</v>
      </c>
      <c r="FZ28" s="244"/>
      <c r="GA28" s="71">
        <v>0</v>
      </c>
      <c r="GB28" s="71">
        <v>0</v>
      </c>
      <c r="GC28" s="71">
        <v>0</v>
      </c>
      <c r="GD28" s="71">
        <v>0</v>
      </c>
      <c r="GE28" s="71">
        <v>0</v>
      </c>
      <c r="GF28" s="72">
        <v>0</v>
      </c>
      <c r="GG28" s="73">
        <v>0</v>
      </c>
      <c r="GH28" s="70">
        <v>0</v>
      </c>
      <c r="GI28" s="71">
        <v>2</v>
      </c>
      <c r="GJ28" s="72">
        <v>2</v>
      </c>
      <c r="GK28" s="244"/>
      <c r="GL28" s="71">
        <v>3</v>
      </c>
      <c r="GM28" s="71">
        <v>2</v>
      </c>
      <c r="GN28" s="71">
        <v>1</v>
      </c>
      <c r="GO28" s="71">
        <v>1</v>
      </c>
      <c r="GP28" s="71">
        <v>0</v>
      </c>
      <c r="GQ28" s="72">
        <v>7</v>
      </c>
      <c r="GR28" s="73">
        <v>9</v>
      </c>
      <c r="GS28" s="123">
        <v>15</v>
      </c>
      <c r="GT28" s="82">
        <v>21</v>
      </c>
      <c r="GU28" s="83">
        <v>36</v>
      </c>
      <c r="GV28" s="241"/>
      <c r="GW28" s="82">
        <v>35</v>
      </c>
      <c r="GX28" s="82">
        <v>9</v>
      </c>
      <c r="GY28" s="82">
        <v>17</v>
      </c>
      <c r="GZ28" s="82">
        <v>14</v>
      </c>
      <c r="HA28" s="82">
        <v>5</v>
      </c>
      <c r="HB28" s="84">
        <v>80</v>
      </c>
      <c r="HC28" s="85">
        <v>116</v>
      </c>
      <c r="HD28" s="70">
        <v>0</v>
      </c>
      <c r="HE28" s="71">
        <v>1</v>
      </c>
      <c r="HF28" s="72">
        <v>1</v>
      </c>
      <c r="HG28" s="244"/>
      <c r="HH28" s="71">
        <v>1</v>
      </c>
      <c r="HI28" s="71">
        <v>0</v>
      </c>
      <c r="HJ28" s="71">
        <v>0</v>
      </c>
      <c r="HK28" s="71">
        <v>0</v>
      </c>
      <c r="HL28" s="71">
        <v>0</v>
      </c>
      <c r="HM28" s="72">
        <v>1</v>
      </c>
      <c r="HN28" s="73">
        <v>2</v>
      </c>
      <c r="HO28" s="70">
        <v>1</v>
      </c>
      <c r="HP28" s="71">
        <v>2</v>
      </c>
      <c r="HQ28" s="72">
        <v>3</v>
      </c>
      <c r="HR28" s="244"/>
      <c r="HS28" s="71">
        <v>0</v>
      </c>
      <c r="HT28" s="71">
        <v>0</v>
      </c>
      <c r="HU28" s="71">
        <v>0</v>
      </c>
      <c r="HV28" s="71">
        <v>1</v>
      </c>
      <c r="HW28" s="71">
        <v>0</v>
      </c>
      <c r="HX28" s="72">
        <v>1</v>
      </c>
      <c r="HY28" s="73">
        <v>4</v>
      </c>
      <c r="HZ28" s="70">
        <v>4</v>
      </c>
      <c r="IA28" s="71">
        <v>6</v>
      </c>
      <c r="IB28" s="72">
        <v>10</v>
      </c>
      <c r="IC28" s="244"/>
      <c r="ID28" s="71">
        <v>3</v>
      </c>
      <c r="IE28" s="71">
        <v>1</v>
      </c>
      <c r="IF28" s="71">
        <v>0</v>
      </c>
      <c r="IG28" s="71">
        <v>2</v>
      </c>
      <c r="IH28" s="71">
        <v>1</v>
      </c>
      <c r="II28" s="72">
        <v>7</v>
      </c>
      <c r="IJ28" s="73">
        <v>17</v>
      </c>
      <c r="IK28" s="70">
        <v>1</v>
      </c>
      <c r="IL28" s="71">
        <v>5</v>
      </c>
      <c r="IM28" s="72">
        <v>6</v>
      </c>
      <c r="IN28" s="244"/>
      <c r="IO28" s="71">
        <v>10</v>
      </c>
      <c r="IP28" s="71">
        <v>0</v>
      </c>
      <c r="IQ28" s="71">
        <v>6</v>
      </c>
      <c r="IR28" s="71">
        <v>1</v>
      </c>
      <c r="IS28" s="71">
        <v>3</v>
      </c>
      <c r="IT28" s="72">
        <v>20</v>
      </c>
      <c r="IU28" s="73">
        <v>26</v>
      </c>
      <c r="IV28" s="70">
        <v>3</v>
      </c>
      <c r="IW28" s="71">
        <v>5</v>
      </c>
      <c r="IX28" s="72">
        <v>8</v>
      </c>
      <c r="IY28" s="244"/>
      <c r="IZ28" s="71">
        <v>9</v>
      </c>
      <c r="JA28" s="71">
        <v>7</v>
      </c>
      <c r="JB28" s="71">
        <v>4</v>
      </c>
      <c r="JC28" s="71">
        <v>3</v>
      </c>
      <c r="JD28" s="71">
        <v>0</v>
      </c>
      <c r="JE28" s="72">
        <v>23</v>
      </c>
      <c r="JF28" s="73">
        <v>31</v>
      </c>
      <c r="JG28" s="70">
        <v>6</v>
      </c>
      <c r="JH28" s="71">
        <v>2</v>
      </c>
      <c r="JI28" s="72">
        <v>8</v>
      </c>
      <c r="JJ28" s="244"/>
      <c r="JK28" s="71">
        <v>12</v>
      </c>
      <c r="JL28" s="71">
        <v>1</v>
      </c>
      <c r="JM28" s="71">
        <v>7</v>
      </c>
      <c r="JN28" s="71">
        <v>7</v>
      </c>
      <c r="JO28" s="71">
        <v>1</v>
      </c>
      <c r="JP28" s="72">
        <v>28</v>
      </c>
      <c r="JQ28" s="73">
        <v>36</v>
      </c>
      <c r="JR28" s="70">
        <v>0</v>
      </c>
      <c r="JS28" s="71">
        <v>0</v>
      </c>
      <c r="JT28" s="72">
        <v>0</v>
      </c>
      <c r="JU28" s="244"/>
      <c r="JV28" s="71">
        <v>0</v>
      </c>
      <c r="JW28" s="71">
        <v>0</v>
      </c>
      <c r="JX28" s="71">
        <v>0</v>
      </c>
      <c r="JY28" s="71">
        <v>0</v>
      </c>
      <c r="JZ28" s="71">
        <v>0</v>
      </c>
      <c r="KA28" s="72">
        <v>0</v>
      </c>
      <c r="KB28" s="73">
        <v>0</v>
      </c>
      <c r="KC28" s="70">
        <v>15</v>
      </c>
      <c r="KD28" s="71">
        <v>21</v>
      </c>
      <c r="KE28" s="72">
        <v>36</v>
      </c>
      <c r="KF28" s="244"/>
      <c r="KG28" s="71">
        <v>35</v>
      </c>
      <c r="KH28" s="71">
        <v>9</v>
      </c>
      <c r="KI28" s="71">
        <v>17</v>
      </c>
      <c r="KJ28" s="71">
        <v>14</v>
      </c>
      <c r="KK28" s="71">
        <v>5</v>
      </c>
      <c r="KL28" s="72">
        <v>80</v>
      </c>
      <c r="KM28" s="73">
        <v>116</v>
      </c>
    </row>
    <row r="29" spans="2:299" ht="19.8" customHeight="1" x14ac:dyDescent="0.2">
      <c r="B29" s="126" t="s">
        <v>26</v>
      </c>
      <c r="C29" s="316">
        <v>24</v>
      </c>
      <c r="D29" s="82">
        <v>12</v>
      </c>
      <c r="E29" s="83">
        <v>36</v>
      </c>
      <c r="F29" s="241"/>
      <c r="G29" s="82">
        <v>20</v>
      </c>
      <c r="H29" s="82">
        <v>28</v>
      </c>
      <c r="I29" s="82">
        <v>14</v>
      </c>
      <c r="J29" s="82">
        <v>14</v>
      </c>
      <c r="K29" s="82">
        <v>4</v>
      </c>
      <c r="L29" s="84">
        <v>80</v>
      </c>
      <c r="M29" s="85">
        <v>116</v>
      </c>
      <c r="N29" s="70">
        <v>0</v>
      </c>
      <c r="O29" s="71">
        <v>0</v>
      </c>
      <c r="P29" s="72">
        <v>0</v>
      </c>
      <c r="Q29" s="244"/>
      <c r="R29" s="71">
        <v>0</v>
      </c>
      <c r="S29" s="71">
        <v>0</v>
      </c>
      <c r="T29" s="71">
        <v>0</v>
      </c>
      <c r="U29" s="71">
        <v>0</v>
      </c>
      <c r="V29" s="71">
        <v>0</v>
      </c>
      <c r="W29" s="72">
        <v>0</v>
      </c>
      <c r="X29" s="73">
        <v>0</v>
      </c>
      <c r="Y29" s="70">
        <v>1</v>
      </c>
      <c r="Z29" s="71">
        <v>0</v>
      </c>
      <c r="AA29" s="72">
        <v>1</v>
      </c>
      <c r="AB29" s="244"/>
      <c r="AC29" s="71">
        <v>1</v>
      </c>
      <c r="AD29" s="71">
        <v>1</v>
      </c>
      <c r="AE29" s="71">
        <v>0</v>
      </c>
      <c r="AF29" s="71">
        <v>0</v>
      </c>
      <c r="AG29" s="71">
        <v>0</v>
      </c>
      <c r="AH29" s="72">
        <v>2</v>
      </c>
      <c r="AI29" s="73">
        <v>3</v>
      </c>
      <c r="AJ29" s="70">
        <v>3</v>
      </c>
      <c r="AK29" s="71">
        <v>3</v>
      </c>
      <c r="AL29" s="72">
        <v>6</v>
      </c>
      <c r="AM29" s="244"/>
      <c r="AN29" s="71">
        <v>2</v>
      </c>
      <c r="AO29" s="71">
        <v>2</v>
      </c>
      <c r="AP29" s="71">
        <v>2</v>
      </c>
      <c r="AQ29" s="71">
        <v>1</v>
      </c>
      <c r="AR29" s="71">
        <v>0</v>
      </c>
      <c r="AS29" s="72">
        <v>7</v>
      </c>
      <c r="AT29" s="73">
        <v>13</v>
      </c>
      <c r="AU29" s="70">
        <v>5</v>
      </c>
      <c r="AV29" s="71">
        <v>2</v>
      </c>
      <c r="AW29" s="72">
        <v>7</v>
      </c>
      <c r="AX29" s="244"/>
      <c r="AY29" s="71">
        <v>7</v>
      </c>
      <c r="AZ29" s="71">
        <v>4</v>
      </c>
      <c r="BA29" s="71">
        <v>2</v>
      </c>
      <c r="BB29" s="71">
        <v>2</v>
      </c>
      <c r="BC29" s="71">
        <v>0</v>
      </c>
      <c r="BD29" s="72">
        <v>15</v>
      </c>
      <c r="BE29" s="73">
        <v>22</v>
      </c>
      <c r="BF29" s="70">
        <v>8</v>
      </c>
      <c r="BG29" s="71">
        <v>2</v>
      </c>
      <c r="BH29" s="72">
        <v>10</v>
      </c>
      <c r="BI29" s="244"/>
      <c r="BJ29" s="71">
        <v>6</v>
      </c>
      <c r="BK29" s="71">
        <v>11</v>
      </c>
      <c r="BL29" s="71">
        <v>8</v>
      </c>
      <c r="BM29" s="71">
        <v>3</v>
      </c>
      <c r="BN29" s="71">
        <v>1</v>
      </c>
      <c r="BO29" s="72">
        <v>29</v>
      </c>
      <c r="BP29" s="73">
        <v>39</v>
      </c>
      <c r="BQ29" s="70">
        <v>7</v>
      </c>
      <c r="BR29" s="71">
        <v>5</v>
      </c>
      <c r="BS29" s="72">
        <v>12</v>
      </c>
      <c r="BT29" s="244"/>
      <c r="BU29" s="71">
        <v>4</v>
      </c>
      <c r="BV29" s="71">
        <v>10</v>
      </c>
      <c r="BW29" s="71">
        <v>2</v>
      </c>
      <c r="BX29" s="71">
        <v>8</v>
      </c>
      <c r="BY29" s="71">
        <v>3</v>
      </c>
      <c r="BZ29" s="72">
        <v>27</v>
      </c>
      <c r="CA29" s="73">
        <v>39</v>
      </c>
      <c r="CB29" s="70">
        <v>0</v>
      </c>
      <c r="CC29" s="71">
        <v>0</v>
      </c>
      <c r="CD29" s="72">
        <v>0</v>
      </c>
      <c r="CE29" s="244"/>
      <c r="CF29" s="71">
        <v>0</v>
      </c>
      <c r="CG29" s="71">
        <v>0</v>
      </c>
      <c r="CH29" s="71">
        <v>0</v>
      </c>
      <c r="CI29" s="71">
        <v>0</v>
      </c>
      <c r="CJ29" s="71">
        <v>0</v>
      </c>
      <c r="CK29" s="72">
        <v>0</v>
      </c>
      <c r="CL29" s="73">
        <v>0</v>
      </c>
      <c r="CM29" s="70">
        <v>24</v>
      </c>
      <c r="CN29" s="71">
        <v>12</v>
      </c>
      <c r="CO29" s="72">
        <v>36</v>
      </c>
      <c r="CP29" s="244"/>
      <c r="CQ29" s="71">
        <v>20</v>
      </c>
      <c r="CR29" s="71">
        <v>28</v>
      </c>
      <c r="CS29" s="71">
        <v>14</v>
      </c>
      <c r="CT29" s="71">
        <v>14</v>
      </c>
      <c r="CU29" s="71">
        <v>4</v>
      </c>
      <c r="CV29" s="72">
        <v>80</v>
      </c>
      <c r="CW29" s="73">
        <v>116</v>
      </c>
      <c r="CX29" s="123">
        <v>2</v>
      </c>
      <c r="CY29" s="82">
        <v>3</v>
      </c>
      <c r="CZ29" s="83">
        <v>5</v>
      </c>
      <c r="DA29" s="241"/>
      <c r="DB29" s="82">
        <v>3</v>
      </c>
      <c r="DC29" s="82">
        <v>3</v>
      </c>
      <c r="DD29" s="82">
        <v>2</v>
      </c>
      <c r="DE29" s="82">
        <v>0</v>
      </c>
      <c r="DF29" s="82">
        <v>1</v>
      </c>
      <c r="DG29" s="84">
        <v>9</v>
      </c>
      <c r="DH29" s="85">
        <v>14</v>
      </c>
      <c r="DI29" s="70">
        <v>0</v>
      </c>
      <c r="DJ29" s="71">
        <v>0</v>
      </c>
      <c r="DK29" s="72">
        <v>0</v>
      </c>
      <c r="DL29" s="244"/>
      <c r="DM29" s="71">
        <v>0</v>
      </c>
      <c r="DN29" s="71">
        <v>0</v>
      </c>
      <c r="DO29" s="71">
        <v>0</v>
      </c>
      <c r="DP29" s="71">
        <v>0</v>
      </c>
      <c r="DQ29" s="71">
        <v>0</v>
      </c>
      <c r="DR29" s="72">
        <v>0</v>
      </c>
      <c r="DS29" s="73">
        <v>0</v>
      </c>
      <c r="DT29" s="70">
        <v>0</v>
      </c>
      <c r="DU29" s="71">
        <v>0</v>
      </c>
      <c r="DV29" s="72">
        <v>0</v>
      </c>
      <c r="DW29" s="244"/>
      <c r="DX29" s="71">
        <v>0</v>
      </c>
      <c r="DY29" s="71">
        <v>0</v>
      </c>
      <c r="DZ29" s="71">
        <v>0</v>
      </c>
      <c r="EA29" s="71">
        <v>0</v>
      </c>
      <c r="EB29" s="71">
        <v>0</v>
      </c>
      <c r="EC29" s="72">
        <v>0</v>
      </c>
      <c r="ED29" s="73">
        <v>0</v>
      </c>
      <c r="EE29" s="70">
        <v>0</v>
      </c>
      <c r="EF29" s="71">
        <v>0</v>
      </c>
      <c r="EG29" s="72">
        <v>0</v>
      </c>
      <c r="EH29" s="244"/>
      <c r="EI29" s="71">
        <v>0</v>
      </c>
      <c r="EJ29" s="71">
        <v>0</v>
      </c>
      <c r="EK29" s="71">
        <v>0</v>
      </c>
      <c r="EL29" s="71">
        <v>0</v>
      </c>
      <c r="EM29" s="71">
        <v>0</v>
      </c>
      <c r="EN29" s="72">
        <v>0</v>
      </c>
      <c r="EO29" s="73">
        <v>0</v>
      </c>
      <c r="EP29" s="70">
        <v>0</v>
      </c>
      <c r="EQ29" s="71">
        <v>0</v>
      </c>
      <c r="ER29" s="72">
        <v>0</v>
      </c>
      <c r="ES29" s="244"/>
      <c r="ET29" s="71">
        <v>0</v>
      </c>
      <c r="EU29" s="71">
        <v>1</v>
      </c>
      <c r="EV29" s="71">
        <v>1</v>
      </c>
      <c r="EW29" s="71">
        <v>0</v>
      </c>
      <c r="EX29" s="71">
        <v>0</v>
      </c>
      <c r="EY29" s="72">
        <v>2</v>
      </c>
      <c r="EZ29" s="73">
        <v>2</v>
      </c>
      <c r="FA29" s="70">
        <v>1</v>
      </c>
      <c r="FB29" s="71">
        <v>2</v>
      </c>
      <c r="FC29" s="72">
        <v>3</v>
      </c>
      <c r="FD29" s="244"/>
      <c r="FE29" s="71">
        <v>1</v>
      </c>
      <c r="FF29" s="71">
        <v>1</v>
      </c>
      <c r="FG29" s="71">
        <v>0</v>
      </c>
      <c r="FH29" s="71">
        <v>0</v>
      </c>
      <c r="FI29" s="71">
        <v>0</v>
      </c>
      <c r="FJ29" s="72">
        <v>2</v>
      </c>
      <c r="FK29" s="73">
        <v>5</v>
      </c>
      <c r="FL29" s="70">
        <v>1</v>
      </c>
      <c r="FM29" s="71">
        <v>1</v>
      </c>
      <c r="FN29" s="72">
        <v>2</v>
      </c>
      <c r="FO29" s="244"/>
      <c r="FP29" s="71">
        <v>2</v>
      </c>
      <c r="FQ29" s="71">
        <v>1</v>
      </c>
      <c r="FR29" s="71">
        <v>1</v>
      </c>
      <c r="FS29" s="71">
        <v>0</v>
      </c>
      <c r="FT29" s="71">
        <v>1</v>
      </c>
      <c r="FU29" s="72">
        <v>5</v>
      </c>
      <c r="FV29" s="73">
        <v>7</v>
      </c>
      <c r="FW29" s="70">
        <v>0</v>
      </c>
      <c r="FX29" s="71">
        <v>0</v>
      </c>
      <c r="FY29" s="72">
        <v>0</v>
      </c>
      <c r="FZ29" s="244"/>
      <c r="GA29" s="71">
        <v>0</v>
      </c>
      <c r="GB29" s="71">
        <v>0</v>
      </c>
      <c r="GC29" s="71">
        <v>0</v>
      </c>
      <c r="GD29" s="71">
        <v>0</v>
      </c>
      <c r="GE29" s="71">
        <v>0</v>
      </c>
      <c r="GF29" s="72">
        <v>0</v>
      </c>
      <c r="GG29" s="73">
        <v>0</v>
      </c>
      <c r="GH29" s="70">
        <v>2</v>
      </c>
      <c r="GI29" s="71">
        <v>3</v>
      </c>
      <c r="GJ29" s="72">
        <v>5</v>
      </c>
      <c r="GK29" s="244"/>
      <c r="GL29" s="71">
        <v>3</v>
      </c>
      <c r="GM29" s="71">
        <v>3</v>
      </c>
      <c r="GN29" s="71">
        <v>2</v>
      </c>
      <c r="GO29" s="71">
        <v>0</v>
      </c>
      <c r="GP29" s="71">
        <v>1</v>
      </c>
      <c r="GQ29" s="72">
        <v>9</v>
      </c>
      <c r="GR29" s="73">
        <v>14</v>
      </c>
      <c r="GS29" s="123">
        <v>26</v>
      </c>
      <c r="GT29" s="82">
        <v>15</v>
      </c>
      <c r="GU29" s="83">
        <v>41</v>
      </c>
      <c r="GV29" s="241"/>
      <c r="GW29" s="82">
        <v>23</v>
      </c>
      <c r="GX29" s="82">
        <v>31</v>
      </c>
      <c r="GY29" s="82">
        <v>16</v>
      </c>
      <c r="GZ29" s="82">
        <v>14</v>
      </c>
      <c r="HA29" s="82">
        <v>5</v>
      </c>
      <c r="HB29" s="84">
        <v>89</v>
      </c>
      <c r="HC29" s="85">
        <v>130</v>
      </c>
      <c r="HD29" s="70">
        <v>0</v>
      </c>
      <c r="HE29" s="71">
        <v>0</v>
      </c>
      <c r="HF29" s="72">
        <v>0</v>
      </c>
      <c r="HG29" s="244"/>
      <c r="HH29" s="71">
        <v>0</v>
      </c>
      <c r="HI29" s="71">
        <v>0</v>
      </c>
      <c r="HJ29" s="71">
        <v>0</v>
      </c>
      <c r="HK29" s="71">
        <v>0</v>
      </c>
      <c r="HL29" s="71">
        <v>0</v>
      </c>
      <c r="HM29" s="72">
        <v>0</v>
      </c>
      <c r="HN29" s="73">
        <v>0</v>
      </c>
      <c r="HO29" s="70">
        <v>1</v>
      </c>
      <c r="HP29" s="71">
        <v>0</v>
      </c>
      <c r="HQ29" s="72">
        <v>1</v>
      </c>
      <c r="HR29" s="244"/>
      <c r="HS29" s="71">
        <v>1</v>
      </c>
      <c r="HT29" s="71">
        <v>1</v>
      </c>
      <c r="HU29" s="71">
        <v>0</v>
      </c>
      <c r="HV29" s="71">
        <v>0</v>
      </c>
      <c r="HW29" s="71">
        <v>0</v>
      </c>
      <c r="HX29" s="72">
        <v>2</v>
      </c>
      <c r="HY29" s="73">
        <v>3</v>
      </c>
      <c r="HZ29" s="70">
        <v>3</v>
      </c>
      <c r="IA29" s="71">
        <v>3</v>
      </c>
      <c r="IB29" s="72">
        <v>6</v>
      </c>
      <c r="IC29" s="244"/>
      <c r="ID29" s="71">
        <v>2</v>
      </c>
      <c r="IE29" s="71">
        <v>2</v>
      </c>
      <c r="IF29" s="71">
        <v>2</v>
      </c>
      <c r="IG29" s="71">
        <v>1</v>
      </c>
      <c r="IH29" s="71">
        <v>0</v>
      </c>
      <c r="II29" s="72">
        <v>7</v>
      </c>
      <c r="IJ29" s="73">
        <v>13</v>
      </c>
      <c r="IK29" s="70">
        <v>5</v>
      </c>
      <c r="IL29" s="71">
        <v>2</v>
      </c>
      <c r="IM29" s="72">
        <v>7</v>
      </c>
      <c r="IN29" s="244"/>
      <c r="IO29" s="71">
        <v>7</v>
      </c>
      <c r="IP29" s="71">
        <v>5</v>
      </c>
      <c r="IQ29" s="71">
        <v>3</v>
      </c>
      <c r="IR29" s="71">
        <v>2</v>
      </c>
      <c r="IS29" s="71">
        <v>0</v>
      </c>
      <c r="IT29" s="72">
        <v>17</v>
      </c>
      <c r="IU29" s="73">
        <v>24</v>
      </c>
      <c r="IV29" s="70">
        <v>9</v>
      </c>
      <c r="IW29" s="71">
        <v>4</v>
      </c>
      <c r="IX29" s="72">
        <v>13</v>
      </c>
      <c r="IY29" s="244"/>
      <c r="IZ29" s="71">
        <v>7</v>
      </c>
      <c r="JA29" s="71">
        <v>12</v>
      </c>
      <c r="JB29" s="71">
        <v>8</v>
      </c>
      <c r="JC29" s="71">
        <v>3</v>
      </c>
      <c r="JD29" s="71">
        <v>1</v>
      </c>
      <c r="JE29" s="72">
        <v>31</v>
      </c>
      <c r="JF29" s="73">
        <v>44</v>
      </c>
      <c r="JG29" s="70">
        <v>8</v>
      </c>
      <c r="JH29" s="71">
        <v>6</v>
      </c>
      <c r="JI29" s="72">
        <v>14</v>
      </c>
      <c r="JJ29" s="244"/>
      <c r="JK29" s="71">
        <v>6</v>
      </c>
      <c r="JL29" s="71">
        <v>11</v>
      </c>
      <c r="JM29" s="71">
        <v>3</v>
      </c>
      <c r="JN29" s="71">
        <v>8</v>
      </c>
      <c r="JO29" s="71">
        <v>4</v>
      </c>
      <c r="JP29" s="72">
        <v>32</v>
      </c>
      <c r="JQ29" s="73">
        <v>46</v>
      </c>
      <c r="JR29" s="70">
        <v>0</v>
      </c>
      <c r="JS29" s="71">
        <v>0</v>
      </c>
      <c r="JT29" s="72">
        <v>0</v>
      </c>
      <c r="JU29" s="244"/>
      <c r="JV29" s="71">
        <v>0</v>
      </c>
      <c r="JW29" s="71">
        <v>0</v>
      </c>
      <c r="JX29" s="71">
        <v>0</v>
      </c>
      <c r="JY29" s="71">
        <v>0</v>
      </c>
      <c r="JZ29" s="71">
        <v>0</v>
      </c>
      <c r="KA29" s="72">
        <v>0</v>
      </c>
      <c r="KB29" s="73">
        <v>0</v>
      </c>
      <c r="KC29" s="70">
        <v>26</v>
      </c>
      <c r="KD29" s="71">
        <v>15</v>
      </c>
      <c r="KE29" s="72">
        <v>41</v>
      </c>
      <c r="KF29" s="244"/>
      <c r="KG29" s="71">
        <v>23</v>
      </c>
      <c r="KH29" s="71">
        <v>31</v>
      </c>
      <c r="KI29" s="71">
        <v>16</v>
      </c>
      <c r="KJ29" s="71">
        <v>14</v>
      </c>
      <c r="KK29" s="71">
        <v>5</v>
      </c>
      <c r="KL29" s="72">
        <v>89</v>
      </c>
      <c r="KM29" s="73">
        <v>130</v>
      </c>
    </row>
    <row r="30" spans="2:299" ht="19.8" customHeight="1" x14ac:dyDescent="0.2">
      <c r="B30" s="126" t="s">
        <v>27</v>
      </c>
      <c r="C30" s="316">
        <v>16</v>
      </c>
      <c r="D30" s="82">
        <v>25</v>
      </c>
      <c r="E30" s="83">
        <v>41</v>
      </c>
      <c r="F30" s="241"/>
      <c r="G30" s="82">
        <v>22</v>
      </c>
      <c r="H30" s="82">
        <v>18</v>
      </c>
      <c r="I30" s="82">
        <v>22</v>
      </c>
      <c r="J30" s="82">
        <v>13</v>
      </c>
      <c r="K30" s="82">
        <v>9</v>
      </c>
      <c r="L30" s="84">
        <v>84</v>
      </c>
      <c r="M30" s="85">
        <v>125</v>
      </c>
      <c r="N30" s="70">
        <v>0</v>
      </c>
      <c r="O30" s="71">
        <v>0</v>
      </c>
      <c r="P30" s="72">
        <v>0</v>
      </c>
      <c r="Q30" s="244"/>
      <c r="R30" s="71">
        <v>0</v>
      </c>
      <c r="S30" s="71">
        <v>0</v>
      </c>
      <c r="T30" s="71">
        <v>0</v>
      </c>
      <c r="U30" s="71">
        <v>0</v>
      </c>
      <c r="V30" s="71">
        <v>0</v>
      </c>
      <c r="W30" s="72">
        <v>0</v>
      </c>
      <c r="X30" s="73">
        <v>0</v>
      </c>
      <c r="Y30" s="70">
        <v>0</v>
      </c>
      <c r="Z30" s="71">
        <v>2</v>
      </c>
      <c r="AA30" s="72">
        <v>2</v>
      </c>
      <c r="AB30" s="244"/>
      <c r="AC30" s="71">
        <v>1</v>
      </c>
      <c r="AD30" s="71">
        <v>2</v>
      </c>
      <c r="AE30" s="71">
        <v>0</v>
      </c>
      <c r="AF30" s="71">
        <v>1</v>
      </c>
      <c r="AG30" s="71">
        <v>0</v>
      </c>
      <c r="AH30" s="72">
        <v>4</v>
      </c>
      <c r="AI30" s="73">
        <v>6</v>
      </c>
      <c r="AJ30" s="70">
        <v>2</v>
      </c>
      <c r="AK30" s="71">
        <v>1</v>
      </c>
      <c r="AL30" s="72">
        <v>3</v>
      </c>
      <c r="AM30" s="244"/>
      <c r="AN30" s="71">
        <v>2</v>
      </c>
      <c r="AO30" s="71">
        <v>0</v>
      </c>
      <c r="AP30" s="71">
        <v>2</v>
      </c>
      <c r="AQ30" s="71">
        <v>0</v>
      </c>
      <c r="AR30" s="71">
        <v>0</v>
      </c>
      <c r="AS30" s="72">
        <v>4</v>
      </c>
      <c r="AT30" s="73">
        <v>7</v>
      </c>
      <c r="AU30" s="70">
        <v>4</v>
      </c>
      <c r="AV30" s="71">
        <v>2</v>
      </c>
      <c r="AW30" s="72">
        <v>6</v>
      </c>
      <c r="AX30" s="244"/>
      <c r="AY30" s="71">
        <v>10</v>
      </c>
      <c r="AZ30" s="71">
        <v>4</v>
      </c>
      <c r="BA30" s="71">
        <v>7</v>
      </c>
      <c r="BB30" s="71">
        <v>1</v>
      </c>
      <c r="BC30" s="71">
        <v>2</v>
      </c>
      <c r="BD30" s="72">
        <v>24</v>
      </c>
      <c r="BE30" s="73">
        <v>30</v>
      </c>
      <c r="BF30" s="70">
        <v>5</v>
      </c>
      <c r="BG30" s="71">
        <v>10</v>
      </c>
      <c r="BH30" s="72">
        <v>15</v>
      </c>
      <c r="BI30" s="244"/>
      <c r="BJ30" s="71">
        <v>3</v>
      </c>
      <c r="BK30" s="71">
        <v>6</v>
      </c>
      <c r="BL30" s="71">
        <v>5</v>
      </c>
      <c r="BM30" s="71">
        <v>7</v>
      </c>
      <c r="BN30" s="71">
        <v>5</v>
      </c>
      <c r="BO30" s="72">
        <v>26</v>
      </c>
      <c r="BP30" s="73">
        <v>41</v>
      </c>
      <c r="BQ30" s="70">
        <v>5</v>
      </c>
      <c r="BR30" s="71">
        <v>10</v>
      </c>
      <c r="BS30" s="72">
        <v>15</v>
      </c>
      <c r="BT30" s="244"/>
      <c r="BU30" s="71">
        <v>6</v>
      </c>
      <c r="BV30" s="71">
        <v>6</v>
      </c>
      <c r="BW30" s="71">
        <v>8</v>
      </c>
      <c r="BX30" s="71">
        <v>4</v>
      </c>
      <c r="BY30" s="71">
        <v>2</v>
      </c>
      <c r="BZ30" s="72">
        <v>26</v>
      </c>
      <c r="CA30" s="73">
        <v>41</v>
      </c>
      <c r="CB30" s="70">
        <v>0</v>
      </c>
      <c r="CC30" s="71">
        <v>0</v>
      </c>
      <c r="CD30" s="72">
        <v>0</v>
      </c>
      <c r="CE30" s="244"/>
      <c r="CF30" s="71">
        <v>0</v>
      </c>
      <c r="CG30" s="71">
        <v>0</v>
      </c>
      <c r="CH30" s="71">
        <v>0</v>
      </c>
      <c r="CI30" s="71">
        <v>0</v>
      </c>
      <c r="CJ30" s="71">
        <v>0</v>
      </c>
      <c r="CK30" s="72">
        <v>0</v>
      </c>
      <c r="CL30" s="73">
        <v>0</v>
      </c>
      <c r="CM30" s="70">
        <v>16</v>
      </c>
      <c r="CN30" s="71">
        <v>25</v>
      </c>
      <c r="CO30" s="72">
        <v>41</v>
      </c>
      <c r="CP30" s="244"/>
      <c r="CQ30" s="71">
        <v>22</v>
      </c>
      <c r="CR30" s="71">
        <v>18</v>
      </c>
      <c r="CS30" s="71">
        <v>22</v>
      </c>
      <c r="CT30" s="71">
        <v>13</v>
      </c>
      <c r="CU30" s="71">
        <v>9</v>
      </c>
      <c r="CV30" s="72">
        <v>84</v>
      </c>
      <c r="CW30" s="73">
        <v>125</v>
      </c>
      <c r="CX30" s="123">
        <v>3</v>
      </c>
      <c r="CY30" s="82">
        <v>1</v>
      </c>
      <c r="CZ30" s="83">
        <v>4</v>
      </c>
      <c r="DA30" s="241"/>
      <c r="DB30" s="82">
        <v>3</v>
      </c>
      <c r="DC30" s="82">
        <v>3</v>
      </c>
      <c r="DD30" s="82">
        <v>3</v>
      </c>
      <c r="DE30" s="82">
        <v>3</v>
      </c>
      <c r="DF30" s="82">
        <v>1</v>
      </c>
      <c r="DG30" s="84">
        <v>13</v>
      </c>
      <c r="DH30" s="85">
        <v>17</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1</v>
      </c>
      <c r="EU30" s="71">
        <v>0</v>
      </c>
      <c r="EV30" s="71">
        <v>0</v>
      </c>
      <c r="EW30" s="71">
        <v>0</v>
      </c>
      <c r="EX30" s="71">
        <v>0</v>
      </c>
      <c r="EY30" s="72">
        <v>1</v>
      </c>
      <c r="EZ30" s="73">
        <v>1</v>
      </c>
      <c r="FA30" s="70">
        <v>2</v>
      </c>
      <c r="FB30" s="71">
        <v>0</v>
      </c>
      <c r="FC30" s="72">
        <v>2</v>
      </c>
      <c r="FD30" s="244"/>
      <c r="FE30" s="71">
        <v>2</v>
      </c>
      <c r="FF30" s="71">
        <v>1</v>
      </c>
      <c r="FG30" s="71">
        <v>0</v>
      </c>
      <c r="FH30" s="71">
        <v>0</v>
      </c>
      <c r="FI30" s="71">
        <v>1</v>
      </c>
      <c r="FJ30" s="72">
        <v>4</v>
      </c>
      <c r="FK30" s="73">
        <v>6</v>
      </c>
      <c r="FL30" s="70">
        <v>1</v>
      </c>
      <c r="FM30" s="71">
        <v>1</v>
      </c>
      <c r="FN30" s="72">
        <v>2</v>
      </c>
      <c r="FO30" s="244"/>
      <c r="FP30" s="71">
        <v>0</v>
      </c>
      <c r="FQ30" s="71">
        <v>2</v>
      </c>
      <c r="FR30" s="71">
        <v>3</v>
      </c>
      <c r="FS30" s="71">
        <v>3</v>
      </c>
      <c r="FT30" s="71">
        <v>0</v>
      </c>
      <c r="FU30" s="72">
        <v>8</v>
      </c>
      <c r="FV30" s="73">
        <v>10</v>
      </c>
      <c r="FW30" s="70">
        <v>0</v>
      </c>
      <c r="FX30" s="71">
        <v>0</v>
      </c>
      <c r="FY30" s="72">
        <v>0</v>
      </c>
      <c r="FZ30" s="244"/>
      <c r="GA30" s="71">
        <v>0</v>
      </c>
      <c r="GB30" s="71">
        <v>0</v>
      </c>
      <c r="GC30" s="71">
        <v>0</v>
      </c>
      <c r="GD30" s="71">
        <v>0</v>
      </c>
      <c r="GE30" s="71">
        <v>0</v>
      </c>
      <c r="GF30" s="72">
        <v>0</v>
      </c>
      <c r="GG30" s="73">
        <v>0</v>
      </c>
      <c r="GH30" s="70">
        <v>3</v>
      </c>
      <c r="GI30" s="71">
        <v>1</v>
      </c>
      <c r="GJ30" s="72">
        <v>4</v>
      </c>
      <c r="GK30" s="244"/>
      <c r="GL30" s="71">
        <v>3</v>
      </c>
      <c r="GM30" s="71">
        <v>3</v>
      </c>
      <c r="GN30" s="71">
        <v>3</v>
      </c>
      <c r="GO30" s="71">
        <v>3</v>
      </c>
      <c r="GP30" s="71">
        <v>1</v>
      </c>
      <c r="GQ30" s="72">
        <v>13</v>
      </c>
      <c r="GR30" s="73">
        <v>17</v>
      </c>
      <c r="GS30" s="123">
        <v>19</v>
      </c>
      <c r="GT30" s="82">
        <v>26</v>
      </c>
      <c r="GU30" s="83">
        <v>45</v>
      </c>
      <c r="GV30" s="241"/>
      <c r="GW30" s="82">
        <v>25</v>
      </c>
      <c r="GX30" s="82">
        <v>21</v>
      </c>
      <c r="GY30" s="82">
        <v>25</v>
      </c>
      <c r="GZ30" s="82">
        <v>16</v>
      </c>
      <c r="HA30" s="82">
        <v>10</v>
      </c>
      <c r="HB30" s="84">
        <v>97</v>
      </c>
      <c r="HC30" s="85">
        <v>142</v>
      </c>
      <c r="HD30" s="70">
        <v>0</v>
      </c>
      <c r="HE30" s="71">
        <v>0</v>
      </c>
      <c r="HF30" s="72">
        <v>0</v>
      </c>
      <c r="HG30" s="244"/>
      <c r="HH30" s="71">
        <v>0</v>
      </c>
      <c r="HI30" s="71">
        <v>0</v>
      </c>
      <c r="HJ30" s="71">
        <v>0</v>
      </c>
      <c r="HK30" s="71">
        <v>0</v>
      </c>
      <c r="HL30" s="71">
        <v>0</v>
      </c>
      <c r="HM30" s="72">
        <v>0</v>
      </c>
      <c r="HN30" s="73">
        <v>0</v>
      </c>
      <c r="HO30" s="70">
        <v>0</v>
      </c>
      <c r="HP30" s="71">
        <v>2</v>
      </c>
      <c r="HQ30" s="72">
        <v>2</v>
      </c>
      <c r="HR30" s="244"/>
      <c r="HS30" s="71">
        <v>1</v>
      </c>
      <c r="HT30" s="71">
        <v>2</v>
      </c>
      <c r="HU30" s="71">
        <v>0</v>
      </c>
      <c r="HV30" s="71">
        <v>1</v>
      </c>
      <c r="HW30" s="71">
        <v>0</v>
      </c>
      <c r="HX30" s="72">
        <v>4</v>
      </c>
      <c r="HY30" s="73">
        <v>6</v>
      </c>
      <c r="HZ30" s="70">
        <v>2</v>
      </c>
      <c r="IA30" s="71">
        <v>1</v>
      </c>
      <c r="IB30" s="72">
        <v>3</v>
      </c>
      <c r="IC30" s="244"/>
      <c r="ID30" s="71">
        <v>2</v>
      </c>
      <c r="IE30" s="71">
        <v>0</v>
      </c>
      <c r="IF30" s="71">
        <v>2</v>
      </c>
      <c r="IG30" s="71">
        <v>0</v>
      </c>
      <c r="IH30" s="71">
        <v>0</v>
      </c>
      <c r="II30" s="72">
        <v>4</v>
      </c>
      <c r="IJ30" s="73">
        <v>7</v>
      </c>
      <c r="IK30" s="70">
        <v>4</v>
      </c>
      <c r="IL30" s="71">
        <v>2</v>
      </c>
      <c r="IM30" s="72">
        <v>6</v>
      </c>
      <c r="IN30" s="244"/>
      <c r="IO30" s="71">
        <v>11</v>
      </c>
      <c r="IP30" s="71">
        <v>4</v>
      </c>
      <c r="IQ30" s="71">
        <v>7</v>
      </c>
      <c r="IR30" s="71">
        <v>1</v>
      </c>
      <c r="IS30" s="71">
        <v>2</v>
      </c>
      <c r="IT30" s="72">
        <v>25</v>
      </c>
      <c r="IU30" s="73">
        <v>31</v>
      </c>
      <c r="IV30" s="70">
        <v>7</v>
      </c>
      <c r="IW30" s="71">
        <v>10</v>
      </c>
      <c r="IX30" s="72">
        <v>17</v>
      </c>
      <c r="IY30" s="244"/>
      <c r="IZ30" s="71">
        <v>5</v>
      </c>
      <c r="JA30" s="71">
        <v>7</v>
      </c>
      <c r="JB30" s="71">
        <v>5</v>
      </c>
      <c r="JC30" s="71">
        <v>7</v>
      </c>
      <c r="JD30" s="71">
        <v>6</v>
      </c>
      <c r="JE30" s="72">
        <v>30</v>
      </c>
      <c r="JF30" s="73">
        <v>47</v>
      </c>
      <c r="JG30" s="70">
        <v>6</v>
      </c>
      <c r="JH30" s="71">
        <v>11</v>
      </c>
      <c r="JI30" s="72">
        <v>17</v>
      </c>
      <c r="JJ30" s="244"/>
      <c r="JK30" s="71">
        <v>6</v>
      </c>
      <c r="JL30" s="71">
        <v>8</v>
      </c>
      <c r="JM30" s="71">
        <v>11</v>
      </c>
      <c r="JN30" s="71">
        <v>7</v>
      </c>
      <c r="JO30" s="71">
        <v>2</v>
      </c>
      <c r="JP30" s="72">
        <v>34</v>
      </c>
      <c r="JQ30" s="73">
        <v>51</v>
      </c>
      <c r="JR30" s="70">
        <v>0</v>
      </c>
      <c r="JS30" s="71">
        <v>0</v>
      </c>
      <c r="JT30" s="72">
        <v>0</v>
      </c>
      <c r="JU30" s="244"/>
      <c r="JV30" s="71">
        <v>0</v>
      </c>
      <c r="JW30" s="71">
        <v>0</v>
      </c>
      <c r="JX30" s="71">
        <v>0</v>
      </c>
      <c r="JY30" s="71">
        <v>0</v>
      </c>
      <c r="JZ30" s="71">
        <v>0</v>
      </c>
      <c r="KA30" s="72">
        <v>0</v>
      </c>
      <c r="KB30" s="73">
        <v>0</v>
      </c>
      <c r="KC30" s="70">
        <v>19</v>
      </c>
      <c r="KD30" s="71">
        <v>26</v>
      </c>
      <c r="KE30" s="72">
        <v>45</v>
      </c>
      <c r="KF30" s="244"/>
      <c r="KG30" s="71">
        <v>25</v>
      </c>
      <c r="KH30" s="71">
        <v>21</v>
      </c>
      <c r="KI30" s="71">
        <v>25</v>
      </c>
      <c r="KJ30" s="71">
        <v>16</v>
      </c>
      <c r="KK30" s="71">
        <v>10</v>
      </c>
      <c r="KL30" s="72">
        <v>97</v>
      </c>
      <c r="KM30" s="73">
        <v>142</v>
      </c>
    </row>
    <row r="31" spans="2:299" ht="19.8" customHeight="1" x14ac:dyDescent="0.2">
      <c r="B31" s="126" t="s">
        <v>28</v>
      </c>
      <c r="C31" s="316">
        <v>1</v>
      </c>
      <c r="D31" s="82">
        <v>2</v>
      </c>
      <c r="E31" s="83">
        <v>3</v>
      </c>
      <c r="F31" s="241"/>
      <c r="G31" s="82">
        <v>7</v>
      </c>
      <c r="H31" s="82">
        <v>7</v>
      </c>
      <c r="I31" s="82">
        <v>1</v>
      </c>
      <c r="J31" s="82">
        <v>4</v>
      </c>
      <c r="K31" s="82">
        <v>2</v>
      </c>
      <c r="L31" s="84">
        <v>21</v>
      </c>
      <c r="M31" s="85">
        <v>24</v>
      </c>
      <c r="N31" s="70">
        <v>0</v>
      </c>
      <c r="O31" s="71">
        <v>0</v>
      </c>
      <c r="P31" s="72">
        <v>0</v>
      </c>
      <c r="Q31" s="244"/>
      <c r="R31" s="71">
        <v>0</v>
      </c>
      <c r="S31" s="71">
        <v>0</v>
      </c>
      <c r="T31" s="71">
        <v>0</v>
      </c>
      <c r="U31" s="71">
        <v>0</v>
      </c>
      <c r="V31" s="71">
        <v>0</v>
      </c>
      <c r="W31" s="72">
        <v>0</v>
      </c>
      <c r="X31" s="73">
        <v>0</v>
      </c>
      <c r="Y31" s="70">
        <v>0</v>
      </c>
      <c r="Z31" s="71">
        <v>0</v>
      </c>
      <c r="AA31" s="72">
        <v>0</v>
      </c>
      <c r="AB31" s="244"/>
      <c r="AC31" s="71">
        <v>0</v>
      </c>
      <c r="AD31" s="71">
        <v>2</v>
      </c>
      <c r="AE31" s="71">
        <v>0</v>
      </c>
      <c r="AF31" s="71">
        <v>0</v>
      </c>
      <c r="AG31" s="71">
        <v>0</v>
      </c>
      <c r="AH31" s="72">
        <v>2</v>
      </c>
      <c r="AI31" s="73">
        <v>2</v>
      </c>
      <c r="AJ31" s="70">
        <v>0</v>
      </c>
      <c r="AK31" s="71">
        <v>0</v>
      </c>
      <c r="AL31" s="72">
        <v>0</v>
      </c>
      <c r="AM31" s="244"/>
      <c r="AN31" s="71">
        <v>0</v>
      </c>
      <c r="AO31" s="71">
        <v>0</v>
      </c>
      <c r="AP31" s="71">
        <v>0</v>
      </c>
      <c r="AQ31" s="71">
        <v>1</v>
      </c>
      <c r="AR31" s="71">
        <v>0</v>
      </c>
      <c r="AS31" s="72">
        <v>1</v>
      </c>
      <c r="AT31" s="73">
        <v>1</v>
      </c>
      <c r="AU31" s="70">
        <v>1</v>
      </c>
      <c r="AV31" s="71">
        <v>0</v>
      </c>
      <c r="AW31" s="72">
        <v>1</v>
      </c>
      <c r="AX31" s="244"/>
      <c r="AY31" s="71">
        <v>1</v>
      </c>
      <c r="AZ31" s="71">
        <v>2</v>
      </c>
      <c r="BA31" s="71">
        <v>0</v>
      </c>
      <c r="BB31" s="71">
        <v>1</v>
      </c>
      <c r="BC31" s="71">
        <v>0</v>
      </c>
      <c r="BD31" s="72">
        <v>4</v>
      </c>
      <c r="BE31" s="73">
        <v>5</v>
      </c>
      <c r="BF31" s="70">
        <v>0</v>
      </c>
      <c r="BG31" s="71">
        <v>2</v>
      </c>
      <c r="BH31" s="72">
        <v>2</v>
      </c>
      <c r="BI31" s="244"/>
      <c r="BJ31" s="71">
        <v>6</v>
      </c>
      <c r="BK31" s="71">
        <v>2</v>
      </c>
      <c r="BL31" s="71">
        <v>0</v>
      </c>
      <c r="BM31" s="71">
        <v>1</v>
      </c>
      <c r="BN31" s="71">
        <v>2</v>
      </c>
      <c r="BO31" s="72">
        <v>11</v>
      </c>
      <c r="BP31" s="73">
        <v>13</v>
      </c>
      <c r="BQ31" s="70">
        <v>0</v>
      </c>
      <c r="BR31" s="71">
        <v>0</v>
      </c>
      <c r="BS31" s="72">
        <v>0</v>
      </c>
      <c r="BT31" s="244"/>
      <c r="BU31" s="71">
        <v>0</v>
      </c>
      <c r="BV31" s="71">
        <v>1</v>
      </c>
      <c r="BW31" s="71">
        <v>1</v>
      </c>
      <c r="BX31" s="71">
        <v>1</v>
      </c>
      <c r="BY31" s="71">
        <v>0</v>
      </c>
      <c r="BZ31" s="72">
        <v>3</v>
      </c>
      <c r="CA31" s="73">
        <v>3</v>
      </c>
      <c r="CB31" s="70">
        <v>0</v>
      </c>
      <c r="CC31" s="71">
        <v>0</v>
      </c>
      <c r="CD31" s="72">
        <v>0</v>
      </c>
      <c r="CE31" s="244"/>
      <c r="CF31" s="71">
        <v>0</v>
      </c>
      <c r="CG31" s="71">
        <v>0</v>
      </c>
      <c r="CH31" s="71">
        <v>0</v>
      </c>
      <c r="CI31" s="71">
        <v>0</v>
      </c>
      <c r="CJ31" s="71">
        <v>0</v>
      </c>
      <c r="CK31" s="72">
        <v>0</v>
      </c>
      <c r="CL31" s="73">
        <v>0</v>
      </c>
      <c r="CM31" s="70">
        <v>1</v>
      </c>
      <c r="CN31" s="71">
        <v>2</v>
      </c>
      <c r="CO31" s="72">
        <v>3</v>
      </c>
      <c r="CP31" s="244"/>
      <c r="CQ31" s="71">
        <v>7</v>
      </c>
      <c r="CR31" s="71">
        <v>7</v>
      </c>
      <c r="CS31" s="71">
        <v>1</v>
      </c>
      <c r="CT31" s="71">
        <v>4</v>
      </c>
      <c r="CU31" s="71">
        <v>2</v>
      </c>
      <c r="CV31" s="72">
        <v>21</v>
      </c>
      <c r="CW31" s="73">
        <v>24</v>
      </c>
      <c r="CX31" s="123">
        <v>0</v>
      </c>
      <c r="CY31" s="82">
        <v>2</v>
      </c>
      <c r="CZ31" s="83">
        <v>2</v>
      </c>
      <c r="DA31" s="241"/>
      <c r="DB31" s="82">
        <v>3</v>
      </c>
      <c r="DC31" s="82">
        <v>1</v>
      </c>
      <c r="DD31" s="82">
        <v>0</v>
      </c>
      <c r="DE31" s="82">
        <v>1</v>
      </c>
      <c r="DF31" s="82">
        <v>2</v>
      </c>
      <c r="DG31" s="84">
        <v>7</v>
      </c>
      <c r="DH31" s="85">
        <v>9</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1</v>
      </c>
      <c r="EU31" s="71">
        <v>1</v>
      </c>
      <c r="EV31" s="71">
        <v>0</v>
      </c>
      <c r="EW31" s="71">
        <v>0</v>
      </c>
      <c r="EX31" s="71">
        <v>1</v>
      </c>
      <c r="EY31" s="72">
        <v>3</v>
      </c>
      <c r="EZ31" s="73">
        <v>3</v>
      </c>
      <c r="FA31" s="70">
        <v>0</v>
      </c>
      <c r="FB31" s="71">
        <v>0</v>
      </c>
      <c r="FC31" s="72">
        <v>0</v>
      </c>
      <c r="FD31" s="244"/>
      <c r="FE31" s="71">
        <v>1</v>
      </c>
      <c r="FF31" s="71">
        <v>0</v>
      </c>
      <c r="FG31" s="71">
        <v>0</v>
      </c>
      <c r="FH31" s="71">
        <v>0</v>
      </c>
      <c r="FI31" s="71">
        <v>0</v>
      </c>
      <c r="FJ31" s="72">
        <v>1</v>
      </c>
      <c r="FK31" s="73">
        <v>1</v>
      </c>
      <c r="FL31" s="70">
        <v>0</v>
      </c>
      <c r="FM31" s="71">
        <v>1</v>
      </c>
      <c r="FN31" s="72">
        <v>1</v>
      </c>
      <c r="FO31" s="244"/>
      <c r="FP31" s="71">
        <v>1</v>
      </c>
      <c r="FQ31" s="71">
        <v>0</v>
      </c>
      <c r="FR31" s="71">
        <v>0</v>
      </c>
      <c r="FS31" s="71">
        <v>1</v>
      </c>
      <c r="FT31" s="71">
        <v>1</v>
      </c>
      <c r="FU31" s="72">
        <v>3</v>
      </c>
      <c r="FV31" s="73">
        <v>4</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2</v>
      </c>
      <c r="GQ31" s="72">
        <v>7</v>
      </c>
      <c r="GR31" s="73">
        <v>9</v>
      </c>
      <c r="GS31" s="123">
        <v>1</v>
      </c>
      <c r="GT31" s="82">
        <v>4</v>
      </c>
      <c r="GU31" s="83">
        <v>5</v>
      </c>
      <c r="GV31" s="241"/>
      <c r="GW31" s="82">
        <v>10</v>
      </c>
      <c r="GX31" s="82">
        <v>8</v>
      </c>
      <c r="GY31" s="82">
        <v>1</v>
      </c>
      <c r="GZ31" s="82">
        <v>5</v>
      </c>
      <c r="HA31" s="82">
        <v>4</v>
      </c>
      <c r="HB31" s="84">
        <v>28</v>
      </c>
      <c r="HC31" s="85">
        <v>33</v>
      </c>
      <c r="HD31" s="70">
        <v>0</v>
      </c>
      <c r="HE31" s="71">
        <v>0</v>
      </c>
      <c r="HF31" s="72">
        <v>0</v>
      </c>
      <c r="HG31" s="244"/>
      <c r="HH31" s="71">
        <v>0</v>
      </c>
      <c r="HI31" s="71">
        <v>0</v>
      </c>
      <c r="HJ31" s="71">
        <v>0</v>
      </c>
      <c r="HK31" s="71">
        <v>0</v>
      </c>
      <c r="HL31" s="71">
        <v>0</v>
      </c>
      <c r="HM31" s="72">
        <v>0</v>
      </c>
      <c r="HN31" s="73">
        <v>0</v>
      </c>
      <c r="HO31" s="70">
        <v>0</v>
      </c>
      <c r="HP31" s="71">
        <v>0</v>
      </c>
      <c r="HQ31" s="72">
        <v>0</v>
      </c>
      <c r="HR31" s="244"/>
      <c r="HS31" s="71">
        <v>0</v>
      </c>
      <c r="HT31" s="71">
        <v>2</v>
      </c>
      <c r="HU31" s="71">
        <v>0</v>
      </c>
      <c r="HV31" s="71">
        <v>0</v>
      </c>
      <c r="HW31" s="71">
        <v>0</v>
      </c>
      <c r="HX31" s="72">
        <v>2</v>
      </c>
      <c r="HY31" s="73">
        <v>2</v>
      </c>
      <c r="HZ31" s="70">
        <v>0</v>
      </c>
      <c r="IA31" s="71">
        <v>1</v>
      </c>
      <c r="IB31" s="72">
        <v>1</v>
      </c>
      <c r="IC31" s="244"/>
      <c r="ID31" s="71">
        <v>0</v>
      </c>
      <c r="IE31" s="71">
        <v>0</v>
      </c>
      <c r="IF31" s="71">
        <v>0</v>
      </c>
      <c r="IG31" s="71">
        <v>1</v>
      </c>
      <c r="IH31" s="71">
        <v>0</v>
      </c>
      <c r="II31" s="72">
        <v>1</v>
      </c>
      <c r="IJ31" s="73">
        <v>2</v>
      </c>
      <c r="IK31" s="70">
        <v>1</v>
      </c>
      <c r="IL31" s="71">
        <v>0</v>
      </c>
      <c r="IM31" s="72">
        <v>1</v>
      </c>
      <c r="IN31" s="244"/>
      <c r="IO31" s="71">
        <v>2</v>
      </c>
      <c r="IP31" s="71">
        <v>3</v>
      </c>
      <c r="IQ31" s="71">
        <v>0</v>
      </c>
      <c r="IR31" s="71">
        <v>1</v>
      </c>
      <c r="IS31" s="71">
        <v>1</v>
      </c>
      <c r="IT31" s="72">
        <v>7</v>
      </c>
      <c r="IU31" s="73">
        <v>8</v>
      </c>
      <c r="IV31" s="70">
        <v>0</v>
      </c>
      <c r="IW31" s="71">
        <v>2</v>
      </c>
      <c r="IX31" s="72">
        <v>2</v>
      </c>
      <c r="IY31" s="244"/>
      <c r="IZ31" s="71">
        <v>7</v>
      </c>
      <c r="JA31" s="71">
        <v>2</v>
      </c>
      <c r="JB31" s="71">
        <v>0</v>
      </c>
      <c r="JC31" s="71">
        <v>1</v>
      </c>
      <c r="JD31" s="71">
        <v>2</v>
      </c>
      <c r="JE31" s="72">
        <v>12</v>
      </c>
      <c r="JF31" s="73">
        <v>14</v>
      </c>
      <c r="JG31" s="70">
        <v>0</v>
      </c>
      <c r="JH31" s="71">
        <v>1</v>
      </c>
      <c r="JI31" s="72">
        <v>1</v>
      </c>
      <c r="JJ31" s="244"/>
      <c r="JK31" s="71">
        <v>1</v>
      </c>
      <c r="JL31" s="71">
        <v>1</v>
      </c>
      <c r="JM31" s="71">
        <v>1</v>
      </c>
      <c r="JN31" s="71">
        <v>2</v>
      </c>
      <c r="JO31" s="71">
        <v>1</v>
      </c>
      <c r="JP31" s="72">
        <v>6</v>
      </c>
      <c r="JQ31" s="73">
        <v>7</v>
      </c>
      <c r="JR31" s="70">
        <v>0</v>
      </c>
      <c r="JS31" s="71">
        <v>0</v>
      </c>
      <c r="JT31" s="72">
        <v>0</v>
      </c>
      <c r="JU31" s="244"/>
      <c r="JV31" s="71">
        <v>0</v>
      </c>
      <c r="JW31" s="71">
        <v>0</v>
      </c>
      <c r="JX31" s="71">
        <v>0</v>
      </c>
      <c r="JY31" s="71">
        <v>0</v>
      </c>
      <c r="JZ31" s="71">
        <v>0</v>
      </c>
      <c r="KA31" s="72">
        <v>0</v>
      </c>
      <c r="KB31" s="73">
        <v>0</v>
      </c>
      <c r="KC31" s="70">
        <v>1</v>
      </c>
      <c r="KD31" s="71">
        <v>4</v>
      </c>
      <c r="KE31" s="72">
        <v>5</v>
      </c>
      <c r="KF31" s="244"/>
      <c r="KG31" s="71">
        <v>10</v>
      </c>
      <c r="KH31" s="71">
        <v>8</v>
      </c>
      <c r="KI31" s="71">
        <v>1</v>
      </c>
      <c r="KJ31" s="71">
        <v>5</v>
      </c>
      <c r="KK31" s="71">
        <v>4</v>
      </c>
      <c r="KL31" s="72">
        <v>28</v>
      </c>
      <c r="KM31" s="73">
        <v>33</v>
      </c>
    </row>
    <row r="32" spans="2:299" ht="19.8" customHeight="1" x14ac:dyDescent="0.2">
      <c r="B32" s="126" t="s">
        <v>29</v>
      </c>
      <c r="C32" s="316">
        <v>4</v>
      </c>
      <c r="D32" s="82">
        <v>3</v>
      </c>
      <c r="E32" s="83">
        <v>7</v>
      </c>
      <c r="F32" s="241"/>
      <c r="G32" s="82">
        <v>4</v>
      </c>
      <c r="H32" s="82">
        <v>5</v>
      </c>
      <c r="I32" s="82">
        <v>3</v>
      </c>
      <c r="J32" s="82">
        <v>4</v>
      </c>
      <c r="K32" s="82">
        <v>5</v>
      </c>
      <c r="L32" s="84">
        <v>21</v>
      </c>
      <c r="M32" s="85">
        <v>28</v>
      </c>
      <c r="N32" s="70">
        <v>0</v>
      </c>
      <c r="O32" s="71">
        <v>0</v>
      </c>
      <c r="P32" s="72">
        <v>0</v>
      </c>
      <c r="Q32" s="244"/>
      <c r="R32" s="71">
        <v>0</v>
      </c>
      <c r="S32" s="71">
        <v>0</v>
      </c>
      <c r="T32" s="71">
        <v>0</v>
      </c>
      <c r="U32" s="71">
        <v>0</v>
      </c>
      <c r="V32" s="71">
        <v>0</v>
      </c>
      <c r="W32" s="72">
        <v>0</v>
      </c>
      <c r="X32" s="73">
        <v>0</v>
      </c>
      <c r="Y32" s="70">
        <v>0</v>
      </c>
      <c r="Z32" s="71">
        <v>1</v>
      </c>
      <c r="AA32" s="72">
        <v>1</v>
      </c>
      <c r="AB32" s="244"/>
      <c r="AC32" s="71">
        <v>0</v>
      </c>
      <c r="AD32" s="71">
        <v>0</v>
      </c>
      <c r="AE32" s="71">
        <v>0</v>
      </c>
      <c r="AF32" s="71">
        <v>1</v>
      </c>
      <c r="AG32" s="71">
        <v>0</v>
      </c>
      <c r="AH32" s="72">
        <v>1</v>
      </c>
      <c r="AI32" s="73">
        <v>2</v>
      </c>
      <c r="AJ32" s="70">
        <v>1</v>
      </c>
      <c r="AK32" s="71">
        <v>0</v>
      </c>
      <c r="AL32" s="72">
        <v>1</v>
      </c>
      <c r="AM32" s="244"/>
      <c r="AN32" s="71">
        <v>0</v>
      </c>
      <c r="AO32" s="71">
        <v>0</v>
      </c>
      <c r="AP32" s="71">
        <v>0</v>
      </c>
      <c r="AQ32" s="71">
        <v>0</v>
      </c>
      <c r="AR32" s="71">
        <v>1</v>
      </c>
      <c r="AS32" s="72">
        <v>1</v>
      </c>
      <c r="AT32" s="73">
        <v>2</v>
      </c>
      <c r="AU32" s="70">
        <v>2</v>
      </c>
      <c r="AV32" s="71">
        <v>1</v>
      </c>
      <c r="AW32" s="72">
        <v>3</v>
      </c>
      <c r="AX32" s="244"/>
      <c r="AY32" s="71">
        <v>1</v>
      </c>
      <c r="AZ32" s="71">
        <v>2</v>
      </c>
      <c r="BA32" s="71">
        <v>0</v>
      </c>
      <c r="BB32" s="71">
        <v>1</v>
      </c>
      <c r="BC32" s="71">
        <v>0</v>
      </c>
      <c r="BD32" s="72">
        <v>4</v>
      </c>
      <c r="BE32" s="73">
        <v>7</v>
      </c>
      <c r="BF32" s="70">
        <v>0</v>
      </c>
      <c r="BG32" s="71">
        <v>1</v>
      </c>
      <c r="BH32" s="72">
        <v>1</v>
      </c>
      <c r="BI32" s="244"/>
      <c r="BJ32" s="71">
        <v>3</v>
      </c>
      <c r="BK32" s="71">
        <v>2</v>
      </c>
      <c r="BL32" s="71">
        <v>2</v>
      </c>
      <c r="BM32" s="71">
        <v>1</v>
      </c>
      <c r="BN32" s="71">
        <v>2</v>
      </c>
      <c r="BO32" s="72">
        <v>10</v>
      </c>
      <c r="BP32" s="73">
        <v>11</v>
      </c>
      <c r="BQ32" s="70">
        <v>1</v>
      </c>
      <c r="BR32" s="71">
        <v>0</v>
      </c>
      <c r="BS32" s="72">
        <v>1</v>
      </c>
      <c r="BT32" s="244"/>
      <c r="BU32" s="71">
        <v>0</v>
      </c>
      <c r="BV32" s="71">
        <v>1</v>
      </c>
      <c r="BW32" s="71">
        <v>1</v>
      </c>
      <c r="BX32" s="71">
        <v>1</v>
      </c>
      <c r="BY32" s="71">
        <v>2</v>
      </c>
      <c r="BZ32" s="72">
        <v>5</v>
      </c>
      <c r="CA32" s="73">
        <v>6</v>
      </c>
      <c r="CB32" s="70">
        <v>0</v>
      </c>
      <c r="CC32" s="71">
        <v>0</v>
      </c>
      <c r="CD32" s="72">
        <v>0</v>
      </c>
      <c r="CE32" s="244"/>
      <c r="CF32" s="71">
        <v>0</v>
      </c>
      <c r="CG32" s="71">
        <v>0</v>
      </c>
      <c r="CH32" s="71">
        <v>0</v>
      </c>
      <c r="CI32" s="71">
        <v>0</v>
      </c>
      <c r="CJ32" s="71">
        <v>0</v>
      </c>
      <c r="CK32" s="72">
        <v>0</v>
      </c>
      <c r="CL32" s="73">
        <v>0</v>
      </c>
      <c r="CM32" s="70">
        <v>4</v>
      </c>
      <c r="CN32" s="71">
        <v>3</v>
      </c>
      <c r="CO32" s="72">
        <v>7</v>
      </c>
      <c r="CP32" s="244"/>
      <c r="CQ32" s="71">
        <v>4</v>
      </c>
      <c r="CR32" s="71">
        <v>5</v>
      </c>
      <c r="CS32" s="71">
        <v>3</v>
      </c>
      <c r="CT32" s="71">
        <v>4</v>
      </c>
      <c r="CU32" s="71">
        <v>5</v>
      </c>
      <c r="CV32" s="72">
        <v>21</v>
      </c>
      <c r="CW32" s="73">
        <v>28</v>
      </c>
      <c r="CX32" s="123">
        <v>0</v>
      </c>
      <c r="CY32" s="82">
        <v>0</v>
      </c>
      <c r="CZ32" s="83">
        <v>0</v>
      </c>
      <c r="DA32" s="241"/>
      <c r="DB32" s="82">
        <v>2</v>
      </c>
      <c r="DC32" s="82">
        <v>1</v>
      </c>
      <c r="DD32" s="82">
        <v>0</v>
      </c>
      <c r="DE32" s="82">
        <v>0</v>
      </c>
      <c r="DF32" s="82">
        <v>0</v>
      </c>
      <c r="DG32" s="84">
        <v>3</v>
      </c>
      <c r="DH32" s="85">
        <v>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0</v>
      </c>
      <c r="EF32" s="71">
        <v>0</v>
      </c>
      <c r="EG32" s="72">
        <v>0</v>
      </c>
      <c r="EH32" s="244"/>
      <c r="EI32" s="71">
        <v>0</v>
      </c>
      <c r="EJ32" s="71">
        <v>0</v>
      </c>
      <c r="EK32" s="71">
        <v>0</v>
      </c>
      <c r="EL32" s="71">
        <v>0</v>
      </c>
      <c r="EM32" s="71">
        <v>0</v>
      </c>
      <c r="EN32" s="72">
        <v>0</v>
      </c>
      <c r="EO32" s="73">
        <v>0</v>
      </c>
      <c r="EP32" s="70">
        <v>0</v>
      </c>
      <c r="EQ32" s="71">
        <v>0</v>
      </c>
      <c r="ER32" s="72">
        <v>0</v>
      </c>
      <c r="ES32" s="244"/>
      <c r="ET32" s="71">
        <v>1</v>
      </c>
      <c r="EU32" s="71">
        <v>0</v>
      </c>
      <c r="EV32" s="71">
        <v>0</v>
      </c>
      <c r="EW32" s="71">
        <v>0</v>
      </c>
      <c r="EX32" s="71">
        <v>0</v>
      </c>
      <c r="EY32" s="72">
        <v>1</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0</v>
      </c>
      <c r="GI32" s="71">
        <v>0</v>
      </c>
      <c r="GJ32" s="72">
        <v>0</v>
      </c>
      <c r="GK32" s="244"/>
      <c r="GL32" s="71">
        <v>2</v>
      </c>
      <c r="GM32" s="71">
        <v>1</v>
      </c>
      <c r="GN32" s="71">
        <v>0</v>
      </c>
      <c r="GO32" s="71">
        <v>0</v>
      </c>
      <c r="GP32" s="71">
        <v>0</v>
      </c>
      <c r="GQ32" s="72">
        <v>3</v>
      </c>
      <c r="GR32" s="73">
        <v>3</v>
      </c>
      <c r="GS32" s="123">
        <v>4</v>
      </c>
      <c r="GT32" s="82">
        <v>3</v>
      </c>
      <c r="GU32" s="83">
        <v>7</v>
      </c>
      <c r="GV32" s="241"/>
      <c r="GW32" s="82">
        <v>6</v>
      </c>
      <c r="GX32" s="82">
        <v>6</v>
      </c>
      <c r="GY32" s="82">
        <v>3</v>
      </c>
      <c r="GZ32" s="82">
        <v>4</v>
      </c>
      <c r="HA32" s="82">
        <v>5</v>
      </c>
      <c r="HB32" s="84">
        <v>24</v>
      </c>
      <c r="HC32" s="85">
        <v>31</v>
      </c>
      <c r="HD32" s="70">
        <v>0</v>
      </c>
      <c r="HE32" s="71">
        <v>0</v>
      </c>
      <c r="HF32" s="72">
        <v>0</v>
      </c>
      <c r="HG32" s="244"/>
      <c r="HH32" s="71">
        <v>0</v>
      </c>
      <c r="HI32" s="71">
        <v>0</v>
      </c>
      <c r="HJ32" s="71">
        <v>0</v>
      </c>
      <c r="HK32" s="71">
        <v>0</v>
      </c>
      <c r="HL32" s="71">
        <v>0</v>
      </c>
      <c r="HM32" s="72">
        <v>0</v>
      </c>
      <c r="HN32" s="73">
        <v>0</v>
      </c>
      <c r="HO32" s="70">
        <v>0</v>
      </c>
      <c r="HP32" s="71">
        <v>1</v>
      </c>
      <c r="HQ32" s="72">
        <v>1</v>
      </c>
      <c r="HR32" s="244"/>
      <c r="HS32" s="71">
        <v>0</v>
      </c>
      <c r="HT32" s="71">
        <v>0</v>
      </c>
      <c r="HU32" s="71">
        <v>0</v>
      </c>
      <c r="HV32" s="71">
        <v>1</v>
      </c>
      <c r="HW32" s="71">
        <v>0</v>
      </c>
      <c r="HX32" s="72">
        <v>1</v>
      </c>
      <c r="HY32" s="73">
        <v>2</v>
      </c>
      <c r="HZ32" s="70">
        <v>1</v>
      </c>
      <c r="IA32" s="71">
        <v>0</v>
      </c>
      <c r="IB32" s="72">
        <v>1</v>
      </c>
      <c r="IC32" s="244"/>
      <c r="ID32" s="71">
        <v>0</v>
      </c>
      <c r="IE32" s="71">
        <v>0</v>
      </c>
      <c r="IF32" s="71">
        <v>0</v>
      </c>
      <c r="IG32" s="71">
        <v>0</v>
      </c>
      <c r="IH32" s="71">
        <v>1</v>
      </c>
      <c r="II32" s="72">
        <v>1</v>
      </c>
      <c r="IJ32" s="73">
        <v>2</v>
      </c>
      <c r="IK32" s="70">
        <v>2</v>
      </c>
      <c r="IL32" s="71">
        <v>1</v>
      </c>
      <c r="IM32" s="72">
        <v>3</v>
      </c>
      <c r="IN32" s="244"/>
      <c r="IO32" s="71">
        <v>2</v>
      </c>
      <c r="IP32" s="71">
        <v>2</v>
      </c>
      <c r="IQ32" s="71">
        <v>0</v>
      </c>
      <c r="IR32" s="71">
        <v>1</v>
      </c>
      <c r="IS32" s="71">
        <v>0</v>
      </c>
      <c r="IT32" s="72">
        <v>5</v>
      </c>
      <c r="IU32" s="73">
        <v>8</v>
      </c>
      <c r="IV32" s="70">
        <v>0</v>
      </c>
      <c r="IW32" s="71">
        <v>1</v>
      </c>
      <c r="IX32" s="72">
        <v>1</v>
      </c>
      <c r="IY32" s="244"/>
      <c r="IZ32" s="71">
        <v>4</v>
      </c>
      <c r="JA32" s="71">
        <v>2</v>
      </c>
      <c r="JB32" s="71">
        <v>2</v>
      </c>
      <c r="JC32" s="71">
        <v>1</v>
      </c>
      <c r="JD32" s="71">
        <v>2</v>
      </c>
      <c r="JE32" s="72">
        <v>11</v>
      </c>
      <c r="JF32" s="73">
        <v>12</v>
      </c>
      <c r="JG32" s="70">
        <v>1</v>
      </c>
      <c r="JH32" s="71">
        <v>0</v>
      </c>
      <c r="JI32" s="72">
        <v>1</v>
      </c>
      <c r="JJ32" s="244"/>
      <c r="JK32" s="71">
        <v>0</v>
      </c>
      <c r="JL32" s="71">
        <v>2</v>
      </c>
      <c r="JM32" s="71">
        <v>1</v>
      </c>
      <c r="JN32" s="71">
        <v>1</v>
      </c>
      <c r="JO32" s="71">
        <v>2</v>
      </c>
      <c r="JP32" s="72">
        <v>6</v>
      </c>
      <c r="JQ32" s="73">
        <v>7</v>
      </c>
      <c r="JR32" s="70">
        <v>0</v>
      </c>
      <c r="JS32" s="71">
        <v>0</v>
      </c>
      <c r="JT32" s="72">
        <v>0</v>
      </c>
      <c r="JU32" s="244"/>
      <c r="JV32" s="71">
        <v>0</v>
      </c>
      <c r="JW32" s="71">
        <v>0</v>
      </c>
      <c r="JX32" s="71">
        <v>0</v>
      </c>
      <c r="JY32" s="71">
        <v>0</v>
      </c>
      <c r="JZ32" s="71">
        <v>0</v>
      </c>
      <c r="KA32" s="72">
        <v>0</v>
      </c>
      <c r="KB32" s="73">
        <v>0</v>
      </c>
      <c r="KC32" s="70">
        <v>4</v>
      </c>
      <c r="KD32" s="71">
        <v>3</v>
      </c>
      <c r="KE32" s="72">
        <v>7</v>
      </c>
      <c r="KF32" s="244"/>
      <c r="KG32" s="71">
        <v>6</v>
      </c>
      <c r="KH32" s="71">
        <v>6</v>
      </c>
      <c r="KI32" s="71">
        <v>3</v>
      </c>
      <c r="KJ32" s="71">
        <v>4</v>
      </c>
      <c r="KK32" s="71">
        <v>5</v>
      </c>
      <c r="KL32" s="72">
        <v>24</v>
      </c>
      <c r="KM32" s="73">
        <v>31</v>
      </c>
    </row>
    <row r="33" spans="2:299" ht="19.8" customHeight="1" x14ac:dyDescent="0.2">
      <c r="B33" s="126" t="s">
        <v>30</v>
      </c>
      <c r="C33" s="316">
        <v>2</v>
      </c>
      <c r="D33" s="82">
        <v>3</v>
      </c>
      <c r="E33" s="83">
        <v>5</v>
      </c>
      <c r="F33" s="241"/>
      <c r="G33" s="82">
        <v>8</v>
      </c>
      <c r="H33" s="82">
        <v>4</v>
      </c>
      <c r="I33" s="82">
        <v>1</v>
      </c>
      <c r="J33" s="82">
        <v>8</v>
      </c>
      <c r="K33" s="82">
        <v>2</v>
      </c>
      <c r="L33" s="84">
        <v>23</v>
      </c>
      <c r="M33" s="85">
        <v>28</v>
      </c>
      <c r="N33" s="70">
        <v>0</v>
      </c>
      <c r="O33" s="71">
        <v>0</v>
      </c>
      <c r="P33" s="72">
        <v>0</v>
      </c>
      <c r="Q33" s="244"/>
      <c r="R33" s="71">
        <v>0</v>
      </c>
      <c r="S33" s="71">
        <v>0</v>
      </c>
      <c r="T33" s="71">
        <v>0</v>
      </c>
      <c r="U33" s="71">
        <v>0</v>
      </c>
      <c r="V33" s="71">
        <v>0</v>
      </c>
      <c r="W33" s="72">
        <v>0</v>
      </c>
      <c r="X33" s="73">
        <v>0</v>
      </c>
      <c r="Y33" s="70">
        <v>0</v>
      </c>
      <c r="Z33" s="71">
        <v>2</v>
      </c>
      <c r="AA33" s="72">
        <v>2</v>
      </c>
      <c r="AB33" s="244"/>
      <c r="AC33" s="71">
        <v>0</v>
      </c>
      <c r="AD33" s="71">
        <v>0</v>
      </c>
      <c r="AE33" s="71">
        <v>0</v>
      </c>
      <c r="AF33" s="71">
        <v>0</v>
      </c>
      <c r="AG33" s="71">
        <v>0</v>
      </c>
      <c r="AH33" s="72">
        <v>0</v>
      </c>
      <c r="AI33" s="73">
        <v>2</v>
      </c>
      <c r="AJ33" s="70">
        <v>0</v>
      </c>
      <c r="AK33" s="71">
        <v>0</v>
      </c>
      <c r="AL33" s="72">
        <v>0</v>
      </c>
      <c r="AM33" s="244"/>
      <c r="AN33" s="71">
        <v>0</v>
      </c>
      <c r="AO33" s="71">
        <v>0</v>
      </c>
      <c r="AP33" s="71">
        <v>0</v>
      </c>
      <c r="AQ33" s="71">
        <v>2</v>
      </c>
      <c r="AR33" s="71">
        <v>0</v>
      </c>
      <c r="AS33" s="72">
        <v>2</v>
      </c>
      <c r="AT33" s="73">
        <v>2</v>
      </c>
      <c r="AU33" s="70">
        <v>0</v>
      </c>
      <c r="AV33" s="71">
        <v>0</v>
      </c>
      <c r="AW33" s="72">
        <v>0</v>
      </c>
      <c r="AX33" s="244"/>
      <c r="AY33" s="71">
        <v>0</v>
      </c>
      <c r="AZ33" s="71">
        <v>1</v>
      </c>
      <c r="BA33" s="71">
        <v>1</v>
      </c>
      <c r="BB33" s="71">
        <v>0</v>
      </c>
      <c r="BC33" s="71">
        <v>0</v>
      </c>
      <c r="BD33" s="72">
        <v>2</v>
      </c>
      <c r="BE33" s="73">
        <v>2</v>
      </c>
      <c r="BF33" s="70">
        <v>1</v>
      </c>
      <c r="BG33" s="71">
        <v>1</v>
      </c>
      <c r="BH33" s="72">
        <v>2</v>
      </c>
      <c r="BI33" s="244"/>
      <c r="BJ33" s="71">
        <v>3</v>
      </c>
      <c r="BK33" s="71">
        <v>0</v>
      </c>
      <c r="BL33" s="71">
        <v>0</v>
      </c>
      <c r="BM33" s="71">
        <v>2</v>
      </c>
      <c r="BN33" s="71">
        <v>1</v>
      </c>
      <c r="BO33" s="72">
        <v>6</v>
      </c>
      <c r="BP33" s="73">
        <v>8</v>
      </c>
      <c r="BQ33" s="70">
        <v>1</v>
      </c>
      <c r="BR33" s="71">
        <v>0</v>
      </c>
      <c r="BS33" s="72">
        <v>1</v>
      </c>
      <c r="BT33" s="244"/>
      <c r="BU33" s="71">
        <v>5</v>
      </c>
      <c r="BV33" s="71">
        <v>3</v>
      </c>
      <c r="BW33" s="71">
        <v>0</v>
      </c>
      <c r="BX33" s="71">
        <v>4</v>
      </c>
      <c r="BY33" s="71">
        <v>1</v>
      </c>
      <c r="BZ33" s="72">
        <v>13</v>
      </c>
      <c r="CA33" s="73">
        <v>14</v>
      </c>
      <c r="CB33" s="70">
        <v>0</v>
      </c>
      <c r="CC33" s="71">
        <v>0</v>
      </c>
      <c r="CD33" s="72">
        <v>0</v>
      </c>
      <c r="CE33" s="244"/>
      <c r="CF33" s="71">
        <v>0</v>
      </c>
      <c r="CG33" s="71">
        <v>0</v>
      </c>
      <c r="CH33" s="71">
        <v>0</v>
      </c>
      <c r="CI33" s="71">
        <v>0</v>
      </c>
      <c r="CJ33" s="71">
        <v>0</v>
      </c>
      <c r="CK33" s="72">
        <v>0</v>
      </c>
      <c r="CL33" s="73">
        <v>0</v>
      </c>
      <c r="CM33" s="70">
        <v>2</v>
      </c>
      <c r="CN33" s="71">
        <v>3</v>
      </c>
      <c r="CO33" s="72">
        <v>5</v>
      </c>
      <c r="CP33" s="244"/>
      <c r="CQ33" s="71">
        <v>8</v>
      </c>
      <c r="CR33" s="71">
        <v>4</v>
      </c>
      <c r="CS33" s="71">
        <v>1</v>
      </c>
      <c r="CT33" s="71">
        <v>8</v>
      </c>
      <c r="CU33" s="71">
        <v>2</v>
      </c>
      <c r="CV33" s="72">
        <v>23</v>
      </c>
      <c r="CW33" s="73">
        <v>28</v>
      </c>
      <c r="CX33" s="123">
        <v>1</v>
      </c>
      <c r="CY33" s="82">
        <v>0</v>
      </c>
      <c r="CZ33" s="83">
        <v>1</v>
      </c>
      <c r="DA33" s="241"/>
      <c r="DB33" s="82">
        <v>2</v>
      </c>
      <c r="DC33" s="82">
        <v>0</v>
      </c>
      <c r="DD33" s="82">
        <v>1</v>
      </c>
      <c r="DE33" s="82">
        <v>2</v>
      </c>
      <c r="DF33" s="82">
        <v>1</v>
      </c>
      <c r="DG33" s="84">
        <v>6</v>
      </c>
      <c r="DH33" s="85">
        <v>7</v>
      </c>
      <c r="DI33" s="70">
        <v>0</v>
      </c>
      <c r="DJ33" s="71">
        <v>0</v>
      </c>
      <c r="DK33" s="72">
        <v>0</v>
      </c>
      <c r="DL33" s="244"/>
      <c r="DM33" s="71">
        <v>0</v>
      </c>
      <c r="DN33" s="71">
        <v>0</v>
      </c>
      <c r="DO33" s="71">
        <v>0</v>
      </c>
      <c r="DP33" s="71">
        <v>0</v>
      </c>
      <c r="DQ33" s="71">
        <v>0</v>
      </c>
      <c r="DR33" s="72">
        <v>0</v>
      </c>
      <c r="DS33" s="73">
        <v>0</v>
      </c>
      <c r="DT33" s="70">
        <v>0</v>
      </c>
      <c r="DU33" s="71">
        <v>0</v>
      </c>
      <c r="DV33" s="72">
        <v>0</v>
      </c>
      <c r="DW33" s="244"/>
      <c r="DX33" s="71">
        <v>1</v>
      </c>
      <c r="DY33" s="71">
        <v>0</v>
      </c>
      <c r="DZ33" s="71">
        <v>0</v>
      </c>
      <c r="EA33" s="71">
        <v>0</v>
      </c>
      <c r="EB33" s="71">
        <v>0</v>
      </c>
      <c r="EC33" s="72">
        <v>1</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0</v>
      </c>
      <c r="FC33" s="72">
        <v>0</v>
      </c>
      <c r="FD33" s="244"/>
      <c r="FE33" s="71">
        <v>0</v>
      </c>
      <c r="FF33" s="71">
        <v>0</v>
      </c>
      <c r="FG33" s="71">
        <v>0</v>
      </c>
      <c r="FH33" s="71">
        <v>2</v>
      </c>
      <c r="FI33" s="71">
        <v>0</v>
      </c>
      <c r="FJ33" s="72">
        <v>2</v>
      </c>
      <c r="FK33" s="73">
        <v>2</v>
      </c>
      <c r="FL33" s="70">
        <v>0</v>
      </c>
      <c r="FM33" s="71">
        <v>0</v>
      </c>
      <c r="FN33" s="72">
        <v>0</v>
      </c>
      <c r="FO33" s="244"/>
      <c r="FP33" s="71">
        <v>0</v>
      </c>
      <c r="FQ33" s="71">
        <v>0</v>
      </c>
      <c r="FR33" s="71">
        <v>1</v>
      </c>
      <c r="FS33" s="71">
        <v>0</v>
      </c>
      <c r="FT33" s="71">
        <v>1</v>
      </c>
      <c r="FU33" s="72">
        <v>2</v>
      </c>
      <c r="FV33" s="73">
        <v>2</v>
      </c>
      <c r="FW33" s="70">
        <v>0</v>
      </c>
      <c r="FX33" s="71">
        <v>0</v>
      </c>
      <c r="FY33" s="72">
        <v>0</v>
      </c>
      <c r="FZ33" s="244"/>
      <c r="GA33" s="71">
        <v>0</v>
      </c>
      <c r="GB33" s="71">
        <v>0</v>
      </c>
      <c r="GC33" s="71">
        <v>0</v>
      </c>
      <c r="GD33" s="71">
        <v>0</v>
      </c>
      <c r="GE33" s="71">
        <v>0</v>
      </c>
      <c r="GF33" s="72">
        <v>0</v>
      </c>
      <c r="GG33" s="73">
        <v>0</v>
      </c>
      <c r="GH33" s="70">
        <v>1</v>
      </c>
      <c r="GI33" s="71">
        <v>0</v>
      </c>
      <c r="GJ33" s="72">
        <v>1</v>
      </c>
      <c r="GK33" s="244"/>
      <c r="GL33" s="71">
        <v>2</v>
      </c>
      <c r="GM33" s="71">
        <v>0</v>
      </c>
      <c r="GN33" s="71">
        <v>1</v>
      </c>
      <c r="GO33" s="71">
        <v>2</v>
      </c>
      <c r="GP33" s="71">
        <v>1</v>
      </c>
      <c r="GQ33" s="72">
        <v>6</v>
      </c>
      <c r="GR33" s="73">
        <v>7</v>
      </c>
      <c r="GS33" s="123">
        <v>3</v>
      </c>
      <c r="GT33" s="82">
        <v>3</v>
      </c>
      <c r="GU33" s="83">
        <v>6</v>
      </c>
      <c r="GV33" s="241"/>
      <c r="GW33" s="82">
        <v>10</v>
      </c>
      <c r="GX33" s="82">
        <v>4</v>
      </c>
      <c r="GY33" s="82">
        <v>2</v>
      </c>
      <c r="GZ33" s="82">
        <v>10</v>
      </c>
      <c r="HA33" s="82">
        <v>3</v>
      </c>
      <c r="HB33" s="84">
        <v>29</v>
      </c>
      <c r="HC33" s="85">
        <v>35</v>
      </c>
      <c r="HD33" s="70">
        <v>0</v>
      </c>
      <c r="HE33" s="71">
        <v>0</v>
      </c>
      <c r="HF33" s="72">
        <v>0</v>
      </c>
      <c r="HG33" s="244"/>
      <c r="HH33" s="71">
        <v>0</v>
      </c>
      <c r="HI33" s="71">
        <v>0</v>
      </c>
      <c r="HJ33" s="71">
        <v>0</v>
      </c>
      <c r="HK33" s="71">
        <v>0</v>
      </c>
      <c r="HL33" s="71">
        <v>0</v>
      </c>
      <c r="HM33" s="72">
        <v>0</v>
      </c>
      <c r="HN33" s="73">
        <v>0</v>
      </c>
      <c r="HO33" s="70">
        <v>0</v>
      </c>
      <c r="HP33" s="71">
        <v>2</v>
      </c>
      <c r="HQ33" s="72">
        <v>2</v>
      </c>
      <c r="HR33" s="244"/>
      <c r="HS33" s="71">
        <v>1</v>
      </c>
      <c r="HT33" s="71">
        <v>0</v>
      </c>
      <c r="HU33" s="71">
        <v>0</v>
      </c>
      <c r="HV33" s="71">
        <v>0</v>
      </c>
      <c r="HW33" s="71">
        <v>0</v>
      </c>
      <c r="HX33" s="72">
        <v>1</v>
      </c>
      <c r="HY33" s="73">
        <v>3</v>
      </c>
      <c r="HZ33" s="70">
        <v>0</v>
      </c>
      <c r="IA33" s="71">
        <v>0</v>
      </c>
      <c r="IB33" s="72">
        <v>0</v>
      </c>
      <c r="IC33" s="244"/>
      <c r="ID33" s="71">
        <v>0</v>
      </c>
      <c r="IE33" s="71">
        <v>0</v>
      </c>
      <c r="IF33" s="71">
        <v>0</v>
      </c>
      <c r="IG33" s="71">
        <v>2</v>
      </c>
      <c r="IH33" s="71">
        <v>0</v>
      </c>
      <c r="II33" s="72">
        <v>2</v>
      </c>
      <c r="IJ33" s="73">
        <v>2</v>
      </c>
      <c r="IK33" s="70">
        <v>1</v>
      </c>
      <c r="IL33" s="71">
        <v>0</v>
      </c>
      <c r="IM33" s="72">
        <v>1</v>
      </c>
      <c r="IN33" s="244"/>
      <c r="IO33" s="71">
        <v>1</v>
      </c>
      <c r="IP33" s="71">
        <v>1</v>
      </c>
      <c r="IQ33" s="71">
        <v>1</v>
      </c>
      <c r="IR33" s="71">
        <v>0</v>
      </c>
      <c r="IS33" s="71">
        <v>0</v>
      </c>
      <c r="IT33" s="72">
        <v>3</v>
      </c>
      <c r="IU33" s="73">
        <v>4</v>
      </c>
      <c r="IV33" s="70">
        <v>1</v>
      </c>
      <c r="IW33" s="71">
        <v>1</v>
      </c>
      <c r="IX33" s="72">
        <v>2</v>
      </c>
      <c r="IY33" s="244"/>
      <c r="IZ33" s="71">
        <v>3</v>
      </c>
      <c r="JA33" s="71">
        <v>0</v>
      </c>
      <c r="JB33" s="71">
        <v>0</v>
      </c>
      <c r="JC33" s="71">
        <v>4</v>
      </c>
      <c r="JD33" s="71">
        <v>1</v>
      </c>
      <c r="JE33" s="72">
        <v>8</v>
      </c>
      <c r="JF33" s="73">
        <v>10</v>
      </c>
      <c r="JG33" s="70">
        <v>1</v>
      </c>
      <c r="JH33" s="71">
        <v>0</v>
      </c>
      <c r="JI33" s="72">
        <v>1</v>
      </c>
      <c r="JJ33" s="244"/>
      <c r="JK33" s="71">
        <v>5</v>
      </c>
      <c r="JL33" s="71">
        <v>3</v>
      </c>
      <c r="JM33" s="71">
        <v>1</v>
      </c>
      <c r="JN33" s="71">
        <v>4</v>
      </c>
      <c r="JO33" s="71">
        <v>2</v>
      </c>
      <c r="JP33" s="72">
        <v>15</v>
      </c>
      <c r="JQ33" s="73">
        <v>16</v>
      </c>
      <c r="JR33" s="70">
        <v>0</v>
      </c>
      <c r="JS33" s="71">
        <v>0</v>
      </c>
      <c r="JT33" s="72">
        <v>0</v>
      </c>
      <c r="JU33" s="244"/>
      <c r="JV33" s="71">
        <v>0</v>
      </c>
      <c r="JW33" s="71">
        <v>0</v>
      </c>
      <c r="JX33" s="71">
        <v>0</v>
      </c>
      <c r="JY33" s="71">
        <v>0</v>
      </c>
      <c r="JZ33" s="71">
        <v>0</v>
      </c>
      <c r="KA33" s="72">
        <v>0</v>
      </c>
      <c r="KB33" s="73">
        <v>0</v>
      </c>
      <c r="KC33" s="70">
        <v>3</v>
      </c>
      <c r="KD33" s="71">
        <v>3</v>
      </c>
      <c r="KE33" s="72">
        <v>6</v>
      </c>
      <c r="KF33" s="244"/>
      <c r="KG33" s="71">
        <v>10</v>
      </c>
      <c r="KH33" s="71">
        <v>4</v>
      </c>
      <c r="KI33" s="71">
        <v>2</v>
      </c>
      <c r="KJ33" s="71">
        <v>10</v>
      </c>
      <c r="KK33" s="71">
        <v>3</v>
      </c>
      <c r="KL33" s="72">
        <v>29</v>
      </c>
      <c r="KM33" s="73">
        <v>35</v>
      </c>
    </row>
    <row r="34" spans="2:299" ht="19.8" customHeight="1" x14ac:dyDescent="0.2">
      <c r="B34" s="126" t="s">
        <v>31</v>
      </c>
      <c r="C34" s="316">
        <v>5</v>
      </c>
      <c r="D34" s="82">
        <v>5</v>
      </c>
      <c r="E34" s="83">
        <v>10</v>
      </c>
      <c r="F34" s="241"/>
      <c r="G34" s="82">
        <v>12</v>
      </c>
      <c r="H34" s="82">
        <v>12</v>
      </c>
      <c r="I34" s="82">
        <v>4</v>
      </c>
      <c r="J34" s="82">
        <v>4</v>
      </c>
      <c r="K34" s="82">
        <v>1</v>
      </c>
      <c r="L34" s="84">
        <v>33</v>
      </c>
      <c r="M34" s="85">
        <v>43</v>
      </c>
      <c r="N34" s="70">
        <v>0</v>
      </c>
      <c r="O34" s="71">
        <v>0</v>
      </c>
      <c r="P34" s="72">
        <v>0</v>
      </c>
      <c r="Q34" s="244"/>
      <c r="R34" s="71">
        <v>0</v>
      </c>
      <c r="S34" s="71">
        <v>0</v>
      </c>
      <c r="T34" s="71">
        <v>0</v>
      </c>
      <c r="U34" s="71">
        <v>0</v>
      </c>
      <c r="V34" s="71">
        <v>0</v>
      </c>
      <c r="W34" s="72">
        <v>0</v>
      </c>
      <c r="X34" s="73">
        <v>0</v>
      </c>
      <c r="Y34" s="70">
        <v>0</v>
      </c>
      <c r="Z34" s="71">
        <v>1</v>
      </c>
      <c r="AA34" s="72">
        <v>1</v>
      </c>
      <c r="AB34" s="244"/>
      <c r="AC34" s="71">
        <v>1</v>
      </c>
      <c r="AD34" s="71">
        <v>0</v>
      </c>
      <c r="AE34" s="71">
        <v>0</v>
      </c>
      <c r="AF34" s="71">
        <v>0</v>
      </c>
      <c r="AG34" s="71">
        <v>0</v>
      </c>
      <c r="AH34" s="72">
        <v>1</v>
      </c>
      <c r="AI34" s="73">
        <v>2</v>
      </c>
      <c r="AJ34" s="70">
        <v>0</v>
      </c>
      <c r="AK34" s="71">
        <v>0</v>
      </c>
      <c r="AL34" s="72">
        <v>0</v>
      </c>
      <c r="AM34" s="244"/>
      <c r="AN34" s="71">
        <v>1</v>
      </c>
      <c r="AO34" s="71">
        <v>0</v>
      </c>
      <c r="AP34" s="71">
        <v>0</v>
      </c>
      <c r="AQ34" s="71">
        <v>1</v>
      </c>
      <c r="AR34" s="71">
        <v>0</v>
      </c>
      <c r="AS34" s="72">
        <v>2</v>
      </c>
      <c r="AT34" s="73">
        <v>2</v>
      </c>
      <c r="AU34" s="70">
        <v>0</v>
      </c>
      <c r="AV34" s="71">
        <v>1</v>
      </c>
      <c r="AW34" s="72">
        <v>1</v>
      </c>
      <c r="AX34" s="244"/>
      <c r="AY34" s="71">
        <v>4</v>
      </c>
      <c r="AZ34" s="71">
        <v>3</v>
      </c>
      <c r="BA34" s="71">
        <v>1</v>
      </c>
      <c r="BB34" s="71">
        <v>1</v>
      </c>
      <c r="BC34" s="71">
        <v>0</v>
      </c>
      <c r="BD34" s="72">
        <v>9</v>
      </c>
      <c r="BE34" s="73">
        <v>10</v>
      </c>
      <c r="BF34" s="70">
        <v>2</v>
      </c>
      <c r="BG34" s="71">
        <v>1</v>
      </c>
      <c r="BH34" s="72">
        <v>3</v>
      </c>
      <c r="BI34" s="244"/>
      <c r="BJ34" s="71">
        <v>2</v>
      </c>
      <c r="BK34" s="71">
        <v>5</v>
      </c>
      <c r="BL34" s="71">
        <v>0</v>
      </c>
      <c r="BM34" s="71">
        <v>0</v>
      </c>
      <c r="BN34" s="71">
        <v>0</v>
      </c>
      <c r="BO34" s="72">
        <v>7</v>
      </c>
      <c r="BP34" s="73">
        <v>10</v>
      </c>
      <c r="BQ34" s="70">
        <v>3</v>
      </c>
      <c r="BR34" s="71">
        <v>2</v>
      </c>
      <c r="BS34" s="72">
        <v>5</v>
      </c>
      <c r="BT34" s="244"/>
      <c r="BU34" s="71">
        <v>4</v>
      </c>
      <c r="BV34" s="71">
        <v>4</v>
      </c>
      <c r="BW34" s="71">
        <v>3</v>
      </c>
      <c r="BX34" s="71">
        <v>2</v>
      </c>
      <c r="BY34" s="71">
        <v>1</v>
      </c>
      <c r="BZ34" s="72">
        <v>14</v>
      </c>
      <c r="CA34" s="73">
        <v>19</v>
      </c>
      <c r="CB34" s="70">
        <v>0</v>
      </c>
      <c r="CC34" s="71">
        <v>0</v>
      </c>
      <c r="CD34" s="72">
        <v>0</v>
      </c>
      <c r="CE34" s="244"/>
      <c r="CF34" s="71">
        <v>0</v>
      </c>
      <c r="CG34" s="71">
        <v>0</v>
      </c>
      <c r="CH34" s="71">
        <v>0</v>
      </c>
      <c r="CI34" s="71">
        <v>0</v>
      </c>
      <c r="CJ34" s="71">
        <v>0</v>
      </c>
      <c r="CK34" s="72">
        <v>0</v>
      </c>
      <c r="CL34" s="73">
        <v>0</v>
      </c>
      <c r="CM34" s="70">
        <v>5</v>
      </c>
      <c r="CN34" s="71">
        <v>5</v>
      </c>
      <c r="CO34" s="72">
        <v>10</v>
      </c>
      <c r="CP34" s="244"/>
      <c r="CQ34" s="71">
        <v>12</v>
      </c>
      <c r="CR34" s="71">
        <v>12</v>
      </c>
      <c r="CS34" s="71">
        <v>4</v>
      </c>
      <c r="CT34" s="71">
        <v>4</v>
      </c>
      <c r="CU34" s="71">
        <v>1</v>
      </c>
      <c r="CV34" s="72">
        <v>33</v>
      </c>
      <c r="CW34" s="73">
        <v>43</v>
      </c>
      <c r="CX34" s="123">
        <v>1</v>
      </c>
      <c r="CY34" s="82">
        <v>2</v>
      </c>
      <c r="CZ34" s="83">
        <v>3</v>
      </c>
      <c r="DA34" s="241"/>
      <c r="DB34" s="82">
        <v>1</v>
      </c>
      <c r="DC34" s="82">
        <v>4</v>
      </c>
      <c r="DD34" s="82">
        <v>1</v>
      </c>
      <c r="DE34" s="82">
        <v>0</v>
      </c>
      <c r="DF34" s="82">
        <v>0</v>
      </c>
      <c r="DG34" s="84">
        <v>6</v>
      </c>
      <c r="DH34" s="85">
        <v>9</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1</v>
      </c>
      <c r="EG34" s="72">
        <v>1</v>
      </c>
      <c r="EH34" s="244"/>
      <c r="EI34" s="71">
        <v>1</v>
      </c>
      <c r="EJ34" s="71">
        <v>0</v>
      </c>
      <c r="EK34" s="71">
        <v>0</v>
      </c>
      <c r="EL34" s="71">
        <v>0</v>
      </c>
      <c r="EM34" s="71">
        <v>0</v>
      </c>
      <c r="EN34" s="72">
        <v>1</v>
      </c>
      <c r="EO34" s="73">
        <v>2</v>
      </c>
      <c r="EP34" s="70">
        <v>1</v>
      </c>
      <c r="EQ34" s="71">
        <v>0</v>
      </c>
      <c r="ER34" s="72">
        <v>1</v>
      </c>
      <c r="ES34" s="244"/>
      <c r="ET34" s="71">
        <v>0</v>
      </c>
      <c r="EU34" s="71">
        <v>2</v>
      </c>
      <c r="EV34" s="71">
        <v>0</v>
      </c>
      <c r="EW34" s="71">
        <v>0</v>
      </c>
      <c r="EX34" s="71">
        <v>0</v>
      </c>
      <c r="EY34" s="72">
        <v>2</v>
      </c>
      <c r="EZ34" s="73">
        <v>3</v>
      </c>
      <c r="FA34" s="70">
        <v>0</v>
      </c>
      <c r="FB34" s="71">
        <v>1</v>
      </c>
      <c r="FC34" s="72">
        <v>1</v>
      </c>
      <c r="FD34" s="244"/>
      <c r="FE34" s="71">
        <v>0</v>
      </c>
      <c r="FF34" s="71">
        <v>0</v>
      </c>
      <c r="FG34" s="71">
        <v>0</v>
      </c>
      <c r="FH34" s="71">
        <v>0</v>
      </c>
      <c r="FI34" s="71">
        <v>0</v>
      </c>
      <c r="FJ34" s="72">
        <v>0</v>
      </c>
      <c r="FK34" s="73">
        <v>1</v>
      </c>
      <c r="FL34" s="70">
        <v>0</v>
      </c>
      <c r="FM34" s="71">
        <v>0</v>
      </c>
      <c r="FN34" s="72">
        <v>0</v>
      </c>
      <c r="FO34" s="244"/>
      <c r="FP34" s="71">
        <v>0</v>
      </c>
      <c r="FQ34" s="71">
        <v>2</v>
      </c>
      <c r="FR34" s="71">
        <v>1</v>
      </c>
      <c r="FS34" s="71">
        <v>0</v>
      </c>
      <c r="FT34" s="71">
        <v>0</v>
      </c>
      <c r="FU34" s="72">
        <v>3</v>
      </c>
      <c r="FV34" s="73">
        <v>3</v>
      </c>
      <c r="FW34" s="70">
        <v>0</v>
      </c>
      <c r="FX34" s="71">
        <v>0</v>
      </c>
      <c r="FY34" s="72">
        <v>0</v>
      </c>
      <c r="FZ34" s="244"/>
      <c r="GA34" s="71">
        <v>0</v>
      </c>
      <c r="GB34" s="71">
        <v>0</v>
      </c>
      <c r="GC34" s="71">
        <v>0</v>
      </c>
      <c r="GD34" s="71">
        <v>0</v>
      </c>
      <c r="GE34" s="71">
        <v>0</v>
      </c>
      <c r="GF34" s="72">
        <v>0</v>
      </c>
      <c r="GG34" s="73">
        <v>0</v>
      </c>
      <c r="GH34" s="70">
        <v>1</v>
      </c>
      <c r="GI34" s="71">
        <v>2</v>
      </c>
      <c r="GJ34" s="72">
        <v>3</v>
      </c>
      <c r="GK34" s="244"/>
      <c r="GL34" s="71">
        <v>1</v>
      </c>
      <c r="GM34" s="71">
        <v>4</v>
      </c>
      <c r="GN34" s="71">
        <v>1</v>
      </c>
      <c r="GO34" s="71">
        <v>0</v>
      </c>
      <c r="GP34" s="71">
        <v>0</v>
      </c>
      <c r="GQ34" s="72">
        <v>6</v>
      </c>
      <c r="GR34" s="73">
        <v>9</v>
      </c>
      <c r="GS34" s="123">
        <v>6</v>
      </c>
      <c r="GT34" s="82">
        <v>7</v>
      </c>
      <c r="GU34" s="83">
        <v>13</v>
      </c>
      <c r="GV34" s="241"/>
      <c r="GW34" s="82">
        <v>13</v>
      </c>
      <c r="GX34" s="82">
        <v>16</v>
      </c>
      <c r="GY34" s="82">
        <v>5</v>
      </c>
      <c r="GZ34" s="82">
        <v>4</v>
      </c>
      <c r="HA34" s="82">
        <v>1</v>
      </c>
      <c r="HB34" s="84">
        <v>39</v>
      </c>
      <c r="HC34" s="85">
        <v>52</v>
      </c>
      <c r="HD34" s="70">
        <v>0</v>
      </c>
      <c r="HE34" s="71">
        <v>0</v>
      </c>
      <c r="HF34" s="72">
        <v>0</v>
      </c>
      <c r="HG34" s="244"/>
      <c r="HH34" s="71">
        <v>0</v>
      </c>
      <c r="HI34" s="71">
        <v>0</v>
      </c>
      <c r="HJ34" s="71">
        <v>0</v>
      </c>
      <c r="HK34" s="71">
        <v>0</v>
      </c>
      <c r="HL34" s="71">
        <v>0</v>
      </c>
      <c r="HM34" s="72">
        <v>0</v>
      </c>
      <c r="HN34" s="73">
        <v>0</v>
      </c>
      <c r="HO34" s="70">
        <v>0</v>
      </c>
      <c r="HP34" s="71">
        <v>1</v>
      </c>
      <c r="HQ34" s="72">
        <v>1</v>
      </c>
      <c r="HR34" s="244"/>
      <c r="HS34" s="71">
        <v>1</v>
      </c>
      <c r="HT34" s="71">
        <v>0</v>
      </c>
      <c r="HU34" s="71">
        <v>0</v>
      </c>
      <c r="HV34" s="71">
        <v>0</v>
      </c>
      <c r="HW34" s="71">
        <v>0</v>
      </c>
      <c r="HX34" s="72">
        <v>1</v>
      </c>
      <c r="HY34" s="73">
        <v>2</v>
      </c>
      <c r="HZ34" s="70">
        <v>0</v>
      </c>
      <c r="IA34" s="71">
        <v>1</v>
      </c>
      <c r="IB34" s="72">
        <v>1</v>
      </c>
      <c r="IC34" s="244"/>
      <c r="ID34" s="71">
        <v>2</v>
      </c>
      <c r="IE34" s="71">
        <v>0</v>
      </c>
      <c r="IF34" s="71">
        <v>0</v>
      </c>
      <c r="IG34" s="71">
        <v>1</v>
      </c>
      <c r="IH34" s="71">
        <v>0</v>
      </c>
      <c r="II34" s="72">
        <v>3</v>
      </c>
      <c r="IJ34" s="73">
        <v>4</v>
      </c>
      <c r="IK34" s="70">
        <v>1</v>
      </c>
      <c r="IL34" s="71">
        <v>1</v>
      </c>
      <c r="IM34" s="72">
        <v>2</v>
      </c>
      <c r="IN34" s="244"/>
      <c r="IO34" s="71">
        <v>4</v>
      </c>
      <c r="IP34" s="71">
        <v>5</v>
      </c>
      <c r="IQ34" s="71">
        <v>1</v>
      </c>
      <c r="IR34" s="71">
        <v>1</v>
      </c>
      <c r="IS34" s="71">
        <v>0</v>
      </c>
      <c r="IT34" s="72">
        <v>11</v>
      </c>
      <c r="IU34" s="73">
        <v>13</v>
      </c>
      <c r="IV34" s="70">
        <v>2</v>
      </c>
      <c r="IW34" s="71">
        <v>2</v>
      </c>
      <c r="IX34" s="72">
        <v>4</v>
      </c>
      <c r="IY34" s="244"/>
      <c r="IZ34" s="71">
        <v>2</v>
      </c>
      <c r="JA34" s="71">
        <v>5</v>
      </c>
      <c r="JB34" s="71">
        <v>0</v>
      </c>
      <c r="JC34" s="71">
        <v>0</v>
      </c>
      <c r="JD34" s="71">
        <v>0</v>
      </c>
      <c r="JE34" s="72">
        <v>7</v>
      </c>
      <c r="JF34" s="73">
        <v>11</v>
      </c>
      <c r="JG34" s="70">
        <v>3</v>
      </c>
      <c r="JH34" s="71">
        <v>2</v>
      </c>
      <c r="JI34" s="72">
        <v>5</v>
      </c>
      <c r="JJ34" s="244"/>
      <c r="JK34" s="71">
        <v>4</v>
      </c>
      <c r="JL34" s="71">
        <v>6</v>
      </c>
      <c r="JM34" s="71">
        <v>4</v>
      </c>
      <c r="JN34" s="71">
        <v>2</v>
      </c>
      <c r="JO34" s="71">
        <v>1</v>
      </c>
      <c r="JP34" s="72">
        <v>17</v>
      </c>
      <c r="JQ34" s="73">
        <v>22</v>
      </c>
      <c r="JR34" s="70">
        <v>0</v>
      </c>
      <c r="JS34" s="71">
        <v>0</v>
      </c>
      <c r="JT34" s="72">
        <v>0</v>
      </c>
      <c r="JU34" s="244"/>
      <c r="JV34" s="71">
        <v>0</v>
      </c>
      <c r="JW34" s="71">
        <v>0</v>
      </c>
      <c r="JX34" s="71">
        <v>0</v>
      </c>
      <c r="JY34" s="71">
        <v>0</v>
      </c>
      <c r="JZ34" s="71">
        <v>0</v>
      </c>
      <c r="KA34" s="72">
        <v>0</v>
      </c>
      <c r="KB34" s="73">
        <v>0</v>
      </c>
      <c r="KC34" s="70">
        <v>6</v>
      </c>
      <c r="KD34" s="71">
        <v>7</v>
      </c>
      <c r="KE34" s="72">
        <v>13</v>
      </c>
      <c r="KF34" s="244"/>
      <c r="KG34" s="71">
        <v>13</v>
      </c>
      <c r="KH34" s="71">
        <v>16</v>
      </c>
      <c r="KI34" s="71">
        <v>5</v>
      </c>
      <c r="KJ34" s="71">
        <v>4</v>
      </c>
      <c r="KK34" s="71">
        <v>1</v>
      </c>
      <c r="KL34" s="72">
        <v>39</v>
      </c>
      <c r="KM34" s="73">
        <v>52</v>
      </c>
    </row>
    <row r="35" spans="2:299" ht="19.8" customHeight="1" x14ac:dyDescent="0.2">
      <c r="B35" s="126" t="s">
        <v>32</v>
      </c>
      <c r="C35" s="316">
        <v>1</v>
      </c>
      <c r="D35" s="82">
        <v>5</v>
      </c>
      <c r="E35" s="83">
        <v>6</v>
      </c>
      <c r="F35" s="241"/>
      <c r="G35" s="82">
        <v>11</v>
      </c>
      <c r="H35" s="82">
        <v>12</v>
      </c>
      <c r="I35" s="82">
        <v>2</v>
      </c>
      <c r="J35" s="82">
        <v>5</v>
      </c>
      <c r="K35" s="82">
        <v>1</v>
      </c>
      <c r="L35" s="84">
        <v>31</v>
      </c>
      <c r="M35" s="85">
        <v>37</v>
      </c>
      <c r="N35" s="70">
        <v>1</v>
      </c>
      <c r="O35" s="71">
        <v>0</v>
      </c>
      <c r="P35" s="72">
        <v>1</v>
      </c>
      <c r="Q35" s="244"/>
      <c r="R35" s="71">
        <v>0</v>
      </c>
      <c r="S35" s="71">
        <v>0</v>
      </c>
      <c r="T35" s="71">
        <v>0</v>
      </c>
      <c r="U35" s="71">
        <v>1</v>
      </c>
      <c r="V35" s="71">
        <v>0</v>
      </c>
      <c r="W35" s="72">
        <v>1</v>
      </c>
      <c r="X35" s="73">
        <v>2</v>
      </c>
      <c r="Y35" s="70">
        <v>0</v>
      </c>
      <c r="Z35" s="71">
        <v>0</v>
      </c>
      <c r="AA35" s="72">
        <v>0</v>
      </c>
      <c r="AB35" s="244"/>
      <c r="AC35" s="71">
        <v>0</v>
      </c>
      <c r="AD35" s="71">
        <v>0</v>
      </c>
      <c r="AE35" s="71">
        <v>0</v>
      </c>
      <c r="AF35" s="71">
        <v>0</v>
      </c>
      <c r="AG35" s="71">
        <v>0</v>
      </c>
      <c r="AH35" s="72">
        <v>0</v>
      </c>
      <c r="AI35" s="73">
        <v>0</v>
      </c>
      <c r="AJ35" s="70">
        <v>0</v>
      </c>
      <c r="AK35" s="71">
        <v>1</v>
      </c>
      <c r="AL35" s="72">
        <v>1</v>
      </c>
      <c r="AM35" s="244"/>
      <c r="AN35" s="71">
        <v>1</v>
      </c>
      <c r="AO35" s="71">
        <v>1</v>
      </c>
      <c r="AP35" s="71">
        <v>0</v>
      </c>
      <c r="AQ35" s="71">
        <v>1</v>
      </c>
      <c r="AR35" s="71">
        <v>0</v>
      </c>
      <c r="AS35" s="72">
        <v>3</v>
      </c>
      <c r="AT35" s="73">
        <v>4</v>
      </c>
      <c r="AU35" s="70">
        <v>0</v>
      </c>
      <c r="AV35" s="71">
        <v>0</v>
      </c>
      <c r="AW35" s="72">
        <v>0</v>
      </c>
      <c r="AX35" s="244"/>
      <c r="AY35" s="71">
        <v>3</v>
      </c>
      <c r="AZ35" s="71">
        <v>3</v>
      </c>
      <c r="BA35" s="71">
        <v>1</v>
      </c>
      <c r="BB35" s="71">
        <v>0</v>
      </c>
      <c r="BC35" s="71">
        <v>0</v>
      </c>
      <c r="BD35" s="72">
        <v>7</v>
      </c>
      <c r="BE35" s="73">
        <v>7</v>
      </c>
      <c r="BF35" s="70">
        <v>0</v>
      </c>
      <c r="BG35" s="71">
        <v>3</v>
      </c>
      <c r="BH35" s="72">
        <v>3</v>
      </c>
      <c r="BI35" s="244"/>
      <c r="BJ35" s="71">
        <v>4</v>
      </c>
      <c r="BK35" s="71">
        <v>4</v>
      </c>
      <c r="BL35" s="71">
        <v>0</v>
      </c>
      <c r="BM35" s="71">
        <v>2</v>
      </c>
      <c r="BN35" s="71">
        <v>1</v>
      </c>
      <c r="BO35" s="72">
        <v>11</v>
      </c>
      <c r="BP35" s="73">
        <v>14</v>
      </c>
      <c r="BQ35" s="70">
        <v>0</v>
      </c>
      <c r="BR35" s="71">
        <v>1</v>
      </c>
      <c r="BS35" s="72">
        <v>1</v>
      </c>
      <c r="BT35" s="244"/>
      <c r="BU35" s="71">
        <v>3</v>
      </c>
      <c r="BV35" s="71">
        <v>4</v>
      </c>
      <c r="BW35" s="71">
        <v>1</v>
      </c>
      <c r="BX35" s="71">
        <v>1</v>
      </c>
      <c r="BY35" s="71">
        <v>0</v>
      </c>
      <c r="BZ35" s="72">
        <v>9</v>
      </c>
      <c r="CA35" s="73">
        <v>10</v>
      </c>
      <c r="CB35" s="70">
        <v>0</v>
      </c>
      <c r="CC35" s="71">
        <v>0</v>
      </c>
      <c r="CD35" s="72">
        <v>0</v>
      </c>
      <c r="CE35" s="244"/>
      <c r="CF35" s="71">
        <v>0</v>
      </c>
      <c r="CG35" s="71">
        <v>0</v>
      </c>
      <c r="CH35" s="71">
        <v>0</v>
      </c>
      <c r="CI35" s="71">
        <v>0</v>
      </c>
      <c r="CJ35" s="71">
        <v>0</v>
      </c>
      <c r="CK35" s="72">
        <v>0</v>
      </c>
      <c r="CL35" s="73">
        <v>0</v>
      </c>
      <c r="CM35" s="70">
        <v>1</v>
      </c>
      <c r="CN35" s="71">
        <v>5</v>
      </c>
      <c r="CO35" s="72">
        <v>6</v>
      </c>
      <c r="CP35" s="244"/>
      <c r="CQ35" s="71">
        <v>11</v>
      </c>
      <c r="CR35" s="71">
        <v>12</v>
      </c>
      <c r="CS35" s="71">
        <v>2</v>
      </c>
      <c r="CT35" s="71">
        <v>5</v>
      </c>
      <c r="CU35" s="71">
        <v>1</v>
      </c>
      <c r="CV35" s="72">
        <v>31</v>
      </c>
      <c r="CW35" s="73">
        <v>37</v>
      </c>
      <c r="CX35" s="123">
        <v>0</v>
      </c>
      <c r="CY35" s="82">
        <v>0</v>
      </c>
      <c r="CZ35" s="83">
        <v>0</v>
      </c>
      <c r="DA35" s="241"/>
      <c r="DB35" s="82">
        <v>1</v>
      </c>
      <c r="DC35" s="82">
        <v>2</v>
      </c>
      <c r="DD35" s="82">
        <v>5</v>
      </c>
      <c r="DE35" s="82">
        <v>3</v>
      </c>
      <c r="DF35" s="82">
        <v>1</v>
      </c>
      <c r="DG35" s="84">
        <v>12</v>
      </c>
      <c r="DH35" s="85">
        <v>12</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1</v>
      </c>
      <c r="EU35" s="71">
        <v>1</v>
      </c>
      <c r="EV35" s="71">
        <v>1</v>
      </c>
      <c r="EW35" s="71">
        <v>0</v>
      </c>
      <c r="EX35" s="71">
        <v>0</v>
      </c>
      <c r="EY35" s="72">
        <v>3</v>
      </c>
      <c r="EZ35" s="73">
        <v>3</v>
      </c>
      <c r="FA35" s="70">
        <v>0</v>
      </c>
      <c r="FB35" s="71">
        <v>0</v>
      </c>
      <c r="FC35" s="72">
        <v>0</v>
      </c>
      <c r="FD35" s="244"/>
      <c r="FE35" s="71">
        <v>0</v>
      </c>
      <c r="FF35" s="71">
        <v>0</v>
      </c>
      <c r="FG35" s="71">
        <v>3</v>
      </c>
      <c r="FH35" s="71">
        <v>1</v>
      </c>
      <c r="FI35" s="71">
        <v>0</v>
      </c>
      <c r="FJ35" s="72">
        <v>4</v>
      </c>
      <c r="FK35" s="73">
        <v>4</v>
      </c>
      <c r="FL35" s="70">
        <v>0</v>
      </c>
      <c r="FM35" s="71">
        <v>0</v>
      </c>
      <c r="FN35" s="72">
        <v>0</v>
      </c>
      <c r="FO35" s="244"/>
      <c r="FP35" s="71">
        <v>0</v>
      </c>
      <c r="FQ35" s="71">
        <v>1</v>
      </c>
      <c r="FR35" s="71">
        <v>1</v>
      </c>
      <c r="FS35" s="71">
        <v>2</v>
      </c>
      <c r="FT35" s="71">
        <v>1</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1</v>
      </c>
      <c r="GM35" s="71">
        <v>2</v>
      </c>
      <c r="GN35" s="71">
        <v>5</v>
      </c>
      <c r="GO35" s="71">
        <v>3</v>
      </c>
      <c r="GP35" s="71">
        <v>1</v>
      </c>
      <c r="GQ35" s="72">
        <v>12</v>
      </c>
      <c r="GR35" s="73">
        <v>12</v>
      </c>
      <c r="GS35" s="123">
        <v>1</v>
      </c>
      <c r="GT35" s="82">
        <v>5</v>
      </c>
      <c r="GU35" s="83">
        <v>6</v>
      </c>
      <c r="GV35" s="241"/>
      <c r="GW35" s="82">
        <v>12</v>
      </c>
      <c r="GX35" s="82">
        <v>14</v>
      </c>
      <c r="GY35" s="82">
        <v>7</v>
      </c>
      <c r="GZ35" s="82">
        <v>8</v>
      </c>
      <c r="HA35" s="82">
        <v>2</v>
      </c>
      <c r="HB35" s="84">
        <v>43</v>
      </c>
      <c r="HC35" s="85">
        <v>49</v>
      </c>
      <c r="HD35" s="70">
        <v>1</v>
      </c>
      <c r="HE35" s="71">
        <v>0</v>
      </c>
      <c r="HF35" s="72">
        <v>1</v>
      </c>
      <c r="HG35" s="244"/>
      <c r="HH35" s="71">
        <v>0</v>
      </c>
      <c r="HI35" s="71">
        <v>0</v>
      </c>
      <c r="HJ35" s="71">
        <v>0</v>
      </c>
      <c r="HK35" s="71">
        <v>1</v>
      </c>
      <c r="HL35" s="71">
        <v>0</v>
      </c>
      <c r="HM35" s="72">
        <v>1</v>
      </c>
      <c r="HN35" s="73">
        <v>2</v>
      </c>
      <c r="HO35" s="70">
        <v>0</v>
      </c>
      <c r="HP35" s="71">
        <v>0</v>
      </c>
      <c r="HQ35" s="72">
        <v>0</v>
      </c>
      <c r="HR35" s="244"/>
      <c r="HS35" s="71">
        <v>0</v>
      </c>
      <c r="HT35" s="71">
        <v>0</v>
      </c>
      <c r="HU35" s="71">
        <v>0</v>
      </c>
      <c r="HV35" s="71">
        <v>0</v>
      </c>
      <c r="HW35" s="71">
        <v>0</v>
      </c>
      <c r="HX35" s="72">
        <v>0</v>
      </c>
      <c r="HY35" s="73">
        <v>0</v>
      </c>
      <c r="HZ35" s="70">
        <v>0</v>
      </c>
      <c r="IA35" s="71">
        <v>1</v>
      </c>
      <c r="IB35" s="72">
        <v>1</v>
      </c>
      <c r="IC35" s="244"/>
      <c r="ID35" s="71">
        <v>1</v>
      </c>
      <c r="IE35" s="71">
        <v>1</v>
      </c>
      <c r="IF35" s="71">
        <v>0</v>
      </c>
      <c r="IG35" s="71">
        <v>1</v>
      </c>
      <c r="IH35" s="71">
        <v>0</v>
      </c>
      <c r="II35" s="72">
        <v>3</v>
      </c>
      <c r="IJ35" s="73">
        <v>4</v>
      </c>
      <c r="IK35" s="70">
        <v>0</v>
      </c>
      <c r="IL35" s="71">
        <v>0</v>
      </c>
      <c r="IM35" s="72">
        <v>0</v>
      </c>
      <c r="IN35" s="244"/>
      <c r="IO35" s="71">
        <v>4</v>
      </c>
      <c r="IP35" s="71">
        <v>4</v>
      </c>
      <c r="IQ35" s="71">
        <v>2</v>
      </c>
      <c r="IR35" s="71">
        <v>0</v>
      </c>
      <c r="IS35" s="71">
        <v>0</v>
      </c>
      <c r="IT35" s="72">
        <v>10</v>
      </c>
      <c r="IU35" s="73">
        <v>10</v>
      </c>
      <c r="IV35" s="70">
        <v>0</v>
      </c>
      <c r="IW35" s="71">
        <v>3</v>
      </c>
      <c r="IX35" s="72">
        <v>3</v>
      </c>
      <c r="IY35" s="244"/>
      <c r="IZ35" s="71">
        <v>4</v>
      </c>
      <c r="JA35" s="71">
        <v>4</v>
      </c>
      <c r="JB35" s="71">
        <v>3</v>
      </c>
      <c r="JC35" s="71">
        <v>3</v>
      </c>
      <c r="JD35" s="71">
        <v>1</v>
      </c>
      <c r="JE35" s="72">
        <v>15</v>
      </c>
      <c r="JF35" s="73">
        <v>18</v>
      </c>
      <c r="JG35" s="70">
        <v>0</v>
      </c>
      <c r="JH35" s="71">
        <v>1</v>
      </c>
      <c r="JI35" s="72">
        <v>1</v>
      </c>
      <c r="JJ35" s="244"/>
      <c r="JK35" s="71">
        <v>3</v>
      </c>
      <c r="JL35" s="71">
        <v>5</v>
      </c>
      <c r="JM35" s="71">
        <v>2</v>
      </c>
      <c r="JN35" s="71">
        <v>3</v>
      </c>
      <c r="JO35" s="71">
        <v>1</v>
      </c>
      <c r="JP35" s="72">
        <v>14</v>
      </c>
      <c r="JQ35" s="73">
        <v>15</v>
      </c>
      <c r="JR35" s="70">
        <v>0</v>
      </c>
      <c r="JS35" s="71">
        <v>0</v>
      </c>
      <c r="JT35" s="72">
        <v>0</v>
      </c>
      <c r="JU35" s="244"/>
      <c r="JV35" s="71">
        <v>0</v>
      </c>
      <c r="JW35" s="71">
        <v>0</v>
      </c>
      <c r="JX35" s="71">
        <v>0</v>
      </c>
      <c r="JY35" s="71">
        <v>0</v>
      </c>
      <c r="JZ35" s="71">
        <v>0</v>
      </c>
      <c r="KA35" s="72">
        <v>0</v>
      </c>
      <c r="KB35" s="73">
        <v>0</v>
      </c>
      <c r="KC35" s="70">
        <v>1</v>
      </c>
      <c r="KD35" s="71">
        <v>5</v>
      </c>
      <c r="KE35" s="72">
        <v>6</v>
      </c>
      <c r="KF35" s="244"/>
      <c r="KG35" s="71">
        <v>12</v>
      </c>
      <c r="KH35" s="71">
        <v>14</v>
      </c>
      <c r="KI35" s="71">
        <v>7</v>
      </c>
      <c r="KJ35" s="71">
        <v>8</v>
      </c>
      <c r="KK35" s="71">
        <v>2</v>
      </c>
      <c r="KL35" s="72">
        <v>43</v>
      </c>
      <c r="KM35" s="73">
        <v>49</v>
      </c>
    </row>
    <row r="36" spans="2:299" ht="19.8" customHeight="1" x14ac:dyDescent="0.2">
      <c r="B36" s="126" t="s">
        <v>33</v>
      </c>
      <c r="C36" s="316">
        <v>5</v>
      </c>
      <c r="D36" s="82">
        <v>1</v>
      </c>
      <c r="E36" s="83">
        <v>6</v>
      </c>
      <c r="F36" s="241"/>
      <c r="G36" s="82">
        <v>7</v>
      </c>
      <c r="H36" s="82">
        <v>1</v>
      </c>
      <c r="I36" s="82">
        <v>3</v>
      </c>
      <c r="J36" s="82">
        <v>2</v>
      </c>
      <c r="K36" s="82">
        <v>1</v>
      </c>
      <c r="L36" s="84">
        <v>14</v>
      </c>
      <c r="M36" s="85">
        <v>20</v>
      </c>
      <c r="N36" s="70">
        <v>0</v>
      </c>
      <c r="O36" s="71">
        <v>0</v>
      </c>
      <c r="P36" s="72">
        <v>0</v>
      </c>
      <c r="Q36" s="244"/>
      <c r="R36" s="71">
        <v>0</v>
      </c>
      <c r="S36" s="71">
        <v>0</v>
      </c>
      <c r="T36" s="71">
        <v>1</v>
      </c>
      <c r="U36" s="71">
        <v>0</v>
      </c>
      <c r="V36" s="71">
        <v>0</v>
      </c>
      <c r="W36" s="72">
        <v>1</v>
      </c>
      <c r="X36" s="73">
        <v>1</v>
      </c>
      <c r="Y36" s="70">
        <v>1</v>
      </c>
      <c r="Z36" s="71">
        <v>0</v>
      </c>
      <c r="AA36" s="72">
        <v>1</v>
      </c>
      <c r="AB36" s="244"/>
      <c r="AC36" s="71">
        <v>0</v>
      </c>
      <c r="AD36" s="71">
        <v>0</v>
      </c>
      <c r="AE36" s="71">
        <v>0</v>
      </c>
      <c r="AF36" s="71">
        <v>0</v>
      </c>
      <c r="AG36" s="71">
        <v>0</v>
      </c>
      <c r="AH36" s="72">
        <v>0</v>
      </c>
      <c r="AI36" s="73">
        <v>1</v>
      </c>
      <c r="AJ36" s="70">
        <v>3</v>
      </c>
      <c r="AK36" s="71">
        <v>0</v>
      </c>
      <c r="AL36" s="72">
        <v>3</v>
      </c>
      <c r="AM36" s="244"/>
      <c r="AN36" s="71">
        <v>1</v>
      </c>
      <c r="AO36" s="71">
        <v>0</v>
      </c>
      <c r="AP36" s="71">
        <v>0</v>
      </c>
      <c r="AQ36" s="71">
        <v>1</v>
      </c>
      <c r="AR36" s="71">
        <v>0</v>
      </c>
      <c r="AS36" s="72">
        <v>2</v>
      </c>
      <c r="AT36" s="73">
        <v>5</v>
      </c>
      <c r="AU36" s="70">
        <v>0</v>
      </c>
      <c r="AV36" s="71">
        <v>1</v>
      </c>
      <c r="AW36" s="72">
        <v>1</v>
      </c>
      <c r="AX36" s="244"/>
      <c r="AY36" s="71">
        <v>1</v>
      </c>
      <c r="AZ36" s="71">
        <v>1</v>
      </c>
      <c r="BA36" s="71">
        <v>1</v>
      </c>
      <c r="BB36" s="71">
        <v>0</v>
      </c>
      <c r="BC36" s="71">
        <v>0</v>
      </c>
      <c r="BD36" s="72">
        <v>3</v>
      </c>
      <c r="BE36" s="73">
        <v>4</v>
      </c>
      <c r="BF36" s="70">
        <v>0</v>
      </c>
      <c r="BG36" s="71">
        <v>0</v>
      </c>
      <c r="BH36" s="72">
        <v>0</v>
      </c>
      <c r="BI36" s="244"/>
      <c r="BJ36" s="71">
        <v>0</v>
      </c>
      <c r="BK36" s="71">
        <v>0</v>
      </c>
      <c r="BL36" s="71">
        <v>1</v>
      </c>
      <c r="BM36" s="71">
        <v>0</v>
      </c>
      <c r="BN36" s="71">
        <v>1</v>
      </c>
      <c r="BO36" s="72">
        <v>2</v>
      </c>
      <c r="BP36" s="73">
        <v>2</v>
      </c>
      <c r="BQ36" s="70">
        <v>1</v>
      </c>
      <c r="BR36" s="71">
        <v>0</v>
      </c>
      <c r="BS36" s="72">
        <v>1</v>
      </c>
      <c r="BT36" s="244"/>
      <c r="BU36" s="71">
        <v>5</v>
      </c>
      <c r="BV36" s="71">
        <v>0</v>
      </c>
      <c r="BW36" s="71">
        <v>0</v>
      </c>
      <c r="BX36" s="71">
        <v>1</v>
      </c>
      <c r="BY36" s="71">
        <v>0</v>
      </c>
      <c r="BZ36" s="72">
        <v>6</v>
      </c>
      <c r="CA36" s="73">
        <v>7</v>
      </c>
      <c r="CB36" s="70">
        <v>0</v>
      </c>
      <c r="CC36" s="71">
        <v>0</v>
      </c>
      <c r="CD36" s="72">
        <v>0</v>
      </c>
      <c r="CE36" s="244"/>
      <c r="CF36" s="71">
        <v>0</v>
      </c>
      <c r="CG36" s="71">
        <v>0</v>
      </c>
      <c r="CH36" s="71">
        <v>0</v>
      </c>
      <c r="CI36" s="71">
        <v>0</v>
      </c>
      <c r="CJ36" s="71">
        <v>0</v>
      </c>
      <c r="CK36" s="72">
        <v>0</v>
      </c>
      <c r="CL36" s="73">
        <v>0</v>
      </c>
      <c r="CM36" s="70">
        <v>5</v>
      </c>
      <c r="CN36" s="71">
        <v>1</v>
      </c>
      <c r="CO36" s="72">
        <v>6</v>
      </c>
      <c r="CP36" s="244"/>
      <c r="CQ36" s="71">
        <v>7</v>
      </c>
      <c r="CR36" s="71">
        <v>1</v>
      </c>
      <c r="CS36" s="71">
        <v>3</v>
      </c>
      <c r="CT36" s="71">
        <v>2</v>
      </c>
      <c r="CU36" s="71">
        <v>1</v>
      </c>
      <c r="CV36" s="72">
        <v>14</v>
      </c>
      <c r="CW36" s="73">
        <v>20</v>
      </c>
      <c r="CX36" s="123">
        <v>1</v>
      </c>
      <c r="CY36" s="82">
        <v>1</v>
      </c>
      <c r="CZ36" s="83">
        <v>2</v>
      </c>
      <c r="DA36" s="241"/>
      <c r="DB36" s="82">
        <v>0</v>
      </c>
      <c r="DC36" s="82">
        <v>3</v>
      </c>
      <c r="DD36" s="82">
        <v>0</v>
      </c>
      <c r="DE36" s="82">
        <v>1</v>
      </c>
      <c r="DF36" s="82">
        <v>0</v>
      </c>
      <c r="DG36" s="84">
        <v>4</v>
      </c>
      <c r="DH36" s="85">
        <v>6</v>
      </c>
      <c r="DI36" s="70">
        <v>0</v>
      </c>
      <c r="DJ36" s="71">
        <v>0</v>
      </c>
      <c r="DK36" s="72">
        <v>0</v>
      </c>
      <c r="DL36" s="244"/>
      <c r="DM36" s="71">
        <v>0</v>
      </c>
      <c r="DN36" s="71">
        <v>1</v>
      </c>
      <c r="DO36" s="71">
        <v>0</v>
      </c>
      <c r="DP36" s="71">
        <v>0</v>
      </c>
      <c r="DQ36" s="71">
        <v>0</v>
      </c>
      <c r="DR36" s="72">
        <v>1</v>
      </c>
      <c r="DS36" s="73">
        <v>1</v>
      </c>
      <c r="DT36" s="70">
        <v>0</v>
      </c>
      <c r="DU36" s="71">
        <v>0</v>
      </c>
      <c r="DV36" s="72">
        <v>0</v>
      </c>
      <c r="DW36" s="244"/>
      <c r="DX36" s="71">
        <v>0</v>
      </c>
      <c r="DY36" s="71">
        <v>0</v>
      </c>
      <c r="DZ36" s="71">
        <v>0</v>
      </c>
      <c r="EA36" s="71">
        <v>0</v>
      </c>
      <c r="EB36" s="71">
        <v>0</v>
      </c>
      <c r="EC36" s="72">
        <v>0</v>
      </c>
      <c r="ED36" s="73">
        <v>0</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1</v>
      </c>
      <c r="FG36" s="71">
        <v>0</v>
      </c>
      <c r="FH36" s="71">
        <v>0</v>
      </c>
      <c r="FI36" s="71">
        <v>0</v>
      </c>
      <c r="FJ36" s="72">
        <v>1</v>
      </c>
      <c r="FK36" s="73">
        <v>1</v>
      </c>
      <c r="FL36" s="70">
        <v>1</v>
      </c>
      <c r="FM36" s="71">
        <v>1</v>
      </c>
      <c r="FN36" s="72">
        <v>2</v>
      </c>
      <c r="FO36" s="244"/>
      <c r="FP36" s="71">
        <v>0</v>
      </c>
      <c r="FQ36" s="71">
        <v>1</v>
      </c>
      <c r="FR36" s="71">
        <v>0</v>
      </c>
      <c r="FS36" s="71">
        <v>1</v>
      </c>
      <c r="FT36" s="71">
        <v>0</v>
      </c>
      <c r="FU36" s="72">
        <v>2</v>
      </c>
      <c r="FV36" s="73">
        <v>4</v>
      </c>
      <c r="FW36" s="70">
        <v>0</v>
      </c>
      <c r="FX36" s="71">
        <v>0</v>
      </c>
      <c r="FY36" s="72">
        <v>0</v>
      </c>
      <c r="FZ36" s="244"/>
      <c r="GA36" s="71">
        <v>0</v>
      </c>
      <c r="GB36" s="71">
        <v>0</v>
      </c>
      <c r="GC36" s="71">
        <v>0</v>
      </c>
      <c r="GD36" s="71">
        <v>0</v>
      </c>
      <c r="GE36" s="71">
        <v>0</v>
      </c>
      <c r="GF36" s="72">
        <v>0</v>
      </c>
      <c r="GG36" s="73">
        <v>0</v>
      </c>
      <c r="GH36" s="70">
        <v>1</v>
      </c>
      <c r="GI36" s="71">
        <v>1</v>
      </c>
      <c r="GJ36" s="72">
        <v>2</v>
      </c>
      <c r="GK36" s="244"/>
      <c r="GL36" s="71">
        <v>0</v>
      </c>
      <c r="GM36" s="71">
        <v>3</v>
      </c>
      <c r="GN36" s="71">
        <v>0</v>
      </c>
      <c r="GO36" s="71">
        <v>1</v>
      </c>
      <c r="GP36" s="71">
        <v>0</v>
      </c>
      <c r="GQ36" s="72">
        <v>4</v>
      </c>
      <c r="GR36" s="73">
        <v>6</v>
      </c>
      <c r="GS36" s="123">
        <v>6</v>
      </c>
      <c r="GT36" s="82">
        <v>2</v>
      </c>
      <c r="GU36" s="83">
        <v>8</v>
      </c>
      <c r="GV36" s="241"/>
      <c r="GW36" s="82">
        <v>7</v>
      </c>
      <c r="GX36" s="82">
        <v>4</v>
      </c>
      <c r="GY36" s="82">
        <v>3</v>
      </c>
      <c r="GZ36" s="82">
        <v>3</v>
      </c>
      <c r="HA36" s="82">
        <v>1</v>
      </c>
      <c r="HB36" s="84">
        <v>18</v>
      </c>
      <c r="HC36" s="85">
        <v>26</v>
      </c>
      <c r="HD36" s="70">
        <v>0</v>
      </c>
      <c r="HE36" s="71">
        <v>0</v>
      </c>
      <c r="HF36" s="72">
        <v>0</v>
      </c>
      <c r="HG36" s="244"/>
      <c r="HH36" s="71">
        <v>0</v>
      </c>
      <c r="HI36" s="71">
        <v>1</v>
      </c>
      <c r="HJ36" s="71">
        <v>1</v>
      </c>
      <c r="HK36" s="71">
        <v>0</v>
      </c>
      <c r="HL36" s="71">
        <v>0</v>
      </c>
      <c r="HM36" s="72">
        <v>2</v>
      </c>
      <c r="HN36" s="73">
        <v>2</v>
      </c>
      <c r="HO36" s="70">
        <v>1</v>
      </c>
      <c r="HP36" s="71">
        <v>0</v>
      </c>
      <c r="HQ36" s="72">
        <v>1</v>
      </c>
      <c r="HR36" s="244"/>
      <c r="HS36" s="71">
        <v>0</v>
      </c>
      <c r="HT36" s="71">
        <v>0</v>
      </c>
      <c r="HU36" s="71">
        <v>0</v>
      </c>
      <c r="HV36" s="71">
        <v>0</v>
      </c>
      <c r="HW36" s="71">
        <v>0</v>
      </c>
      <c r="HX36" s="72">
        <v>0</v>
      </c>
      <c r="HY36" s="73">
        <v>1</v>
      </c>
      <c r="HZ36" s="70">
        <v>3</v>
      </c>
      <c r="IA36" s="71">
        <v>0</v>
      </c>
      <c r="IB36" s="72">
        <v>3</v>
      </c>
      <c r="IC36" s="244"/>
      <c r="ID36" s="71">
        <v>1</v>
      </c>
      <c r="IE36" s="71">
        <v>0</v>
      </c>
      <c r="IF36" s="71">
        <v>0</v>
      </c>
      <c r="IG36" s="71">
        <v>1</v>
      </c>
      <c r="IH36" s="71">
        <v>0</v>
      </c>
      <c r="II36" s="72">
        <v>2</v>
      </c>
      <c r="IJ36" s="73">
        <v>5</v>
      </c>
      <c r="IK36" s="70">
        <v>0</v>
      </c>
      <c r="IL36" s="71">
        <v>1</v>
      </c>
      <c r="IM36" s="72">
        <v>1</v>
      </c>
      <c r="IN36" s="244"/>
      <c r="IO36" s="71">
        <v>1</v>
      </c>
      <c r="IP36" s="71">
        <v>1</v>
      </c>
      <c r="IQ36" s="71">
        <v>1</v>
      </c>
      <c r="IR36" s="71">
        <v>0</v>
      </c>
      <c r="IS36" s="71">
        <v>0</v>
      </c>
      <c r="IT36" s="72">
        <v>3</v>
      </c>
      <c r="IU36" s="73">
        <v>4</v>
      </c>
      <c r="IV36" s="70">
        <v>0</v>
      </c>
      <c r="IW36" s="71">
        <v>0</v>
      </c>
      <c r="IX36" s="72">
        <v>0</v>
      </c>
      <c r="IY36" s="244"/>
      <c r="IZ36" s="71">
        <v>0</v>
      </c>
      <c r="JA36" s="71">
        <v>1</v>
      </c>
      <c r="JB36" s="71">
        <v>1</v>
      </c>
      <c r="JC36" s="71">
        <v>0</v>
      </c>
      <c r="JD36" s="71">
        <v>1</v>
      </c>
      <c r="JE36" s="72">
        <v>3</v>
      </c>
      <c r="JF36" s="73">
        <v>3</v>
      </c>
      <c r="JG36" s="70">
        <v>2</v>
      </c>
      <c r="JH36" s="71">
        <v>1</v>
      </c>
      <c r="JI36" s="72">
        <v>3</v>
      </c>
      <c r="JJ36" s="244"/>
      <c r="JK36" s="71">
        <v>5</v>
      </c>
      <c r="JL36" s="71">
        <v>1</v>
      </c>
      <c r="JM36" s="71">
        <v>0</v>
      </c>
      <c r="JN36" s="71">
        <v>2</v>
      </c>
      <c r="JO36" s="71">
        <v>0</v>
      </c>
      <c r="JP36" s="72">
        <v>8</v>
      </c>
      <c r="JQ36" s="73">
        <v>11</v>
      </c>
      <c r="JR36" s="70">
        <v>0</v>
      </c>
      <c r="JS36" s="71">
        <v>0</v>
      </c>
      <c r="JT36" s="72">
        <v>0</v>
      </c>
      <c r="JU36" s="244"/>
      <c r="JV36" s="71">
        <v>0</v>
      </c>
      <c r="JW36" s="71">
        <v>0</v>
      </c>
      <c r="JX36" s="71">
        <v>0</v>
      </c>
      <c r="JY36" s="71">
        <v>0</v>
      </c>
      <c r="JZ36" s="71">
        <v>0</v>
      </c>
      <c r="KA36" s="72">
        <v>0</v>
      </c>
      <c r="KB36" s="73">
        <v>0</v>
      </c>
      <c r="KC36" s="70">
        <v>6</v>
      </c>
      <c r="KD36" s="71">
        <v>2</v>
      </c>
      <c r="KE36" s="72">
        <v>8</v>
      </c>
      <c r="KF36" s="244"/>
      <c r="KG36" s="71">
        <v>7</v>
      </c>
      <c r="KH36" s="71">
        <v>4</v>
      </c>
      <c r="KI36" s="71">
        <v>3</v>
      </c>
      <c r="KJ36" s="71">
        <v>3</v>
      </c>
      <c r="KK36" s="71">
        <v>1</v>
      </c>
      <c r="KL36" s="72">
        <v>18</v>
      </c>
      <c r="KM36" s="73">
        <v>26</v>
      </c>
    </row>
    <row r="37" spans="2:299" ht="19.8" customHeight="1" x14ac:dyDescent="0.2">
      <c r="B37" s="126" t="s">
        <v>34</v>
      </c>
      <c r="C37" s="316">
        <v>3</v>
      </c>
      <c r="D37" s="82">
        <v>1</v>
      </c>
      <c r="E37" s="83">
        <v>4</v>
      </c>
      <c r="F37" s="241"/>
      <c r="G37" s="82">
        <v>4</v>
      </c>
      <c r="H37" s="82">
        <v>2</v>
      </c>
      <c r="I37" s="82">
        <v>6</v>
      </c>
      <c r="J37" s="82">
        <v>0</v>
      </c>
      <c r="K37" s="82">
        <v>0</v>
      </c>
      <c r="L37" s="84">
        <v>12</v>
      </c>
      <c r="M37" s="85">
        <v>16</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1</v>
      </c>
      <c r="AV37" s="71">
        <v>1</v>
      </c>
      <c r="AW37" s="72">
        <v>2</v>
      </c>
      <c r="AX37" s="244"/>
      <c r="AY37" s="71">
        <v>1</v>
      </c>
      <c r="AZ37" s="71">
        <v>0</v>
      </c>
      <c r="BA37" s="71">
        <v>2</v>
      </c>
      <c r="BB37" s="71">
        <v>0</v>
      </c>
      <c r="BC37" s="71">
        <v>0</v>
      </c>
      <c r="BD37" s="72">
        <v>3</v>
      </c>
      <c r="BE37" s="73">
        <v>5</v>
      </c>
      <c r="BF37" s="70">
        <v>1</v>
      </c>
      <c r="BG37" s="71">
        <v>0</v>
      </c>
      <c r="BH37" s="72">
        <v>1</v>
      </c>
      <c r="BI37" s="244"/>
      <c r="BJ37" s="71">
        <v>1</v>
      </c>
      <c r="BK37" s="71">
        <v>0</v>
      </c>
      <c r="BL37" s="71">
        <v>3</v>
      </c>
      <c r="BM37" s="71">
        <v>0</v>
      </c>
      <c r="BN37" s="71">
        <v>0</v>
      </c>
      <c r="BO37" s="72">
        <v>4</v>
      </c>
      <c r="BP37" s="73">
        <v>5</v>
      </c>
      <c r="BQ37" s="70">
        <v>1</v>
      </c>
      <c r="BR37" s="71">
        <v>0</v>
      </c>
      <c r="BS37" s="72">
        <v>1</v>
      </c>
      <c r="BT37" s="244"/>
      <c r="BU37" s="71">
        <v>2</v>
      </c>
      <c r="BV37" s="71">
        <v>1</v>
      </c>
      <c r="BW37" s="71">
        <v>1</v>
      </c>
      <c r="BX37" s="71">
        <v>0</v>
      </c>
      <c r="BY37" s="71">
        <v>0</v>
      </c>
      <c r="BZ37" s="72">
        <v>4</v>
      </c>
      <c r="CA37" s="73">
        <v>5</v>
      </c>
      <c r="CB37" s="70">
        <v>0</v>
      </c>
      <c r="CC37" s="71">
        <v>0</v>
      </c>
      <c r="CD37" s="72">
        <v>0</v>
      </c>
      <c r="CE37" s="244"/>
      <c r="CF37" s="71">
        <v>0</v>
      </c>
      <c r="CG37" s="71">
        <v>0</v>
      </c>
      <c r="CH37" s="71">
        <v>0</v>
      </c>
      <c r="CI37" s="71">
        <v>0</v>
      </c>
      <c r="CJ37" s="71">
        <v>0</v>
      </c>
      <c r="CK37" s="72">
        <v>0</v>
      </c>
      <c r="CL37" s="73">
        <v>0</v>
      </c>
      <c r="CM37" s="70">
        <v>3</v>
      </c>
      <c r="CN37" s="71">
        <v>1</v>
      </c>
      <c r="CO37" s="72">
        <v>4</v>
      </c>
      <c r="CP37" s="244"/>
      <c r="CQ37" s="71">
        <v>4</v>
      </c>
      <c r="CR37" s="71">
        <v>2</v>
      </c>
      <c r="CS37" s="71">
        <v>6</v>
      </c>
      <c r="CT37" s="71">
        <v>0</v>
      </c>
      <c r="CU37" s="71">
        <v>0</v>
      </c>
      <c r="CV37" s="72">
        <v>12</v>
      </c>
      <c r="CW37" s="73">
        <v>16</v>
      </c>
      <c r="CX37" s="123">
        <v>0</v>
      </c>
      <c r="CY37" s="82">
        <v>0</v>
      </c>
      <c r="CZ37" s="83">
        <v>0</v>
      </c>
      <c r="DA37" s="241"/>
      <c r="DB37" s="82">
        <v>0</v>
      </c>
      <c r="DC37" s="82">
        <v>1</v>
      </c>
      <c r="DD37" s="82">
        <v>0</v>
      </c>
      <c r="DE37" s="82">
        <v>0</v>
      </c>
      <c r="DF37" s="82">
        <v>1</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1</v>
      </c>
      <c r="FR37" s="71">
        <v>0</v>
      </c>
      <c r="FS37" s="71">
        <v>0</v>
      </c>
      <c r="FT37" s="71">
        <v>1</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1</v>
      </c>
      <c r="GN37" s="71">
        <v>0</v>
      </c>
      <c r="GO37" s="71">
        <v>0</v>
      </c>
      <c r="GP37" s="71">
        <v>1</v>
      </c>
      <c r="GQ37" s="72">
        <v>2</v>
      </c>
      <c r="GR37" s="73">
        <v>2</v>
      </c>
      <c r="GS37" s="123">
        <v>3</v>
      </c>
      <c r="GT37" s="82">
        <v>1</v>
      </c>
      <c r="GU37" s="83">
        <v>4</v>
      </c>
      <c r="GV37" s="241"/>
      <c r="GW37" s="82">
        <v>4</v>
      </c>
      <c r="GX37" s="82">
        <v>3</v>
      </c>
      <c r="GY37" s="82">
        <v>6</v>
      </c>
      <c r="GZ37" s="82">
        <v>0</v>
      </c>
      <c r="HA37" s="82">
        <v>1</v>
      </c>
      <c r="HB37" s="84">
        <v>14</v>
      </c>
      <c r="HC37" s="85">
        <v>18</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1</v>
      </c>
      <c r="IL37" s="71">
        <v>1</v>
      </c>
      <c r="IM37" s="72">
        <v>2</v>
      </c>
      <c r="IN37" s="244"/>
      <c r="IO37" s="71">
        <v>1</v>
      </c>
      <c r="IP37" s="71">
        <v>0</v>
      </c>
      <c r="IQ37" s="71">
        <v>2</v>
      </c>
      <c r="IR37" s="71">
        <v>0</v>
      </c>
      <c r="IS37" s="71">
        <v>0</v>
      </c>
      <c r="IT37" s="72">
        <v>3</v>
      </c>
      <c r="IU37" s="73">
        <v>5</v>
      </c>
      <c r="IV37" s="70">
        <v>1</v>
      </c>
      <c r="IW37" s="71">
        <v>0</v>
      </c>
      <c r="IX37" s="72">
        <v>1</v>
      </c>
      <c r="IY37" s="244"/>
      <c r="IZ37" s="71">
        <v>1</v>
      </c>
      <c r="JA37" s="71">
        <v>0</v>
      </c>
      <c r="JB37" s="71">
        <v>3</v>
      </c>
      <c r="JC37" s="71">
        <v>0</v>
      </c>
      <c r="JD37" s="71">
        <v>0</v>
      </c>
      <c r="JE37" s="72">
        <v>4</v>
      </c>
      <c r="JF37" s="73">
        <v>5</v>
      </c>
      <c r="JG37" s="70">
        <v>1</v>
      </c>
      <c r="JH37" s="71">
        <v>0</v>
      </c>
      <c r="JI37" s="72">
        <v>1</v>
      </c>
      <c r="JJ37" s="244"/>
      <c r="JK37" s="71">
        <v>2</v>
      </c>
      <c r="JL37" s="71">
        <v>2</v>
      </c>
      <c r="JM37" s="71">
        <v>1</v>
      </c>
      <c r="JN37" s="71">
        <v>0</v>
      </c>
      <c r="JO37" s="71">
        <v>1</v>
      </c>
      <c r="JP37" s="72">
        <v>6</v>
      </c>
      <c r="JQ37" s="73">
        <v>7</v>
      </c>
      <c r="JR37" s="70">
        <v>0</v>
      </c>
      <c r="JS37" s="71">
        <v>0</v>
      </c>
      <c r="JT37" s="72">
        <v>0</v>
      </c>
      <c r="JU37" s="244"/>
      <c r="JV37" s="71">
        <v>0</v>
      </c>
      <c r="JW37" s="71">
        <v>0</v>
      </c>
      <c r="JX37" s="71">
        <v>0</v>
      </c>
      <c r="JY37" s="71">
        <v>0</v>
      </c>
      <c r="JZ37" s="71">
        <v>0</v>
      </c>
      <c r="KA37" s="72">
        <v>0</v>
      </c>
      <c r="KB37" s="73">
        <v>0</v>
      </c>
      <c r="KC37" s="70">
        <v>3</v>
      </c>
      <c r="KD37" s="71">
        <v>1</v>
      </c>
      <c r="KE37" s="72">
        <v>4</v>
      </c>
      <c r="KF37" s="244"/>
      <c r="KG37" s="71">
        <v>4</v>
      </c>
      <c r="KH37" s="71">
        <v>3</v>
      </c>
      <c r="KI37" s="71">
        <v>6</v>
      </c>
      <c r="KJ37" s="71">
        <v>0</v>
      </c>
      <c r="KK37" s="71">
        <v>1</v>
      </c>
      <c r="KL37" s="72">
        <v>14</v>
      </c>
      <c r="KM37" s="73">
        <v>18</v>
      </c>
    </row>
    <row r="38" spans="2:299" ht="19.8" customHeight="1" x14ac:dyDescent="0.2">
      <c r="B38" s="126" t="s">
        <v>35</v>
      </c>
      <c r="C38" s="316">
        <v>13</v>
      </c>
      <c r="D38" s="82">
        <v>7</v>
      </c>
      <c r="E38" s="83">
        <v>20</v>
      </c>
      <c r="F38" s="241"/>
      <c r="G38" s="82">
        <v>19</v>
      </c>
      <c r="H38" s="82">
        <v>9</v>
      </c>
      <c r="I38" s="82">
        <v>5</v>
      </c>
      <c r="J38" s="82">
        <v>5</v>
      </c>
      <c r="K38" s="82">
        <v>3</v>
      </c>
      <c r="L38" s="84">
        <v>41</v>
      </c>
      <c r="M38" s="85">
        <v>61</v>
      </c>
      <c r="N38" s="70">
        <v>0</v>
      </c>
      <c r="O38" s="71">
        <v>0</v>
      </c>
      <c r="P38" s="72">
        <v>0</v>
      </c>
      <c r="Q38" s="244"/>
      <c r="R38" s="71">
        <v>0</v>
      </c>
      <c r="S38" s="71">
        <v>0</v>
      </c>
      <c r="T38" s="71">
        <v>0</v>
      </c>
      <c r="U38" s="71">
        <v>0</v>
      </c>
      <c r="V38" s="71">
        <v>0</v>
      </c>
      <c r="W38" s="72">
        <v>0</v>
      </c>
      <c r="X38" s="73">
        <v>0</v>
      </c>
      <c r="Y38" s="70">
        <v>1</v>
      </c>
      <c r="Z38" s="71">
        <v>1</v>
      </c>
      <c r="AA38" s="72">
        <v>2</v>
      </c>
      <c r="AB38" s="244"/>
      <c r="AC38" s="71">
        <v>0</v>
      </c>
      <c r="AD38" s="71">
        <v>0</v>
      </c>
      <c r="AE38" s="71">
        <v>0</v>
      </c>
      <c r="AF38" s="71">
        <v>0</v>
      </c>
      <c r="AG38" s="71">
        <v>1</v>
      </c>
      <c r="AH38" s="72">
        <v>1</v>
      </c>
      <c r="AI38" s="73">
        <v>3</v>
      </c>
      <c r="AJ38" s="70">
        <v>1</v>
      </c>
      <c r="AK38" s="71">
        <v>1</v>
      </c>
      <c r="AL38" s="72">
        <v>2</v>
      </c>
      <c r="AM38" s="244"/>
      <c r="AN38" s="71">
        <v>4</v>
      </c>
      <c r="AO38" s="71">
        <v>1</v>
      </c>
      <c r="AP38" s="71">
        <v>0</v>
      </c>
      <c r="AQ38" s="71">
        <v>0</v>
      </c>
      <c r="AR38" s="71">
        <v>0</v>
      </c>
      <c r="AS38" s="72">
        <v>5</v>
      </c>
      <c r="AT38" s="73">
        <v>7</v>
      </c>
      <c r="AU38" s="70">
        <v>3</v>
      </c>
      <c r="AV38" s="71">
        <v>2</v>
      </c>
      <c r="AW38" s="72">
        <v>5</v>
      </c>
      <c r="AX38" s="244"/>
      <c r="AY38" s="71">
        <v>5</v>
      </c>
      <c r="AZ38" s="71">
        <v>2</v>
      </c>
      <c r="BA38" s="71">
        <v>2</v>
      </c>
      <c r="BB38" s="71">
        <v>3</v>
      </c>
      <c r="BC38" s="71">
        <v>0</v>
      </c>
      <c r="BD38" s="72">
        <v>12</v>
      </c>
      <c r="BE38" s="73">
        <v>17</v>
      </c>
      <c r="BF38" s="70">
        <v>4</v>
      </c>
      <c r="BG38" s="71">
        <v>2</v>
      </c>
      <c r="BH38" s="72">
        <v>6</v>
      </c>
      <c r="BI38" s="244"/>
      <c r="BJ38" s="71">
        <v>5</v>
      </c>
      <c r="BK38" s="71">
        <v>2</v>
      </c>
      <c r="BL38" s="71">
        <v>2</v>
      </c>
      <c r="BM38" s="71">
        <v>0</v>
      </c>
      <c r="BN38" s="71">
        <v>1</v>
      </c>
      <c r="BO38" s="72">
        <v>10</v>
      </c>
      <c r="BP38" s="73">
        <v>16</v>
      </c>
      <c r="BQ38" s="70">
        <v>4</v>
      </c>
      <c r="BR38" s="71">
        <v>1</v>
      </c>
      <c r="BS38" s="72">
        <v>5</v>
      </c>
      <c r="BT38" s="244"/>
      <c r="BU38" s="71">
        <v>5</v>
      </c>
      <c r="BV38" s="71">
        <v>4</v>
      </c>
      <c r="BW38" s="71">
        <v>1</v>
      </c>
      <c r="BX38" s="71">
        <v>2</v>
      </c>
      <c r="BY38" s="71">
        <v>1</v>
      </c>
      <c r="BZ38" s="72">
        <v>13</v>
      </c>
      <c r="CA38" s="73">
        <v>18</v>
      </c>
      <c r="CB38" s="70">
        <v>0</v>
      </c>
      <c r="CC38" s="71">
        <v>0</v>
      </c>
      <c r="CD38" s="72">
        <v>0</v>
      </c>
      <c r="CE38" s="244"/>
      <c r="CF38" s="71">
        <v>0</v>
      </c>
      <c r="CG38" s="71">
        <v>0</v>
      </c>
      <c r="CH38" s="71">
        <v>0</v>
      </c>
      <c r="CI38" s="71">
        <v>0</v>
      </c>
      <c r="CJ38" s="71">
        <v>0</v>
      </c>
      <c r="CK38" s="72">
        <v>0</v>
      </c>
      <c r="CL38" s="73">
        <v>0</v>
      </c>
      <c r="CM38" s="70">
        <v>13</v>
      </c>
      <c r="CN38" s="71">
        <v>7</v>
      </c>
      <c r="CO38" s="72">
        <v>20</v>
      </c>
      <c r="CP38" s="244"/>
      <c r="CQ38" s="71">
        <v>19</v>
      </c>
      <c r="CR38" s="71">
        <v>9</v>
      </c>
      <c r="CS38" s="71">
        <v>5</v>
      </c>
      <c r="CT38" s="71">
        <v>5</v>
      </c>
      <c r="CU38" s="71">
        <v>3</v>
      </c>
      <c r="CV38" s="72">
        <v>41</v>
      </c>
      <c r="CW38" s="73">
        <v>61</v>
      </c>
      <c r="CX38" s="123">
        <v>1</v>
      </c>
      <c r="CY38" s="82">
        <v>2</v>
      </c>
      <c r="CZ38" s="83">
        <v>3</v>
      </c>
      <c r="DA38" s="241"/>
      <c r="DB38" s="82">
        <v>3</v>
      </c>
      <c r="DC38" s="82">
        <v>3</v>
      </c>
      <c r="DD38" s="82">
        <v>3</v>
      </c>
      <c r="DE38" s="82">
        <v>5</v>
      </c>
      <c r="DF38" s="82">
        <v>1</v>
      </c>
      <c r="DG38" s="84">
        <v>15</v>
      </c>
      <c r="DH38" s="85">
        <v>18</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1</v>
      </c>
      <c r="EJ38" s="71">
        <v>0</v>
      </c>
      <c r="EK38" s="71">
        <v>0</v>
      </c>
      <c r="EL38" s="71">
        <v>0</v>
      </c>
      <c r="EM38" s="71">
        <v>0</v>
      </c>
      <c r="EN38" s="72">
        <v>1</v>
      </c>
      <c r="EO38" s="73">
        <v>1</v>
      </c>
      <c r="EP38" s="70">
        <v>0</v>
      </c>
      <c r="EQ38" s="71">
        <v>0</v>
      </c>
      <c r="ER38" s="72">
        <v>0</v>
      </c>
      <c r="ES38" s="244"/>
      <c r="ET38" s="71">
        <v>1</v>
      </c>
      <c r="EU38" s="71">
        <v>0</v>
      </c>
      <c r="EV38" s="71">
        <v>1</v>
      </c>
      <c r="EW38" s="71">
        <v>0</v>
      </c>
      <c r="EX38" s="71">
        <v>0</v>
      </c>
      <c r="EY38" s="72">
        <v>2</v>
      </c>
      <c r="EZ38" s="73">
        <v>2</v>
      </c>
      <c r="FA38" s="70">
        <v>0</v>
      </c>
      <c r="FB38" s="71">
        <v>0</v>
      </c>
      <c r="FC38" s="72">
        <v>0</v>
      </c>
      <c r="FD38" s="244"/>
      <c r="FE38" s="71">
        <v>1</v>
      </c>
      <c r="FF38" s="71">
        <v>1</v>
      </c>
      <c r="FG38" s="71">
        <v>0</v>
      </c>
      <c r="FH38" s="71">
        <v>0</v>
      </c>
      <c r="FI38" s="71">
        <v>1</v>
      </c>
      <c r="FJ38" s="72">
        <v>3</v>
      </c>
      <c r="FK38" s="73">
        <v>3</v>
      </c>
      <c r="FL38" s="70">
        <v>1</v>
      </c>
      <c r="FM38" s="71">
        <v>2</v>
      </c>
      <c r="FN38" s="72">
        <v>3</v>
      </c>
      <c r="FO38" s="244"/>
      <c r="FP38" s="71">
        <v>0</v>
      </c>
      <c r="FQ38" s="71">
        <v>2</v>
      </c>
      <c r="FR38" s="71">
        <v>1</v>
      </c>
      <c r="FS38" s="71">
        <v>5</v>
      </c>
      <c r="FT38" s="71">
        <v>0</v>
      </c>
      <c r="FU38" s="72">
        <v>8</v>
      </c>
      <c r="FV38" s="73">
        <v>11</v>
      </c>
      <c r="FW38" s="70">
        <v>0</v>
      </c>
      <c r="FX38" s="71">
        <v>0</v>
      </c>
      <c r="FY38" s="72">
        <v>0</v>
      </c>
      <c r="FZ38" s="244"/>
      <c r="GA38" s="71">
        <v>0</v>
      </c>
      <c r="GB38" s="71">
        <v>0</v>
      </c>
      <c r="GC38" s="71">
        <v>0</v>
      </c>
      <c r="GD38" s="71">
        <v>0</v>
      </c>
      <c r="GE38" s="71">
        <v>0</v>
      </c>
      <c r="GF38" s="72">
        <v>0</v>
      </c>
      <c r="GG38" s="73">
        <v>0</v>
      </c>
      <c r="GH38" s="70">
        <v>1</v>
      </c>
      <c r="GI38" s="71">
        <v>2</v>
      </c>
      <c r="GJ38" s="72">
        <v>3</v>
      </c>
      <c r="GK38" s="244"/>
      <c r="GL38" s="71">
        <v>3</v>
      </c>
      <c r="GM38" s="71">
        <v>3</v>
      </c>
      <c r="GN38" s="71">
        <v>3</v>
      </c>
      <c r="GO38" s="71">
        <v>5</v>
      </c>
      <c r="GP38" s="71">
        <v>1</v>
      </c>
      <c r="GQ38" s="72">
        <v>15</v>
      </c>
      <c r="GR38" s="73">
        <v>18</v>
      </c>
      <c r="GS38" s="123">
        <v>14</v>
      </c>
      <c r="GT38" s="82">
        <v>9</v>
      </c>
      <c r="GU38" s="83">
        <v>23</v>
      </c>
      <c r="GV38" s="241"/>
      <c r="GW38" s="82">
        <v>22</v>
      </c>
      <c r="GX38" s="82">
        <v>12</v>
      </c>
      <c r="GY38" s="82">
        <v>8</v>
      </c>
      <c r="GZ38" s="82">
        <v>10</v>
      </c>
      <c r="HA38" s="82">
        <v>4</v>
      </c>
      <c r="HB38" s="84">
        <v>56</v>
      </c>
      <c r="HC38" s="85">
        <v>79</v>
      </c>
      <c r="HD38" s="70">
        <v>0</v>
      </c>
      <c r="HE38" s="71">
        <v>0</v>
      </c>
      <c r="HF38" s="72">
        <v>0</v>
      </c>
      <c r="HG38" s="244"/>
      <c r="HH38" s="71">
        <v>0</v>
      </c>
      <c r="HI38" s="71">
        <v>0</v>
      </c>
      <c r="HJ38" s="71">
        <v>0</v>
      </c>
      <c r="HK38" s="71">
        <v>0</v>
      </c>
      <c r="HL38" s="71">
        <v>0</v>
      </c>
      <c r="HM38" s="72">
        <v>0</v>
      </c>
      <c r="HN38" s="73">
        <v>0</v>
      </c>
      <c r="HO38" s="70">
        <v>1</v>
      </c>
      <c r="HP38" s="71">
        <v>1</v>
      </c>
      <c r="HQ38" s="72">
        <v>2</v>
      </c>
      <c r="HR38" s="244"/>
      <c r="HS38" s="71">
        <v>0</v>
      </c>
      <c r="HT38" s="71">
        <v>0</v>
      </c>
      <c r="HU38" s="71">
        <v>1</v>
      </c>
      <c r="HV38" s="71">
        <v>0</v>
      </c>
      <c r="HW38" s="71">
        <v>1</v>
      </c>
      <c r="HX38" s="72">
        <v>2</v>
      </c>
      <c r="HY38" s="73">
        <v>4</v>
      </c>
      <c r="HZ38" s="70">
        <v>1</v>
      </c>
      <c r="IA38" s="71">
        <v>1</v>
      </c>
      <c r="IB38" s="72">
        <v>2</v>
      </c>
      <c r="IC38" s="244"/>
      <c r="ID38" s="71">
        <v>5</v>
      </c>
      <c r="IE38" s="71">
        <v>1</v>
      </c>
      <c r="IF38" s="71">
        <v>0</v>
      </c>
      <c r="IG38" s="71">
        <v>0</v>
      </c>
      <c r="IH38" s="71">
        <v>0</v>
      </c>
      <c r="II38" s="72">
        <v>6</v>
      </c>
      <c r="IJ38" s="73">
        <v>8</v>
      </c>
      <c r="IK38" s="70">
        <v>3</v>
      </c>
      <c r="IL38" s="71">
        <v>2</v>
      </c>
      <c r="IM38" s="72">
        <v>5</v>
      </c>
      <c r="IN38" s="244"/>
      <c r="IO38" s="71">
        <v>6</v>
      </c>
      <c r="IP38" s="71">
        <v>2</v>
      </c>
      <c r="IQ38" s="71">
        <v>3</v>
      </c>
      <c r="IR38" s="71">
        <v>3</v>
      </c>
      <c r="IS38" s="71">
        <v>0</v>
      </c>
      <c r="IT38" s="72">
        <v>14</v>
      </c>
      <c r="IU38" s="73">
        <v>19</v>
      </c>
      <c r="IV38" s="70">
        <v>4</v>
      </c>
      <c r="IW38" s="71">
        <v>2</v>
      </c>
      <c r="IX38" s="72">
        <v>6</v>
      </c>
      <c r="IY38" s="244"/>
      <c r="IZ38" s="71">
        <v>6</v>
      </c>
      <c r="JA38" s="71">
        <v>3</v>
      </c>
      <c r="JB38" s="71">
        <v>2</v>
      </c>
      <c r="JC38" s="71">
        <v>0</v>
      </c>
      <c r="JD38" s="71">
        <v>2</v>
      </c>
      <c r="JE38" s="72">
        <v>13</v>
      </c>
      <c r="JF38" s="73">
        <v>19</v>
      </c>
      <c r="JG38" s="70">
        <v>5</v>
      </c>
      <c r="JH38" s="71">
        <v>3</v>
      </c>
      <c r="JI38" s="72">
        <v>8</v>
      </c>
      <c r="JJ38" s="244"/>
      <c r="JK38" s="71">
        <v>5</v>
      </c>
      <c r="JL38" s="71">
        <v>6</v>
      </c>
      <c r="JM38" s="71">
        <v>2</v>
      </c>
      <c r="JN38" s="71">
        <v>7</v>
      </c>
      <c r="JO38" s="71">
        <v>1</v>
      </c>
      <c r="JP38" s="72">
        <v>21</v>
      </c>
      <c r="JQ38" s="73">
        <v>29</v>
      </c>
      <c r="JR38" s="70">
        <v>0</v>
      </c>
      <c r="JS38" s="71">
        <v>0</v>
      </c>
      <c r="JT38" s="72">
        <v>0</v>
      </c>
      <c r="JU38" s="244"/>
      <c r="JV38" s="71">
        <v>0</v>
      </c>
      <c r="JW38" s="71">
        <v>0</v>
      </c>
      <c r="JX38" s="71">
        <v>0</v>
      </c>
      <c r="JY38" s="71">
        <v>0</v>
      </c>
      <c r="JZ38" s="71">
        <v>0</v>
      </c>
      <c r="KA38" s="72">
        <v>0</v>
      </c>
      <c r="KB38" s="73">
        <v>0</v>
      </c>
      <c r="KC38" s="70">
        <v>14</v>
      </c>
      <c r="KD38" s="71">
        <v>9</v>
      </c>
      <c r="KE38" s="72">
        <v>23</v>
      </c>
      <c r="KF38" s="244"/>
      <c r="KG38" s="71">
        <v>22</v>
      </c>
      <c r="KH38" s="71">
        <v>12</v>
      </c>
      <c r="KI38" s="71">
        <v>8</v>
      </c>
      <c r="KJ38" s="71">
        <v>10</v>
      </c>
      <c r="KK38" s="71">
        <v>4</v>
      </c>
      <c r="KL38" s="72">
        <v>56</v>
      </c>
      <c r="KM38" s="73">
        <v>79</v>
      </c>
    </row>
    <row r="39" spans="2:299" ht="19.8" customHeight="1" x14ac:dyDescent="0.2">
      <c r="B39" s="126" t="s">
        <v>36</v>
      </c>
      <c r="C39" s="316">
        <v>2</v>
      </c>
      <c r="D39" s="82">
        <v>10</v>
      </c>
      <c r="E39" s="83">
        <v>12</v>
      </c>
      <c r="F39" s="241"/>
      <c r="G39" s="82">
        <v>12</v>
      </c>
      <c r="H39" s="82">
        <v>13</v>
      </c>
      <c r="I39" s="82">
        <v>6</v>
      </c>
      <c r="J39" s="82">
        <v>5</v>
      </c>
      <c r="K39" s="82">
        <v>4</v>
      </c>
      <c r="L39" s="84">
        <v>40</v>
      </c>
      <c r="M39" s="85">
        <v>52</v>
      </c>
      <c r="N39" s="70">
        <v>0</v>
      </c>
      <c r="O39" s="71">
        <v>0</v>
      </c>
      <c r="P39" s="72">
        <v>0</v>
      </c>
      <c r="Q39" s="244"/>
      <c r="R39" s="71">
        <v>1</v>
      </c>
      <c r="S39" s="71">
        <v>2</v>
      </c>
      <c r="T39" s="71">
        <v>0</v>
      </c>
      <c r="U39" s="71">
        <v>0</v>
      </c>
      <c r="V39" s="71">
        <v>1</v>
      </c>
      <c r="W39" s="72">
        <v>4</v>
      </c>
      <c r="X39" s="73">
        <v>4</v>
      </c>
      <c r="Y39" s="70">
        <v>1</v>
      </c>
      <c r="Z39" s="71">
        <v>0</v>
      </c>
      <c r="AA39" s="72">
        <v>1</v>
      </c>
      <c r="AB39" s="244"/>
      <c r="AC39" s="71">
        <v>1</v>
      </c>
      <c r="AD39" s="71">
        <v>0</v>
      </c>
      <c r="AE39" s="71">
        <v>1</v>
      </c>
      <c r="AF39" s="71">
        <v>0</v>
      </c>
      <c r="AG39" s="71">
        <v>0</v>
      </c>
      <c r="AH39" s="72">
        <v>2</v>
      </c>
      <c r="AI39" s="73">
        <v>3</v>
      </c>
      <c r="AJ39" s="70">
        <v>0</v>
      </c>
      <c r="AK39" s="71">
        <v>2</v>
      </c>
      <c r="AL39" s="72">
        <v>2</v>
      </c>
      <c r="AM39" s="244"/>
      <c r="AN39" s="71">
        <v>0</v>
      </c>
      <c r="AO39" s="71">
        <v>3</v>
      </c>
      <c r="AP39" s="71">
        <v>0</v>
      </c>
      <c r="AQ39" s="71">
        <v>0</v>
      </c>
      <c r="AR39" s="71">
        <v>0</v>
      </c>
      <c r="AS39" s="72">
        <v>3</v>
      </c>
      <c r="AT39" s="73">
        <v>5</v>
      </c>
      <c r="AU39" s="70">
        <v>0</v>
      </c>
      <c r="AV39" s="71">
        <v>3</v>
      </c>
      <c r="AW39" s="72">
        <v>3</v>
      </c>
      <c r="AX39" s="244"/>
      <c r="AY39" s="71">
        <v>1</v>
      </c>
      <c r="AZ39" s="71">
        <v>1</v>
      </c>
      <c r="BA39" s="71">
        <v>0</v>
      </c>
      <c r="BB39" s="71">
        <v>0</v>
      </c>
      <c r="BC39" s="71">
        <v>0</v>
      </c>
      <c r="BD39" s="72">
        <v>2</v>
      </c>
      <c r="BE39" s="73">
        <v>5</v>
      </c>
      <c r="BF39" s="70">
        <v>1</v>
      </c>
      <c r="BG39" s="71">
        <v>4</v>
      </c>
      <c r="BH39" s="72">
        <v>5</v>
      </c>
      <c r="BI39" s="244"/>
      <c r="BJ39" s="71">
        <v>4</v>
      </c>
      <c r="BK39" s="71">
        <v>5</v>
      </c>
      <c r="BL39" s="71">
        <v>1</v>
      </c>
      <c r="BM39" s="71">
        <v>4</v>
      </c>
      <c r="BN39" s="71">
        <v>2</v>
      </c>
      <c r="BO39" s="72">
        <v>16</v>
      </c>
      <c r="BP39" s="73">
        <v>21</v>
      </c>
      <c r="BQ39" s="70">
        <v>0</v>
      </c>
      <c r="BR39" s="71">
        <v>1</v>
      </c>
      <c r="BS39" s="72">
        <v>1</v>
      </c>
      <c r="BT39" s="244"/>
      <c r="BU39" s="71">
        <v>5</v>
      </c>
      <c r="BV39" s="71">
        <v>2</v>
      </c>
      <c r="BW39" s="71">
        <v>4</v>
      </c>
      <c r="BX39" s="71">
        <v>1</v>
      </c>
      <c r="BY39" s="71">
        <v>1</v>
      </c>
      <c r="BZ39" s="72">
        <v>13</v>
      </c>
      <c r="CA39" s="73">
        <v>14</v>
      </c>
      <c r="CB39" s="70">
        <v>0</v>
      </c>
      <c r="CC39" s="71">
        <v>0</v>
      </c>
      <c r="CD39" s="72">
        <v>0</v>
      </c>
      <c r="CE39" s="244"/>
      <c r="CF39" s="71">
        <v>0</v>
      </c>
      <c r="CG39" s="71">
        <v>0</v>
      </c>
      <c r="CH39" s="71">
        <v>0</v>
      </c>
      <c r="CI39" s="71">
        <v>0</v>
      </c>
      <c r="CJ39" s="71">
        <v>0</v>
      </c>
      <c r="CK39" s="72">
        <v>0</v>
      </c>
      <c r="CL39" s="73">
        <v>0</v>
      </c>
      <c r="CM39" s="70">
        <v>2</v>
      </c>
      <c r="CN39" s="71">
        <v>10</v>
      </c>
      <c r="CO39" s="72">
        <v>12</v>
      </c>
      <c r="CP39" s="244"/>
      <c r="CQ39" s="71">
        <v>12</v>
      </c>
      <c r="CR39" s="71">
        <v>13</v>
      </c>
      <c r="CS39" s="71">
        <v>6</v>
      </c>
      <c r="CT39" s="71">
        <v>5</v>
      </c>
      <c r="CU39" s="71">
        <v>4</v>
      </c>
      <c r="CV39" s="72">
        <v>40</v>
      </c>
      <c r="CW39" s="73">
        <v>52</v>
      </c>
      <c r="CX39" s="123">
        <v>3</v>
      </c>
      <c r="CY39" s="82">
        <v>3</v>
      </c>
      <c r="CZ39" s="83">
        <v>6</v>
      </c>
      <c r="DA39" s="241"/>
      <c r="DB39" s="82">
        <v>1</v>
      </c>
      <c r="DC39" s="82">
        <v>1</v>
      </c>
      <c r="DD39" s="82">
        <v>0</v>
      </c>
      <c r="DE39" s="82">
        <v>0</v>
      </c>
      <c r="DF39" s="82">
        <v>3</v>
      </c>
      <c r="DG39" s="84">
        <v>5</v>
      </c>
      <c r="DH39" s="85">
        <v>11</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2</v>
      </c>
      <c r="ER39" s="72">
        <v>2</v>
      </c>
      <c r="ES39" s="244"/>
      <c r="ET39" s="71">
        <v>0</v>
      </c>
      <c r="EU39" s="71">
        <v>1</v>
      </c>
      <c r="EV39" s="71">
        <v>0</v>
      </c>
      <c r="EW39" s="71">
        <v>0</v>
      </c>
      <c r="EX39" s="71">
        <v>0</v>
      </c>
      <c r="EY39" s="72">
        <v>1</v>
      </c>
      <c r="EZ39" s="73">
        <v>3</v>
      </c>
      <c r="FA39" s="70">
        <v>2</v>
      </c>
      <c r="FB39" s="71">
        <v>1</v>
      </c>
      <c r="FC39" s="72">
        <v>3</v>
      </c>
      <c r="FD39" s="244"/>
      <c r="FE39" s="71">
        <v>1</v>
      </c>
      <c r="FF39" s="71">
        <v>0</v>
      </c>
      <c r="FG39" s="71">
        <v>0</v>
      </c>
      <c r="FH39" s="71">
        <v>0</v>
      </c>
      <c r="FI39" s="71">
        <v>0</v>
      </c>
      <c r="FJ39" s="72">
        <v>1</v>
      </c>
      <c r="FK39" s="73">
        <v>4</v>
      </c>
      <c r="FL39" s="70">
        <v>1</v>
      </c>
      <c r="FM39" s="71">
        <v>0</v>
      </c>
      <c r="FN39" s="72">
        <v>1</v>
      </c>
      <c r="FO39" s="244"/>
      <c r="FP39" s="71">
        <v>0</v>
      </c>
      <c r="FQ39" s="71">
        <v>0</v>
      </c>
      <c r="FR39" s="71">
        <v>0</v>
      </c>
      <c r="FS39" s="71">
        <v>0</v>
      </c>
      <c r="FT39" s="71">
        <v>3</v>
      </c>
      <c r="FU39" s="72">
        <v>3</v>
      </c>
      <c r="FV39" s="73">
        <v>4</v>
      </c>
      <c r="FW39" s="70">
        <v>0</v>
      </c>
      <c r="FX39" s="71">
        <v>0</v>
      </c>
      <c r="FY39" s="72">
        <v>0</v>
      </c>
      <c r="FZ39" s="244"/>
      <c r="GA39" s="71">
        <v>0</v>
      </c>
      <c r="GB39" s="71">
        <v>0</v>
      </c>
      <c r="GC39" s="71">
        <v>0</v>
      </c>
      <c r="GD39" s="71">
        <v>0</v>
      </c>
      <c r="GE39" s="71">
        <v>0</v>
      </c>
      <c r="GF39" s="72">
        <v>0</v>
      </c>
      <c r="GG39" s="73">
        <v>0</v>
      </c>
      <c r="GH39" s="70">
        <v>3</v>
      </c>
      <c r="GI39" s="71">
        <v>3</v>
      </c>
      <c r="GJ39" s="72">
        <v>6</v>
      </c>
      <c r="GK39" s="244"/>
      <c r="GL39" s="71">
        <v>1</v>
      </c>
      <c r="GM39" s="71">
        <v>1</v>
      </c>
      <c r="GN39" s="71">
        <v>0</v>
      </c>
      <c r="GO39" s="71">
        <v>0</v>
      </c>
      <c r="GP39" s="71">
        <v>3</v>
      </c>
      <c r="GQ39" s="72">
        <v>5</v>
      </c>
      <c r="GR39" s="73">
        <v>11</v>
      </c>
      <c r="GS39" s="123">
        <v>5</v>
      </c>
      <c r="GT39" s="82">
        <v>13</v>
      </c>
      <c r="GU39" s="83">
        <v>18</v>
      </c>
      <c r="GV39" s="241"/>
      <c r="GW39" s="82">
        <v>13</v>
      </c>
      <c r="GX39" s="82">
        <v>14</v>
      </c>
      <c r="GY39" s="82">
        <v>6</v>
      </c>
      <c r="GZ39" s="82">
        <v>5</v>
      </c>
      <c r="HA39" s="82">
        <v>7</v>
      </c>
      <c r="HB39" s="84">
        <v>45</v>
      </c>
      <c r="HC39" s="85">
        <v>63</v>
      </c>
      <c r="HD39" s="70">
        <v>0</v>
      </c>
      <c r="HE39" s="71">
        <v>0</v>
      </c>
      <c r="HF39" s="72">
        <v>0</v>
      </c>
      <c r="HG39" s="244"/>
      <c r="HH39" s="71">
        <v>1</v>
      </c>
      <c r="HI39" s="71">
        <v>2</v>
      </c>
      <c r="HJ39" s="71">
        <v>0</v>
      </c>
      <c r="HK39" s="71">
        <v>0</v>
      </c>
      <c r="HL39" s="71">
        <v>1</v>
      </c>
      <c r="HM39" s="72">
        <v>4</v>
      </c>
      <c r="HN39" s="73">
        <v>4</v>
      </c>
      <c r="HO39" s="70">
        <v>1</v>
      </c>
      <c r="HP39" s="71">
        <v>0</v>
      </c>
      <c r="HQ39" s="72">
        <v>1</v>
      </c>
      <c r="HR39" s="244"/>
      <c r="HS39" s="71">
        <v>1</v>
      </c>
      <c r="HT39" s="71">
        <v>0</v>
      </c>
      <c r="HU39" s="71">
        <v>1</v>
      </c>
      <c r="HV39" s="71">
        <v>0</v>
      </c>
      <c r="HW39" s="71">
        <v>0</v>
      </c>
      <c r="HX39" s="72">
        <v>2</v>
      </c>
      <c r="HY39" s="73">
        <v>3</v>
      </c>
      <c r="HZ39" s="70">
        <v>0</v>
      </c>
      <c r="IA39" s="71">
        <v>2</v>
      </c>
      <c r="IB39" s="72">
        <v>2</v>
      </c>
      <c r="IC39" s="244"/>
      <c r="ID39" s="71">
        <v>0</v>
      </c>
      <c r="IE39" s="71">
        <v>3</v>
      </c>
      <c r="IF39" s="71">
        <v>0</v>
      </c>
      <c r="IG39" s="71">
        <v>0</v>
      </c>
      <c r="IH39" s="71">
        <v>0</v>
      </c>
      <c r="II39" s="72">
        <v>3</v>
      </c>
      <c r="IJ39" s="73">
        <v>5</v>
      </c>
      <c r="IK39" s="70">
        <v>0</v>
      </c>
      <c r="IL39" s="71">
        <v>5</v>
      </c>
      <c r="IM39" s="72">
        <v>5</v>
      </c>
      <c r="IN39" s="244"/>
      <c r="IO39" s="71">
        <v>1</v>
      </c>
      <c r="IP39" s="71">
        <v>2</v>
      </c>
      <c r="IQ39" s="71">
        <v>0</v>
      </c>
      <c r="IR39" s="71">
        <v>0</v>
      </c>
      <c r="IS39" s="71">
        <v>0</v>
      </c>
      <c r="IT39" s="72">
        <v>3</v>
      </c>
      <c r="IU39" s="73">
        <v>8</v>
      </c>
      <c r="IV39" s="70">
        <v>3</v>
      </c>
      <c r="IW39" s="71">
        <v>5</v>
      </c>
      <c r="IX39" s="72">
        <v>8</v>
      </c>
      <c r="IY39" s="244"/>
      <c r="IZ39" s="71">
        <v>5</v>
      </c>
      <c r="JA39" s="71">
        <v>5</v>
      </c>
      <c r="JB39" s="71">
        <v>1</v>
      </c>
      <c r="JC39" s="71">
        <v>4</v>
      </c>
      <c r="JD39" s="71">
        <v>2</v>
      </c>
      <c r="JE39" s="72">
        <v>17</v>
      </c>
      <c r="JF39" s="73">
        <v>25</v>
      </c>
      <c r="JG39" s="70">
        <v>1</v>
      </c>
      <c r="JH39" s="71">
        <v>1</v>
      </c>
      <c r="JI39" s="72">
        <v>2</v>
      </c>
      <c r="JJ39" s="244"/>
      <c r="JK39" s="71">
        <v>5</v>
      </c>
      <c r="JL39" s="71">
        <v>2</v>
      </c>
      <c r="JM39" s="71">
        <v>4</v>
      </c>
      <c r="JN39" s="71">
        <v>1</v>
      </c>
      <c r="JO39" s="71">
        <v>4</v>
      </c>
      <c r="JP39" s="72">
        <v>16</v>
      </c>
      <c r="JQ39" s="73">
        <v>18</v>
      </c>
      <c r="JR39" s="70">
        <v>0</v>
      </c>
      <c r="JS39" s="71">
        <v>0</v>
      </c>
      <c r="JT39" s="72">
        <v>0</v>
      </c>
      <c r="JU39" s="244"/>
      <c r="JV39" s="71">
        <v>0</v>
      </c>
      <c r="JW39" s="71">
        <v>0</v>
      </c>
      <c r="JX39" s="71">
        <v>0</v>
      </c>
      <c r="JY39" s="71">
        <v>0</v>
      </c>
      <c r="JZ39" s="71">
        <v>0</v>
      </c>
      <c r="KA39" s="72">
        <v>0</v>
      </c>
      <c r="KB39" s="73">
        <v>0</v>
      </c>
      <c r="KC39" s="70">
        <v>5</v>
      </c>
      <c r="KD39" s="71">
        <v>13</v>
      </c>
      <c r="KE39" s="72">
        <v>18</v>
      </c>
      <c r="KF39" s="244"/>
      <c r="KG39" s="71">
        <v>13</v>
      </c>
      <c r="KH39" s="71">
        <v>14</v>
      </c>
      <c r="KI39" s="71">
        <v>6</v>
      </c>
      <c r="KJ39" s="71">
        <v>5</v>
      </c>
      <c r="KK39" s="71">
        <v>7</v>
      </c>
      <c r="KL39" s="72">
        <v>45</v>
      </c>
      <c r="KM39" s="73">
        <v>63</v>
      </c>
    </row>
    <row r="40" spans="2:299" ht="19.8" customHeight="1" thickBot="1" x14ac:dyDescent="0.25">
      <c r="B40" s="127" t="s">
        <v>37</v>
      </c>
      <c r="C40" s="317">
        <v>0</v>
      </c>
      <c r="D40" s="87">
        <v>0</v>
      </c>
      <c r="E40" s="88">
        <v>0</v>
      </c>
      <c r="F40" s="242"/>
      <c r="G40" s="87">
        <v>0</v>
      </c>
      <c r="H40" s="87">
        <v>2</v>
      </c>
      <c r="I40" s="87">
        <v>1</v>
      </c>
      <c r="J40" s="87">
        <v>0</v>
      </c>
      <c r="K40" s="87">
        <v>1</v>
      </c>
      <c r="L40" s="89">
        <v>4</v>
      </c>
      <c r="M40" s="90">
        <v>4</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1</v>
      </c>
      <c r="BA40" s="75">
        <v>0</v>
      </c>
      <c r="BB40" s="75">
        <v>0</v>
      </c>
      <c r="BC40" s="75">
        <v>0</v>
      </c>
      <c r="BD40" s="76">
        <v>1</v>
      </c>
      <c r="BE40" s="77">
        <v>1</v>
      </c>
      <c r="BF40" s="74">
        <v>0</v>
      </c>
      <c r="BG40" s="75">
        <v>0</v>
      </c>
      <c r="BH40" s="76">
        <v>0</v>
      </c>
      <c r="BI40" s="245"/>
      <c r="BJ40" s="75">
        <v>0</v>
      </c>
      <c r="BK40" s="75">
        <v>1</v>
      </c>
      <c r="BL40" s="75">
        <v>0</v>
      </c>
      <c r="BM40" s="75">
        <v>0</v>
      </c>
      <c r="BN40" s="75">
        <v>1</v>
      </c>
      <c r="BO40" s="76">
        <v>2</v>
      </c>
      <c r="BP40" s="77">
        <v>2</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0</v>
      </c>
      <c r="CO40" s="76">
        <v>0</v>
      </c>
      <c r="CP40" s="245"/>
      <c r="CQ40" s="75">
        <v>0</v>
      </c>
      <c r="CR40" s="75">
        <v>2</v>
      </c>
      <c r="CS40" s="75">
        <v>1</v>
      </c>
      <c r="CT40" s="75">
        <v>0</v>
      </c>
      <c r="CU40" s="75">
        <v>1</v>
      </c>
      <c r="CV40" s="76">
        <v>4</v>
      </c>
      <c r="CW40" s="77">
        <v>4</v>
      </c>
      <c r="CX40" s="124">
        <v>0</v>
      </c>
      <c r="CY40" s="87">
        <v>0</v>
      </c>
      <c r="CZ40" s="88">
        <v>0</v>
      </c>
      <c r="DA40" s="242"/>
      <c r="DB40" s="87">
        <v>0</v>
      </c>
      <c r="DC40" s="87">
        <v>0</v>
      </c>
      <c r="DD40" s="87">
        <v>0</v>
      </c>
      <c r="DE40" s="87">
        <v>1</v>
      </c>
      <c r="DF40" s="87">
        <v>0</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1</v>
      </c>
      <c r="FT40" s="75">
        <v>0</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1</v>
      </c>
      <c r="GP40" s="75">
        <v>0</v>
      </c>
      <c r="GQ40" s="76">
        <v>1</v>
      </c>
      <c r="GR40" s="77">
        <v>1</v>
      </c>
      <c r="GS40" s="124">
        <v>0</v>
      </c>
      <c r="GT40" s="87">
        <v>0</v>
      </c>
      <c r="GU40" s="88">
        <v>0</v>
      </c>
      <c r="GV40" s="242"/>
      <c r="GW40" s="87">
        <v>0</v>
      </c>
      <c r="GX40" s="87">
        <v>2</v>
      </c>
      <c r="GY40" s="87">
        <v>1</v>
      </c>
      <c r="GZ40" s="87">
        <v>1</v>
      </c>
      <c r="HA40" s="87">
        <v>1</v>
      </c>
      <c r="HB40" s="89">
        <v>5</v>
      </c>
      <c r="HC40" s="90">
        <v>5</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1</v>
      </c>
      <c r="IQ40" s="75">
        <v>0</v>
      </c>
      <c r="IR40" s="75">
        <v>0</v>
      </c>
      <c r="IS40" s="75">
        <v>0</v>
      </c>
      <c r="IT40" s="76">
        <v>1</v>
      </c>
      <c r="IU40" s="77">
        <v>1</v>
      </c>
      <c r="IV40" s="74">
        <v>0</v>
      </c>
      <c r="IW40" s="75">
        <v>0</v>
      </c>
      <c r="IX40" s="76">
        <v>0</v>
      </c>
      <c r="IY40" s="245"/>
      <c r="IZ40" s="75">
        <v>0</v>
      </c>
      <c r="JA40" s="75">
        <v>1</v>
      </c>
      <c r="JB40" s="75">
        <v>0</v>
      </c>
      <c r="JC40" s="75">
        <v>0</v>
      </c>
      <c r="JD40" s="75">
        <v>1</v>
      </c>
      <c r="JE40" s="76">
        <v>2</v>
      </c>
      <c r="JF40" s="77">
        <v>2</v>
      </c>
      <c r="JG40" s="74">
        <v>0</v>
      </c>
      <c r="JH40" s="75">
        <v>0</v>
      </c>
      <c r="JI40" s="76">
        <v>0</v>
      </c>
      <c r="JJ40" s="245"/>
      <c r="JK40" s="75">
        <v>0</v>
      </c>
      <c r="JL40" s="75">
        <v>0</v>
      </c>
      <c r="JM40" s="75">
        <v>0</v>
      </c>
      <c r="JN40" s="75">
        <v>1</v>
      </c>
      <c r="JO40" s="75">
        <v>0</v>
      </c>
      <c r="JP40" s="76">
        <v>1</v>
      </c>
      <c r="JQ40" s="77">
        <v>1</v>
      </c>
      <c r="JR40" s="74">
        <v>0</v>
      </c>
      <c r="JS40" s="75">
        <v>0</v>
      </c>
      <c r="JT40" s="76">
        <v>0</v>
      </c>
      <c r="JU40" s="245"/>
      <c r="JV40" s="75">
        <v>0</v>
      </c>
      <c r="JW40" s="75">
        <v>0</v>
      </c>
      <c r="JX40" s="75">
        <v>0</v>
      </c>
      <c r="JY40" s="75">
        <v>0</v>
      </c>
      <c r="JZ40" s="75">
        <v>0</v>
      </c>
      <c r="KA40" s="76">
        <v>0</v>
      </c>
      <c r="KB40" s="77">
        <v>0</v>
      </c>
      <c r="KC40" s="74">
        <v>0</v>
      </c>
      <c r="KD40" s="75">
        <v>0</v>
      </c>
      <c r="KE40" s="76">
        <v>0</v>
      </c>
      <c r="KF40" s="245"/>
      <c r="KG40" s="75">
        <v>0</v>
      </c>
      <c r="KH40" s="75">
        <v>2</v>
      </c>
      <c r="KI40" s="75">
        <v>1</v>
      </c>
      <c r="KJ40" s="75">
        <v>1</v>
      </c>
      <c r="KK40" s="75">
        <v>1</v>
      </c>
      <c r="KL40" s="76">
        <v>5</v>
      </c>
      <c r="KM40" s="77">
        <v>5</v>
      </c>
    </row>
    <row r="41" spans="2:299" ht="32.25" customHeight="1" x14ac:dyDescent="0.2">
      <c r="C41" s="311" t="s">
        <v>126</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4</v>
      </c>
      <c r="G1" s="524"/>
      <c r="H1" s="248">
        <f>第１表!G2</f>
        <v>8</v>
      </c>
      <c r="I1" s="523">
        <f>H1</f>
        <v>8</v>
      </c>
      <c r="J1" s="523"/>
    </row>
    <row r="2" spans="2:299" ht="24" customHeight="1" thickBot="1" x14ac:dyDescent="0.25">
      <c r="B2" s="20" t="s">
        <v>153</v>
      </c>
    </row>
    <row r="3" spans="2:299" ht="22.5" customHeight="1" thickBot="1" x14ac:dyDescent="0.25">
      <c r="B3" s="510" t="s">
        <v>38</v>
      </c>
      <c r="C3" s="505" t="s">
        <v>96</v>
      </c>
      <c r="D3" s="505"/>
      <c r="E3" s="505"/>
      <c r="F3" s="505"/>
      <c r="G3" s="505"/>
      <c r="H3" s="505"/>
      <c r="I3" s="505"/>
      <c r="J3" s="505"/>
      <c r="K3" s="505"/>
      <c r="L3" s="505"/>
      <c r="M3" s="505"/>
      <c r="N3" s="505"/>
      <c r="O3" s="505"/>
      <c r="P3" s="505"/>
      <c r="Q3" s="505"/>
      <c r="R3" s="505"/>
      <c r="S3" s="505"/>
      <c r="T3" s="505"/>
      <c r="U3" s="505"/>
      <c r="V3" s="505"/>
      <c r="W3" s="505"/>
      <c r="X3" s="505"/>
      <c r="Y3" s="505"/>
      <c r="Z3" s="505"/>
      <c r="AA3" s="505"/>
      <c r="AB3" s="505"/>
      <c r="AC3" s="505"/>
      <c r="AD3" s="505"/>
      <c r="AE3" s="505"/>
      <c r="AF3" s="505"/>
      <c r="AG3" s="505"/>
      <c r="AH3" s="505"/>
      <c r="AI3" s="505"/>
      <c r="AJ3" s="505"/>
      <c r="AK3" s="505"/>
      <c r="AL3" s="505"/>
      <c r="AM3" s="505"/>
      <c r="AN3" s="505"/>
      <c r="AO3" s="505"/>
      <c r="AP3" s="505"/>
      <c r="AQ3" s="505"/>
      <c r="AR3" s="505"/>
      <c r="AS3" s="505"/>
      <c r="AT3" s="505"/>
      <c r="AU3" s="505"/>
      <c r="AV3" s="505"/>
      <c r="AW3" s="505"/>
      <c r="AX3" s="505"/>
      <c r="AY3" s="505"/>
      <c r="AZ3" s="505"/>
      <c r="BA3" s="505"/>
      <c r="BB3" s="505"/>
      <c r="BC3" s="505"/>
      <c r="BD3" s="505"/>
      <c r="BE3" s="505"/>
      <c r="BF3" s="505"/>
      <c r="BG3" s="505"/>
      <c r="BH3" s="505"/>
      <c r="BI3" s="505"/>
      <c r="BJ3" s="505"/>
      <c r="BK3" s="505"/>
      <c r="BL3" s="505"/>
      <c r="BM3" s="505"/>
      <c r="BN3" s="505"/>
      <c r="BO3" s="505"/>
      <c r="BP3" s="505"/>
      <c r="BQ3" s="505"/>
      <c r="BR3" s="505"/>
      <c r="BS3" s="505"/>
      <c r="BT3" s="505"/>
      <c r="BU3" s="505"/>
      <c r="BV3" s="505"/>
      <c r="BW3" s="505"/>
      <c r="BX3" s="505"/>
      <c r="BY3" s="505"/>
      <c r="BZ3" s="505"/>
      <c r="CA3" s="505"/>
      <c r="CB3" s="505"/>
      <c r="CC3" s="505"/>
      <c r="CD3" s="505"/>
      <c r="CE3" s="505"/>
      <c r="CF3" s="505"/>
      <c r="CG3" s="505"/>
      <c r="CH3" s="505"/>
      <c r="CI3" s="505"/>
      <c r="CJ3" s="505"/>
      <c r="CK3" s="505"/>
      <c r="CL3" s="505"/>
      <c r="CM3" s="505"/>
      <c r="CN3" s="505"/>
      <c r="CO3" s="505"/>
      <c r="CP3" s="505"/>
      <c r="CQ3" s="505"/>
      <c r="CR3" s="505"/>
      <c r="CS3" s="505"/>
      <c r="CT3" s="505"/>
      <c r="CU3" s="505"/>
      <c r="CV3" s="505"/>
      <c r="CW3" s="506"/>
      <c r="CX3" s="505" t="s">
        <v>103</v>
      </c>
      <c r="CY3" s="505"/>
      <c r="CZ3" s="505"/>
      <c r="DA3" s="505"/>
      <c r="DB3" s="505"/>
      <c r="DC3" s="505"/>
      <c r="DD3" s="505"/>
      <c r="DE3" s="505"/>
      <c r="DF3" s="505"/>
      <c r="DG3" s="505"/>
      <c r="DH3" s="505"/>
      <c r="DI3" s="505"/>
      <c r="DJ3" s="505"/>
      <c r="DK3" s="505"/>
      <c r="DL3" s="505"/>
      <c r="DM3" s="505"/>
      <c r="DN3" s="505"/>
      <c r="DO3" s="505"/>
      <c r="DP3" s="505"/>
      <c r="DQ3" s="505"/>
      <c r="DR3" s="505"/>
      <c r="DS3" s="505"/>
      <c r="DT3" s="505"/>
      <c r="DU3" s="505"/>
      <c r="DV3" s="505"/>
      <c r="DW3" s="505"/>
      <c r="DX3" s="505"/>
      <c r="DY3" s="505"/>
      <c r="DZ3" s="505"/>
      <c r="EA3" s="505"/>
      <c r="EB3" s="505"/>
      <c r="EC3" s="505"/>
      <c r="ED3" s="505"/>
      <c r="EE3" s="505"/>
      <c r="EF3" s="505"/>
      <c r="EG3" s="505"/>
      <c r="EH3" s="505"/>
      <c r="EI3" s="505"/>
      <c r="EJ3" s="505"/>
      <c r="EK3" s="505"/>
      <c r="EL3" s="505"/>
      <c r="EM3" s="505"/>
      <c r="EN3" s="505"/>
      <c r="EO3" s="505"/>
      <c r="EP3" s="505"/>
      <c r="EQ3" s="505"/>
      <c r="ER3" s="505"/>
      <c r="ES3" s="505"/>
      <c r="ET3" s="505"/>
      <c r="EU3" s="505"/>
      <c r="EV3" s="505"/>
      <c r="EW3" s="505"/>
      <c r="EX3" s="505"/>
      <c r="EY3" s="505"/>
      <c r="EZ3" s="505"/>
      <c r="FA3" s="505"/>
      <c r="FB3" s="505"/>
      <c r="FC3" s="505"/>
      <c r="FD3" s="505"/>
      <c r="FE3" s="505"/>
      <c r="FF3" s="505"/>
      <c r="FG3" s="505"/>
      <c r="FH3" s="505"/>
      <c r="FI3" s="505"/>
      <c r="FJ3" s="505"/>
      <c r="FK3" s="505"/>
      <c r="FL3" s="505"/>
      <c r="FM3" s="505"/>
      <c r="FN3" s="505"/>
      <c r="FO3" s="505"/>
      <c r="FP3" s="505"/>
      <c r="FQ3" s="505"/>
      <c r="FR3" s="505"/>
      <c r="FS3" s="505"/>
      <c r="FT3" s="505"/>
      <c r="FU3" s="505"/>
      <c r="FV3" s="505"/>
      <c r="FW3" s="505"/>
      <c r="FX3" s="505"/>
      <c r="FY3" s="505"/>
      <c r="FZ3" s="505"/>
      <c r="GA3" s="505"/>
      <c r="GB3" s="505"/>
      <c r="GC3" s="505"/>
      <c r="GD3" s="505"/>
      <c r="GE3" s="505"/>
      <c r="GF3" s="505"/>
      <c r="GG3" s="505"/>
      <c r="GH3" s="505"/>
      <c r="GI3" s="505"/>
      <c r="GJ3" s="505"/>
      <c r="GK3" s="505"/>
      <c r="GL3" s="505"/>
      <c r="GM3" s="505"/>
      <c r="GN3" s="505"/>
      <c r="GO3" s="505"/>
      <c r="GP3" s="505"/>
      <c r="GQ3" s="505"/>
      <c r="GR3" s="506"/>
      <c r="GS3" s="505" t="s">
        <v>104</v>
      </c>
      <c r="GT3" s="505"/>
      <c r="GU3" s="505"/>
      <c r="GV3" s="505"/>
      <c r="GW3" s="505"/>
      <c r="GX3" s="505"/>
      <c r="GY3" s="505"/>
      <c r="GZ3" s="505"/>
      <c r="HA3" s="505"/>
      <c r="HB3" s="505"/>
      <c r="HC3" s="505"/>
      <c r="HD3" s="505"/>
      <c r="HE3" s="505"/>
      <c r="HF3" s="505"/>
      <c r="HG3" s="505"/>
      <c r="HH3" s="505"/>
      <c r="HI3" s="505"/>
      <c r="HJ3" s="505"/>
      <c r="HK3" s="505"/>
      <c r="HL3" s="505"/>
      <c r="HM3" s="505"/>
      <c r="HN3" s="505"/>
      <c r="HO3" s="505"/>
      <c r="HP3" s="505"/>
      <c r="HQ3" s="505"/>
      <c r="HR3" s="505"/>
      <c r="HS3" s="505"/>
      <c r="HT3" s="505"/>
      <c r="HU3" s="505"/>
      <c r="HV3" s="505"/>
      <c r="HW3" s="505"/>
      <c r="HX3" s="505"/>
      <c r="HY3" s="505"/>
      <c r="HZ3" s="505"/>
      <c r="IA3" s="505"/>
      <c r="IB3" s="505"/>
      <c r="IC3" s="505"/>
      <c r="ID3" s="505"/>
      <c r="IE3" s="505"/>
      <c r="IF3" s="505"/>
      <c r="IG3" s="505"/>
      <c r="IH3" s="505"/>
      <c r="II3" s="505"/>
      <c r="IJ3" s="505"/>
      <c r="IK3" s="505"/>
      <c r="IL3" s="505"/>
      <c r="IM3" s="505"/>
      <c r="IN3" s="505"/>
      <c r="IO3" s="505"/>
      <c r="IP3" s="505"/>
      <c r="IQ3" s="505"/>
      <c r="IR3" s="505"/>
      <c r="IS3" s="505"/>
      <c r="IT3" s="505"/>
      <c r="IU3" s="505"/>
      <c r="IV3" s="505"/>
      <c r="IW3" s="505"/>
      <c r="IX3" s="505"/>
      <c r="IY3" s="505"/>
      <c r="IZ3" s="505"/>
      <c r="JA3" s="505"/>
      <c r="JB3" s="505"/>
      <c r="JC3" s="505"/>
      <c r="JD3" s="505"/>
      <c r="JE3" s="505"/>
      <c r="JF3" s="505"/>
      <c r="JG3" s="505"/>
      <c r="JH3" s="505"/>
      <c r="JI3" s="505"/>
      <c r="JJ3" s="505"/>
      <c r="JK3" s="505"/>
      <c r="JL3" s="505"/>
      <c r="JM3" s="505"/>
      <c r="JN3" s="505"/>
      <c r="JO3" s="505"/>
      <c r="JP3" s="505"/>
      <c r="JQ3" s="505"/>
      <c r="JR3" s="505"/>
      <c r="JS3" s="505"/>
      <c r="JT3" s="505"/>
      <c r="JU3" s="505"/>
      <c r="JV3" s="505"/>
      <c r="JW3" s="505"/>
      <c r="JX3" s="505"/>
      <c r="JY3" s="505"/>
      <c r="JZ3" s="505"/>
      <c r="KA3" s="505"/>
      <c r="KB3" s="505"/>
      <c r="KC3" s="505"/>
      <c r="KD3" s="505"/>
      <c r="KE3" s="505"/>
      <c r="KF3" s="505"/>
      <c r="KG3" s="505"/>
      <c r="KH3" s="505"/>
      <c r="KI3" s="505"/>
      <c r="KJ3" s="505"/>
      <c r="KK3" s="505"/>
      <c r="KL3" s="505"/>
      <c r="KM3" s="506"/>
    </row>
    <row r="4" spans="2:299" ht="27.75" customHeight="1" thickBot="1" x14ac:dyDescent="0.25">
      <c r="B4" s="522"/>
      <c r="C4" s="507" t="s">
        <v>39</v>
      </c>
      <c r="D4" s="508"/>
      <c r="E4" s="508"/>
      <c r="F4" s="508"/>
      <c r="G4" s="508"/>
      <c r="H4" s="508"/>
      <c r="I4" s="508"/>
      <c r="J4" s="508"/>
      <c r="K4" s="508"/>
      <c r="L4" s="508"/>
      <c r="M4" s="508"/>
      <c r="N4" s="508"/>
      <c r="O4" s="508"/>
      <c r="P4" s="508"/>
      <c r="Q4" s="508"/>
      <c r="R4" s="508"/>
      <c r="S4" s="508"/>
      <c r="T4" s="508"/>
      <c r="U4" s="508"/>
      <c r="V4" s="508"/>
      <c r="W4" s="508"/>
      <c r="X4" s="508"/>
      <c r="Y4" s="508"/>
      <c r="Z4" s="508"/>
      <c r="AA4" s="508"/>
      <c r="AB4" s="508"/>
      <c r="AC4" s="508"/>
      <c r="AD4" s="508"/>
      <c r="AE4" s="508"/>
      <c r="AF4" s="508"/>
      <c r="AG4" s="508"/>
      <c r="AH4" s="508"/>
      <c r="AI4" s="508"/>
      <c r="AJ4" s="508"/>
      <c r="AK4" s="508"/>
      <c r="AL4" s="508"/>
      <c r="AM4" s="508"/>
      <c r="AN4" s="508"/>
      <c r="AO4" s="508"/>
      <c r="AP4" s="508"/>
      <c r="AQ4" s="508"/>
      <c r="AR4" s="508"/>
      <c r="AS4" s="508"/>
      <c r="AT4" s="508"/>
      <c r="AU4" s="508"/>
      <c r="AV4" s="508"/>
      <c r="AW4" s="508"/>
      <c r="AX4" s="508"/>
      <c r="AY4" s="508"/>
      <c r="AZ4" s="508"/>
      <c r="BA4" s="508"/>
      <c r="BB4" s="508"/>
      <c r="BC4" s="508"/>
      <c r="BD4" s="508"/>
      <c r="BE4" s="508"/>
      <c r="BF4" s="508"/>
      <c r="BG4" s="508"/>
      <c r="BH4" s="508"/>
      <c r="BI4" s="508"/>
      <c r="BJ4" s="508"/>
      <c r="BK4" s="508"/>
      <c r="BL4" s="508"/>
      <c r="BM4" s="508"/>
      <c r="BN4" s="508"/>
      <c r="BO4" s="508"/>
      <c r="BP4" s="508"/>
      <c r="BQ4" s="508"/>
      <c r="BR4" s="508"/>
      <c r="BS4" s="508"/>
      <c r="BT4" s="508"/>
      <c r="BU4" s="508"/>
      <c r="BV4" s="508"/>
      <c r="BW4" s="508"/>
      <c r="BX4" s="508"/>
      <c r="BY4" s="508"/>
      <c r="BZ4" s="508"/>
      <c r="CA4" s="509"/>
      <c r="CB4" s="510" t="s">
        <v>40</v>
      </c>
      <c r="CC4" s="511"/>
      <c r="CD4" s="511"/>
      <c r="CE4" s="511"/>
      <c r="CF4" s="511"/>
      <c r="CG4" s="511"/>
      <c r="CH4" s="511"/>
      <c r="CI4" s="511"/>
      <c r="CJ4" s="511"/>
      <c r="CK4" s="511"/>
      <c r="CL4" s="512"/>
      <c r="CM4" s="510" t="s">
        <v>41</v>
      </c>
      <c r="CN4" s="511"/>
      <c r="CO4" s="511"/>
      <c r="CP4" s="511"/>
      <c r="CQ4" s="511"/>
      <c r="CR4" s="511"/>
      <c r="CS4" s="511"/>
      <c r="CT4" s="511"/>
      <c r="CU4" s="511"/>
      <c r="CV4" s="511"/>
      <c r="CW4" s="512"/>
      <c r="CX4" s="507" t="s">
        <v>39</v>
      </c>
      <c r="CY4" s="508"/>
      <c r="CZ4" s="508"/>
      <c r="DA4" s="508"/>
      <c r="DB4" s="508"/>
      <c r="DC4" s="508"/>
      <c r="DD4" s="508"/>
      <c r="DE4" s="508"/>
      <c r="DF4" s="508"/>
      <c r="DG4" s="508"/>
      <c r="DH4" s="508"/>
      <c r="DI4" s="508"/>
      <c r="DJ4" s="508"/>
      <c r="DK4" s="508"/>
      <c r="DL4" s="508"/>
      <c r="DM4" s="508"/>
      <c r="DN4" s="508"/>
      <c r="DO4" s="508"/>
      <c r="DP4" s="508"/>
      <c r="DQ4" s="508"/>
      <c r="DR4" s="508"/>
      <c r="DS4" s="508"/>
      <c r="DT4" s="508"/>
      <c r="DU4" s="508"/>
      <c r="DV4" s="508"/>
      <c r="DW4" s="508"/>
      <c r="DX4" s="508"/>
      <c r="DY4" s="508"/>
      <c r="DZ4" s="508"/>
      <c r="EA4" s="508"/>
      <c r="EB4" s="508"/>
      <c r="EC4" s="508"/>
      <c r="ED4" s="508"/>
      <c r="EE4" s="508"/>
      <c r="EF4" s="508"/>
      <c r="EG4" s="508"/>
      <c r="EH4" s="508"/>
      <c r="EI4" s="508"/>
      <c r="EJ4" s="508"/>
      <c r="EK4" s="508"/>
      <c r="EL4" s="508"/>
      <c r="EM4" s="508"/>
      <c r="EN4" s="508"/>
      <c r="EO4" s="508"/>
      <c r="EP4" s="508"/>
      <c r="EQ4" s="508"/>
      <c r="ER4" s="508"/>
      <c r="ES4" s="508"/>
      <c r="ET4" s="508"/>
      <c r="EU4" s="508"/>
      <c r="EV4" s="508"/>
      <c r="EW4" s="508"/>
      <c r="EX4" s="508"/>
      <c r="EY4" s="508"/>
      <c r="EZ4" s="508"/>
      <c r="FA4" s="508"/>
      <c r="FB4" s="508"/>
      <c r="FC4" s="508"/>
      <c r="FD4" s="508"/>
      <c r="FE4" s="508"/>
      <c r="FF4" s="508"/>
      <c r="FG4" s="508"/>
      <c r="FH4" s="508"/>
      <c r="FI4" s="508"/>
      <c r="FJ4" s="508"/>
      <c r="FK4" s="508"/>
      <c r="FL4" s="508"/>
      <c r="FM4" s="508"/>
      <c r="FN4" s="508"/>
      <c r="FO4" s="508"/>
      <c r="FP4" s="508"/>
      <c r="FQ4" s="508"/>
      <c r="FR4" s="508"/>
      <c r="FS4" s="508"/>
      <c r="FT4" s="508"/>
      <c r="FU4" s="508"/>
      <c r="FV4" s="509"/>
      <c r="FW4" s="510" t="s">
        <v>40</v>
      </c>
      <c r="FX4" s="511"/>
      <c r="FY4" s="511"/>
      <c r="FZ4" s="511"/>
      <c r="GA4" s="511"/>
      <c r="GB4" s="511"/>
      <c r="GC4" s="511"/>
      <c r="GD4" s="511"/>
      <c r="GE4" s="511"/>
      <c r="GF4" s="511"/>
      <c r="GG4" s="512"/>
      <c r="GH4" s="510" t="s">
        <v>41</v>
      </c>
      <c r="GI4" s="511"/>
      <c r="GJ4" s="511"/>
      <c r="GK4" s="511"/>
      <c r="GL4" s="511"/>
      <c r="GM4" s="511"/>
      <c r="GN4" s="511"/>
      <c r="GO4" s="511"/>
      <c r="GP4" s="511"/>
      <c r="GQ4" s="511"/>
      <c r="GR4" s="512"/>
      <c r="GS4" s="507" t="s">
        <v>39</v>
      </c>
      <c r="GT4" s="508"/>
      <c r="GU4" s="508"/>
      <c r="GV4" s="508"/>
      <c r="GW4" s="508"/>
      <c r="GX4" s="508"/>
      <c r="GY4" s="508"/>
      <c r="GZ4" s="508"/>
      <c r="HA4" s="508"/>
      <c r="HB4" s="508"/>
      <c r="HC4" s="508"/>
      <c r="HD4" s="508"/>
      <c r="HE4" s="508"/>
      <c r="HF4" s="508"/>
      <c r="HG4" s="508"/>
      <c r="HH4" s="508"/>
      <c r="HI4" s="508"/>
      <c r="HJ4" s="508"/>
      <c r="HK4" s="508"/>
      <c r="HL4" s="508"/>
      <c r="HM4" s="508"/>
      <c r="HN4" s="508"/>
      <c r="HO4" s="508"/>
      <c r="HP4" s="508"/>
      <c r="HQ4" s="508"/>
      <c r="HR4" s="508"/>
      <c r="HS4" s="508"/>
      <c r="HT4" s="508"/>
      <c r="HU4" s="508"/>
      <c r="HV4" s="508"/>
      <c r="HW4" s="508"/>
      <c r="HX4" s="508"/>
      <c r="HY4" s="508"/>
      <c r="HZ4" s="508"/>
      <c r="IA4" s="508"/>
      <c r="IB4" s="508"/>
      <c r="IC4" s="508"/>
      <c r="ID4" s="508"/>
      <c r="IE4" s="508"/>
      <c r="IF4" s="508"/>
      <c r="IG4" s="508"/>
      <c r="IH4" s="508"/>
      <c r="II4" s="508"/>
      <c r="IJ4" s="508"/>
      <c r="IK4" s="508"/>
      <c r="IL4" s="508"/>
      <c r="IM4" s="508"/>
      <c r="IN4" s="508"/>
      <c r="IO4" s="508"/>
      <c r="IP4" s="508"/>
      <c r="IQ4" s="508"/>
      <c r="IR4" s="508"/>
      <c r="IS4" s="508"/>
      <c r="IT4" s="508"/>
      <c r="IU4" s="508"/>
      <c r="IV4" s="508"/>
      <c r="IW4" s="508"/>
      <c r="IX4" s="508"/>
      <c r="IY4" s="508"/>
      <c r="IZ4" s="508"/>
      <c r="JA4" s="508"/>
      <c r="JB4" s="508"/>
      <c r="JC4" s="508"/>
      <c r="JD4" s="508"/>
      <c r="JE4" s="508"/>
      <c r="JF4" s="508"/>
      <c r="JG4" s="508"/>
      <c r="JH4" s="508"/>
      <c r="JI4" s="508"/>
      <c r="JJ4" s="508"/>
      <c r="JK4" s="508"/>
      <c r="JL4" s="508"/>
      <c r="JM4" s="508"/>
      <c r="JN4" s="508"/>
      <c r="JO4" s="508"/>
      <c r="JP4" s="508"/>
      <c r="JQ4" s="509"/>
      <c r="JR4" s="510" t="s">
        <v>40</v>
      </c>
      <c r="JS4" s="511"/>
      <c r="JT4" s="511"/>
      <c r="JU4" s="511"/>
      <c r="JV4" s="511"/>
      <c r="JW4" s="511"/>
      <c r="JX4" s="511"/>
      <c r="JY4" s="511"/>
      <c r="JZ4" s="511"/>
      <c r="KA4" s="511"/>
      <c r="KB4" s="512"/>
      <c r="KC4" s="510" t="s">
        <v>41</v>
      </c>
      <c r="KD4" s="511"/>
      <c r="KE4" s="511"/>
      <c r="KF4" s="511"/>
      <c r="KG4" s="511"/>
      <c r="KH4" s="511"/>
      <c r="KI4" s="511"/>
      <c r="KJ4" s="511"/>
      <c r="KK4" s="511"/>
      <c r="KL4" s="511"/>
      <c r="KM4" s="512"/>
    </row>
    <row r="5" spans="2:299" ht="27.75" customHeight="1" thickBot="1" x14ac:dyDescent="0.25">
      <c r="B5" s="516"/>
      <c r="C5" s="516"/>
      <c r="D5" s="517"/>
      <c r="E5" s="517"/>
      <c r="F5" s="517"/>
      <c r="G5" s="517"/>
      <c r="H5" s="517"/>
      <c r="I5" s="517"/>
      <c r="J5" s="517"/>
      <c r="K5" s="517"/>
      <c r="L5" s="517"/>
      <c r="M5" s="518"/>
      <c r="N5" s="519" t="s">
        <v>97</v>
      </c>
      <c r="O5" s="520"/>
      <c r="P5" s="520"/>
      <c r="Q5" s="520"/>
      <c r="R5" s="520"/>
      <c r="S5" s="520"/>
      <c r="T5" s="520"/>
      <c r="U5" s="520"/>
      <c r="V5" s="520"/>
      <c r="W5" s="520"/>
      <c r="X5" s="521"/>
      <c r="Y5" s="519" t="s">
        <v>98</v>
      </c>
      <c r="Z5" s="520"/>
      <c r="AA5" s="520"/>
      <c r="AB5" s="520"/>
      <c r="AC5" s="520"/>
      <c r="AD5" s="520"/>
      <c r="AE5" s="520"/>
      <c r="AF5" s="520"/>
      <c r="AG5" s="520"/>
      <c r="AH5" s="520"/>
      <c r="AI5" s="521"/>
      <c r="AJ5" s="519" t="s">
        <v>99</v>
      </c>
      <c r="AK5" s="520"/>
      <c r="AL5" s="520"/>
      <c r="AM5" s="520"/>
      <c r="AN5" s="520"/>
      <c r="AO5" s="520"/>
      <c r="AP5" s="520"/>
      <c r="AQ5" s="520"/>
      <c r="AR5" s="520"/>
      <c r="AS5" s="520"/>
      <c r="AT5" s="521"/>
      <c r="AU5" s="519" t="s">
        <v>100</v>
      </c>
      <c r="AV5" s="520"/>
      <c r="AW5" s="520"/>
      <c r="AX5" s="520"/>
      <c r="AY5" s="520"/>
      <c r="AZ5" s="520"/>
      <c r="BA5" s="520"/>
      <c r="BB5" s="520"/>
      <c r="BC5" s="520"/>
      <c r="BD5" s="520"/>
      <c r="BE5" s="521"/>
      <c r="BF5" s="519" t="s">
        <v>101</v>
      </c>
      <c r="BG5" s="520"/>
      <c r="BH5" s="520"/>
      <c r="BI5" s="520"/>
      <c r="BJ5" s="520"/>
      <c r="BK5" s="520"/>
      <c r="BL5" s="520"/>
      <c r="BM5" s="520"/>
      <c r="BN5" s="520"/>
      <c r="BO5" s="520"/>
      <c r="BP5" s="521"/>
      <c r="BQ5" s="519" t="s">
        <v>102</v>
      </c>
      <c r="BR5" s="520"/>
      <c r="BS5" s="520"/>
      <c r="BT5" s="520"/>
      <c r="BU5" s="520"/>
      <c r="BV5" s="520"/>
      <c r="BW5" s="520"/>
      <c r="BX5" s="520"/>
      <c r="BY5" s="520"/>
      <c r="BZ5" s="520"/>
      <c r="CA5" s="521"/>
      <c r="CB5" s="513"/>
      <c r="CC5" s="514"/>
      <c r="CD5" s="514"/>
      <c r="CE5" s="514"/>
      <c r="CF5" s="514"/>
      <c r="CG5" s="514"/>
      <c r="CH5" s="514"/>
      <c r="CI5" s="514"/>
      <c r="CJ5" s="514"/>
      <c r="CK5" s="514"/>
      <c r="CL5" s="515"/>
      <c r="CM5" s="513"/>
      <c r="CN5" s="514"/>
      <c r="CO5" s="514"/>
      <c r="CP5" s="514"/>
      <c r="CQ5" s="514"/>
      <c r="CR5" s="514"/>
      <c r="CS5" s="514"/>
      <c r="CT5" s="514"/>
      <c r="CU5" s="514"/>
      <c r="CV5" s="514"/>
      <c r="CW5" s="515"/>
      <c r="CX5" s="516"/>
      <c r="CY5" s="517"/>
      <c r="CZ5" s="517"/>
      <c r="DA5" s="517"/>
      <c r="DB5" s="517"/>
      <c r="DC5" s="517"/>
      <c r="DD5" s="517"/>
      <c r="DE5" s="517"/>
      <c r="DF5" s="517"/>
      <c r="DG5" s="517"/>
      <c r="DH5" s="518"/>
      <c r="DI5" s="519" t="s">
        <v>97</v>
      </c>
      <c r="DJ5" s="520"/>
      <c r="DK5" s="520"/>
      <c r="DL5" s="520"/>
      <c r="DM5" s="520"/>
      <c r="DN5" s="520"/>
      <c r="DO5" s="520"/>
      <c r="DP5" s="520"/>
      <c r="DQ5" s="520"/>
      <c r="DR5" s="520"/>
      <c r="DS5" s="521"/>
      <c r="DT5" s="519" t="s">
        <v>98</v>
      </c>
      <c r="DU5" s="520"/>
      <c r="DV5" s="520"/>
      <c r="DW5" s="520"/>
      <c r="DX5" s="520"/>
      <c r="DY5" s="520"/>
      <c r="DZ5" s="520"/>
      <c r="EA5" s="520"/>
      <c r="EB5" s="520"/>
      <c r="EC5" s="520"/>
      <c r="ED5" s="521"/>
      <c r="EE5" s="519" t="s">
        <v>99</v>
      </c>
      <c r="EF5" s="520"/>
      <c r="EG5" s="520"/>
      <c r="EH5" s="520"/>
      <c r="EI5" s="520"/>
      <c r="EJ5" s="520"/>
      <c r="EK5" s="520"/>
      <c r="EL5" s="520"/>
      <c r="EM5" s="520"/>
      <c r="EN5" s="520"/>
      <c r="EO5" s="521"/>
      <c r="EP5" s="519" t="s">
        <v>100</v>
      </c>
      <c r="EQ5" s="520"/>
      <c r="ER5" s="520"/>
      <c r="ES5" s="520"/>
      <c r="ET5" s="520"/>
      <c r="EU5" s="520"/>
      <c r="EV5" s="520"/>
      <c r="EW5" s="520"/>
      <c r="EX5" s="520"/>
      <c r="EY5" s="520"/>
      <c r="EZ5" s="521"/>
      <c r="FA5" s="519" t="s">
        <v>101</v>
      </c>
      <c r="FB5" s="520"/>
      <c r="FC5" s="520"/>
      <c r="FD5" s="520"/>
      <c r="FE5" s="520"/>
      <c r="FF5" s="520"/>
      <c r="FG5" s="520"/>
      <c r="FH5" s="520"/>
      <c r="FI5" s="520"/>
      <c r="FJ5" s="520"/>
      <c r="FK5" s="521"/>
      <c r="FL5" s="519" t="s">
        <v>102</v>
      </c>
      <c r="FM5" s="520"/>
      <c r="FN5" s="520"/>
      <c r="FO5" s="520"/>
      <c r="FP5" s="520"/>
      <c r="FQ5" s="520"/>
      <c r="FR5" s="520"/>
      <c r="FS5" s="520"/>
      <c r="FT5" s="520"/>
      <c r="FU5" s="520"/>
      <c r="FV5" s="521"/>
      <c r="FW5" s="513"/>
      <c r="FX5" s="514"/>
      <c r="FY5" s="514"/>
      <c r="FZ5" s="514"/>
      <c r="GA5" s="514"/>
      <c r="GB5" s="514"/>
      <c r="GC5" s="514"/>
      <c r="GD5" s="514"/>
      <c r="GE5" s="514"/>
      <c r="GF5" s="514"/>
      <c r="GG5" s="515"/>
      <c r="GH5" s="513"/>
      <c r="GI5" s="514"/>
      <c r="GJ5" s="514"/>
      <c r="GK5" s="514"/>
      <c r="GL5" s="514"/>
      <c r="GM5" s="514"/>
      <c r="GN5" s="514"/>
      <c r="GO5" s="514"/>
      <c r="GP5" s="514"/>
      <c r="GQ5" s="514"/>
      <c r="GR5" s="515"/>
      <c r="GS5" s="516"/>
      <c r="GT5" s="517"/>
      <c r="GU5" s="517"/>
      <c r="GV5" s="517"/>
      <c r="GW5" s="517"/>
      <c r="GX5" s="517"/>
      <c r="GY5" s="517"/>
      <c r="GZ5" s="517"/>
      <c r="HA5" s="517"/>
      <c r="HB5" s="517"/>
      <c r="HC5" s="518"/>
      <c r="HD5" s="519" t="s">
        <v>97</v>
      </c>
      <c r="HE5" s="520"/>
      <c r="HF5" s="520"/>
      <c r="HG5" s="520"/>
      <c r="HH5" s="520"/>
      <c r="HI5" s="520"/>
      <c r="HJ5" s="520"/>
      <c r="HK5" s="520"/>
      <c r="HL5" s="520"/>
      <c r="HM5" s="520"/>
      <c r="HN5" s="521"/>
      <c r="HO5" s="519" t="s">
        <v>98</v>
      </c>
      <c r="HP5" s="520"/>
      <c r="HQ5" s="520"/>
      <c r="HR5" s="520"/>
      <c r="HS5" s="520"/>
      <c r="HT5" s="520"/>
      <c r="HU5" s="520"/>
      <c r="HV5" s="520"/>
      <c r="HW5" s="520"/>
      <c r="HX5" s="520"/>
      <c r="HY5" s="521"/>
      <c r="HZ5" s="519" t="s">
        <v>99</v>
      </c>
      <c r="IA5" s="520"/>
      <c r="IB5" s="520"/>
      <c r="IC5" s="520"/>
      <c r="ID5" s="520"/>
      <c r="IE5" s="520"/>
      <c r="IF5" s="520"/>
      <c r="IG5" s="520"/>
      <c r="IH5" s="520"/>
      <c r="II5" s="520"/>
      <c r="IJ5" s="521"/>
      <c r="IK5" s="519" t="s">
        <v>100</v>
      </c>
      <c r="IL5" s="520"/>
      <c r="IM5" s="520"/>
      <c r="IN5" s="520"/>
      <c r="IO5" s="520"/>
      <c r="IP5" s="520"/>
      <c r="IQ5" s="520"/>
      <c r="IR5" s="520"/>
      <c r="IS5" s="520"/>
      <c r="IT5" s="520"/>
      <c r="IU5" s="521"/>
      <c r="IV5" s="519" t="s">
        <v>101</v>
      </c>
      <c r="IW5" s="520"/>
      <c r="IX5" s="520"/>
      <c r="IY5" s="520"/>
      <c r="IZ5" s="520"/>
      <c r="JA5" s="520"/>
      <c r="JB5" s="520"/>
      <c r="JC5" s="520"/>
      <c r="JD5" s="520"/>
      <c r="JE5" s="520"/>
      <c r="JF5" s="521"/>
      <c r="JG5" s="519" t="s">
        <v>102</v>
      </c>
      <c r="JH5" s="520"/>
      <c r="JI5" s="520"/>
      <c r="JJ5" s="520"/>
      <c r="JK5" s="520"/>
      <c r="JL5" s="520"/>
      <c r="JM5" s="520"/>
      <c r="JN5" s="520"/>
      <c r="JO5" s="520"/>
      <c r="JP5" s="520"/>
      <c r="JQ5" s="521"/>
      <c r="JR5" s="513"/>
      <c r="JS5" s="514"/>
      <c r="JT5" s="514"/>
      <c r="JU5" s="514"/>
      <c r="JV5" s="514"/>
      <c r="JW5" s="514"/>
      <c r="JX5" s="514"/>
      <c r="JY5" s="514"/>
      <c r="JZ5" s="514"/>
      <c r="KA5" s="514"/>
      <c r="KB5" s="515"/>
      <c r="KC5" s="513"/>
      <c r="KD5" s="514"/>
      <c r="KE5" s="514"/>
      <c r="KF5" s="514"/>
      <c r="KG5" s="514"/>
      <c r="KH5" s="514"/>
      <c r="KI5" s="514"/>
      <c r="KJ5" s="514"/>
      <c r="KK5" s="514"/>
      <c r="KL5" s="514"/>
      <c r="KM5" s="515"/>
    </row>
    <row r="6" spans="2:299" ht="44.25" customHeight="1" thickBot="1" x14ac:dyDescent="0.25">
      <c r="B6" s="354" t="s">
        <v>42</v>
      </c>
      <c r="C6" s="51" t="s">
        <v>43</v>
      </c>
      <c r="D6" s="47" t="s">
        <v>44</v>
      </c>
      <c r="E6" s="48" t="s">
        <v>45</v>
      </c>
      <c r="F6" s="52" t="s">
        <v>46</v>
      </c>
      <c r="G6" s="47" t="s">
        <v>47</v>
      </c>
      <c r="H6" s="47" t="s">
        <v>48</v>
      </c>
      <c r="I6" s="47" t="s">
        <v>49</v>
      </c>
      <c r="J6" s="47" t="s">
        <v>50</v>
      </c>
      <c r="K6" s="47" t="s">
        <v>51</v>
      </c>
      <c r="L6" s="48" t="s">
        <v>45</v>
      </c>
      <c r="M6" s="352" t="s">
        <v>52</v>
      </c>
      <c r="N6" s="357" t="s">
        <v>43</v>
      </c>
      <c r="O6" s="358" t="s">
        <v>44</v>
      </c>
      <c r="P6" s="359" t="s">
        <v>45</v>
      </c>
      <c r="Q6" s="360" t="s">
        <v>46</v>
      </c>
      <c r="R6" s="358" t="s">
        <v>47</v>
      </c>
      <c r="S6" s="358" t="s">
        <v>48</v>
      </c>
      <c r="T6" s="358" t="s">
        <v>49</v>
      </c>
      <c r="U6" s="358" t="s">
        <v>50</v>
      </c>
      <c r="V6" s="358" t="s">
        <v>51</v>
      </c>
      <c r="W6" s="359" t="s">
        <v>45</v>
      </c>
      <c r="X6" s="356" t="s">
        <v>52</v>
      </c>
      <c r="Y6" s="357" t="s">
        <v>43</v>
      </c>
      <c r="Z6" s="358" t="s">
        <v>44</v>
      </c>
      <c r="AA6" s="359" t="s">
        <v>45</v>
      </c>
      <c r="AB6" s="360" t="s">
        <v>46</v>
      </c>
      <c r="AC6" s="358" t="s">
        <v>47</v>
      </c>
      <c r="AD6" s="358" t="s">
        <v>48</v>
      </c>
      <c r="AE6" s="358" t="s">
        <v>49</v>
      </c>
      <c r="AF6" s="358" t="s">
        <v>50</v>
      </c>
      <c r="AG6" s="358" t="s">
        <v>51</v>
      </c>
      <c r="AH6" s="359" t="s">
        <v>45</v>
      </c>
      <c r="AI6" s="361" t="s">
        <v>52</v>
      </c>
      <c r="AJ6" s="357" t="s">
        <v>43</v>
      </c>
      <c r="AK6" s="358" t="s">
        <v>44</v>
      </c>
      <c r="AL6" s="359" t="s">
        <v>45</v>
      </c>
      <c r="AM6" s="360" t="s">
        <v>46</v>
      </c>
      <c r="AN6" s="358" t="s">
        <v>47</v>
      </c>
      <c r="AO6" s="358" t="s">
        <v>48</v>
      </c>
      <c r="AP6" s="358" t="s">
        <v>49</v>
      </c>
      <c r="AQ6" s="358" t="s">
        <v>50</v>
      </c>
      <c r="AR6" s="358" t="s">
        <v>51</v>
      </c>
      <c r="AS6" s="359" t="s">
        <v>45</v>
      </c>
      <c r="AT6" s="361" t="s">
        <v>52</v>
      </c>
      <c r="AU6" s="357" t="s">
        <v>43</v>
      </c>
      <c r="AV6" s="358" t="s">
        <v>44</v>
      </c>
      <c r="AW6" s="359" t="s">
        <v>45</v>
      </c>
      <c r="AX6" s="360" t="s">
        <v>46</v>
      </c>
      <c r="AY6" s="358" t="s">
        <v>47</v>
      </c>
      <c r="AZ6" s="358" t="s">
        <v>48</v>
      </c>
      <c r="BA6" s="358" t="s">
        <v>49</v>
      </c>
      <c r="BB6" s="358" t="s">
        <v>50</v>
      </c>
      <c r="BC6" s="358" t="s">
        <v>51</v>
      </c>
      <c r="BD6" s="359" t="s">
        <v>45</v>
      </c>
      <c r="BE6" s="361" t="s">
        <v>52</v>
      </c>
      <c r="BF6" s="357" t="s">
        <v>43</v>
      </c>
      <c r="BG6" s="358" t="s">
        <v>44</v>
      </c>
      <c r="BH6" s="359" t="s">
        <v>45</v>
      </c>
      <c r="BI6" s="360" t="s">
        <v>46</v>
      </c>
      <c r="BJ6" s="358" t="s">
        <v>47</v>
      </c>
      <c r="BK6" s="358" t="s">
        <v>48</v>
      </c>
      <c r="BL6" s="358" t="s">
        <v>49</v>
      </c>
      <c r="BM6" s="358" t="s">
        <v>50</v>
      </c>
      <c r="BN6" s="358" t="s">
        <v>51</v>
      </c>
      <c r="BO6" s="359" t="s">
        <v>45</v>
      </c>
      <c r="BP6" s="361" t="s">
        <v>52</v>
      </c>
      <c r="BQ6" s="357" t="s">
        <v>43</v>
      </c>
      <c r="BR6" s="358" t="s">
        <v>44</v>
      </c>
      <c r="BS6" s="359" t="s">
        <v>45</v>
      </c>
      <c r="BT6" s="360" t="s">
        <v>46</v>
      </c>
      <c r="BU6" s="358" t="s">
        <v>47</v>
      </c>
      <c r="BV6" s="358" t="s">
        <v>48</v>
      </c>
      <c r="BW6" s="358" t="s">
        <v>49</v>
      </c>
      <c r="BX6" s="358" t="s">
        <v>50</v>
      </c>
      <c r="BY6" s="358" t="s">
        <v>51</v>
      </c>
      <c r="BZ6" s="359" t="s">
        <v>45</v>
      </c>
      <c r="CA6" s="361" t="s">
        <v>52</v>
      </c>
      <c r="CB6" s="357" t="s">
        <v>43</v>
      </c>
      <c r="CC6" s="358" t="s">
        <v>44</v>
      </c>
      <c r="CD6" s="359" t="s">
        <v>45</v>
      </c>
      <c r="CE6" s="360" t="s">
        <v>46</v>
      </c>
      <c r="CF6" s="358" t="s">
        <v>47</v>
      </c>
      <c r="CG6" s="358" t="s">
        <v>48</v>
      </c>
      <c r="CH6" s="358" t="s">
        <v>49</v>
      </c>
      <c r="CI6" s="358" t="s">
        <v>50</v>
      </c>
      <c r="CJ6" s="358" t="s">
        <v>51</v>
      </c>
      <c r="CK6" s="359" t="s">
        <v>45</v>
      </c>
      <c r="CL6" s="361" t="s">
        <v>52</v>
      </c>
      <c r="CM6" s="357" t="s">
        <v>43</v>
      </c>
      <c r="CN6" s="358" t="s">
        <v>44</v>
      </c>
      <c r="CO6" s="359" t="s">
        <v>45</v>
      </c>
      <c r="CP6" s="360" t="s">
        <v>46</v>
      </c>
      <c r="CQ6" s="358" t="s">
        <v>47</v>
      </c>
      <c r="CR6" s="358" t="s">
        <v>48</v>
      </c>
      <c r="CS6" s="358" t="s">
        <v>49</v>
      </c>
      <c r="CT6" s="358" t="s">
        <v>50</v>
      </c>
      <c r="CU6" s="358" t="s">
        <v>51</v>
      </c>
      <c r="CV6" s="359" t="s">
        <v>45</v>
      </c>
      <c r="CW6" s="361" t="s">
        <v>52</v>
      </c>
      <c r="CX6" s="51" t="s">
        <v>43</v>
      </c>
      <c r="CY6" s="47" t="s">
        <v>44</v>
      </c>
      <c r="CZ6" s="48" t="s">
        <v>45</v>
      </c>
      <c r="DA6" s="52" t="s">
        <v>46</v>
      </c>
      <c r="DB6" s="47" t="s">
        <v>47</v>
      </c>
      <c r="DC6" s="47" t="s">
        <v>48</v>
      </c>
      <c r="DD6" s="47" t="s">
        <v>49</v>
      </c>
      <c r="DE6" s="47" t="s">
        <v>50</v>
      </c>
      <c r="DF6" s="47" t="s">
        <v>51</v>
      </c>
      <c r="DG6" s="48" t="s">
        <v>45</v>
      </c>
      <c r="DH6" s="352" t="s">
        <v>52</v>
      </c>
      <c r="DI6" s="357" t="s">
        <v>43</v>
      </c>
      <c r="DJ6" s="358" t="s">
        <v>44</v>
      </c>
      <c r="DK6" s="359" t="s">
        <v>45</v>
      </c>
      <c r="DL6" s="360" t="s">
        <v>46</v>
      </c>
      <c r="DM6" s="358" t="s">
        <v>47</v>
      </c>
      <c r="DN6" s="358" t="s">
        <v>48</v>
      </c>
      <c r="DO6" s="358" t="s">
        <v>49</v>
      </c>
      <c r="DP6" s="358" t="s">
        <v>50</v>
      </c>
      <c r="DQ6" s="358" t="s">
        <v>51</v>
      </c>
      <c r="DR6" s="359" t="s">
        <v>45</v>
      </c>
      <c r="DS6" s="361" t="s">
        <v>52</v>
      </c>
      <c r="DT6" s="357" t="s">
        <v>43</v>
      </c>
      <c r="DU6" s="358" t="s">
        <v>44</v>
      </c>
      <c r="DV6" s="359" t="s">
        <v>45</v>
      </c>
      <c r="DW6" s="360" t="s">
        <v>46</v>
      </c>
      <c r="DX6" s="358" t="s">
        <v>47</v>
      </c>
      <c r="DY6" s="358" t="s">
        <v>48</v>
      </c>
      <c r="DZ6" s="358" t="s">
        <v>49</v>
      </c>
      <c r="EA6" s="358" t="s">
        <v>50</v>
      </c>
      <c r="EB6" s="358" t="s">
        <v>51</v>
      </c>
      <c r="EC6" s="359" t="s">
        <v>45</v>
      </c>
      <c r="ED6" s="361" t="s">
        <v>52</v>
      </c>
      <c r="EE6" s="357" t="s">
        <v>43</v>
      </c>
      <c r="EF6" s="358" t="s">
        <v>44</v>
      </c>
      <c r="EG6" s="359" t="s">
        <v>45</v>
      </c>
      <c r="EH6" s="360" t="s">
        <v>46</v>
      </c>
      <c r="EI6" s="358" t="s">
        <v>47</v>
      </c>
      <c r="EJ6" s="358" t="s">
        <v>48</v>
      </c>
      <c r="EK6" s="358" t="s">
        <v>49</v>
      </c>
      <c r="EL6" s="358" t="s">
        <v>50</v>
      </c>
      <c r="EM6" s="358" t="s">
        <v>51</v>
      </c>
      <c r="EN6" s="359" t="s">
        <v>45</v>
      </c>
      <c r="EO6" s="361" t="s">
        <v>52</v>
      </c>
      <c r="EP6" s="357" t="s">
        <v>43</v>
      </c>
      <c r="EQ6" s="358" t="s">
        <v>44</v>
      </c>
      <c r="ER6" s="359" t="s">
        <v>45</v>
      </c>
      <c r="ES6" s="360" t="s">
        <v>46</v>
      </c>
      <c r="ET6" s="358" t="s">
        <v>47</v>
      </c>
      <c r="EU6" s="358" t="s">
        <v>48</v>
      </c>
      <c r="EV6" s="358" t="s">
        <v>49</v>
      </c>
      <c r="EW6" s="358" t="s">
        <v>50</v>
      </c>
      <c r="EX6" s="358" t="s">
        <v>51</v>
      </c>
      <c r="EY6" s="359" t="s">
        <v>45</v>
      </c>
      <c r="EZ6" s="361" t="s">
        <v>52</v>
      </c>
      <c r="FA6" s="357" t="s">
        <v>43</v>
      </c>
      <c r="FB6" s="358" t="s">
        <v>44</v>
      </c>
      <c r="FC6" s="359" t="s">
        <v>45</v>
      </c>
      <c r="FD6" s="360" t="s">
        <v>46</v>
      </c>
      <c r="FE6" s="358" t="s">
        <v>47</v>
      </c>
      <c r="FF6" s="358" t="s">
        <v>48</v>
      </c>
      <c r="FG6" s="358" t="s">
        <v>49</v>
      </c>
      <c r="FH6" s="358" t="s">
        <v>50</v>
      </c>
      <c r="FI6" s="358" t="s">
        <v>51</v>
      </c>
      <c r="FJ6" s="359" t="s">
        <v>45</v>
      </c>
      <c r="FK6" s="361" t="s">
        <v>52</v>
      </c>
      <c r="FL6" s="357" t="s">
        <v>43</v>
      </c>
      <c r="FM6" s="358" t="s">
        <v>44</v>
      </c>
      <c r="FN6" s="359" t="s">
        <v>45</v>
      </c>
      <c r="FO6" s="360" t="s">
        <v>46</v>
      </c>
      <c r="FP6" s="358" t="s">
        <v>47</v>
      </c>
      <c r="FQ6" s="358" t="s">
        <v>48</v>
      </c>
      <c r="FR6" s="358" t="s">
        <v>49</v>
      </c>
      <c r="FS6" s="358" t="s">
        <v>50</v>
      </c>
      <c r="FT6" s="358" t="s">
        <v>51</v>
      </c>
      <c r="FU6" s="359" t="s">
        <v>45</v>
      </c>
      <c r="FV6" s="361" t="s">
        <v>52</v>
      </c>
      <c r="FW6" s="357" t="s">
        <v>43</v>
      </c>
      <c r="FX6" s="358" t="s">
        <v>44</v>
      </c>
      <c r="FY6" s="359" t="s">
        <v>45</v>
      </c>
      <c r="FZ6" s="360" t="s">
        <v>46</v>
      </c>
      <c r="GA6" s="358" t="s">
        <v>47</v>
      </c>
      <c r="GB6" s="358" t="s">
        <v>48</v>
      </c>
      <c r="GC6" s="358" t="s">
        <v>49</v>
      </c>
      <c r="GD6" s="358" t="s">
        <v>50</v>
      </c>
      <c r="GE6" s="358" t="s">
        <v>51</v>
      </c>
      <c r="GF6" s="359" t="s">
        <v>45</v>
      </c>
      <c r="GG6" s="361" t="s">
        <v>52</v>
      </c>
      <c r="GH6" s="357" t="s">
        <v>43</v>
      </c>
      <c r="GI6" s="358" t="s">
        <v>44</v>
      </c>
      <c r="GJ6" s="359" t="s">
        <v>45</v>
      </c>
      <c r="GK6" s="360" t="s">
        <v>46</v>
      </c>
      <c r="GL6" s="358" t="s">
        <v>47</v>
      </c>
      <c r="GM6" s="358" t="s">
        <v>48</v>
      </c>
      <c r="GN6" s="358" t="s">
        <v>49</v>
      </c>
      <c r="GO6" s="358" t="s">
        <v>50</v>
      </c>
      <c r="GP6" s="358" t="s">
        <v>51</v>
      </c>
      <c r="GQ6" s="359" t="s">
        <v>45</v>
      </c>
      <c r="GR6" s="361" t="s">
        <v>52</v>
      </c>
      <c r="GS6" s="51" t="s">
        <v>43</v>
      </c>
      <c r="GT6" s="47" t="s">
        <v>44</v>
      </c>
      <c r="GU6" s="48" t="s">
        <v>45</v>
      </c>
      <c r="GV6" s="52" t="s">
        <v>46</v>
      </c>
      <c r="GW6" s="47" t="s">
        <v>47</v>
      </c>
      <c r="GX6" s="47" t="s">
        <v>48</v>
      </c>
      <c r="GY6" s="47" t="s">
        <v>49</v>
      </c>
      <c r="GZ6" s="47" t="s">
        <v>50</v>
      </c>
      <c r="HA6" s="47" t="s">
        <v>51</v>
      </c>
      <c r="HB6" s="48" t="s">
        <v>45</v>
      </c>
      <c r="HC6" s="352" t="s">
        <v>52</v>
      </c>
      <c r="HD6" s="357" t="s">
        <v>43</v>
      </c>
      <c r="HE6" s="358" t="s">
        <v>44</v>
      </c>
      <c r="HF6" s="359" t="s">
        <v>45</v>
      </c>
      <c r="HG6" s="360" t="s">
        <v>46</v>
      </c>
      <c r="HH6" s="358" t="s">
        <v>47</v>
      </c>
      <c r="HI6" s="358" t="s">
        <v>48</v>
      </c>
      <c r="HJ6" s="358" t="s">
        <v>49</v>
      </c>
      <c r="HK6" s="358" t="s">
        <v>50</v>
      </c>
      <c r="HL6" s="358" t="s">
        <v>51</v>
      </c>
      <c r="HM6" s="359" t="s">
        <v>45</v>
      </c>
      <c r="HN6" s="361" t="s">
        <v>52</v>
      </c>
      <c r="HO6" s="357" t="s">
        <v>43</v>
      </c>
      <c r="HP6" s="358" t="s">
        <v>44</v>
      </c>
      <c r="HQ6" s="359" t="s">
        <v>45</v>
      </c>
      <c r="HR6" s="360" t="s">
        <v>46</v>
      </c>
      <c r="HS6" s="358" t="s">
        <v>47</v>
      </c>
      <c r="HT6" s="358" t="s">
        <v>48</v>
      </c>
      <c r="HU6" s="358" t="s">
        <v>49</v>
      </c>
      <c r="HV6" s="358" t="s">
        <v>50</v>
      </c>
      <c r="HW6" s="358" t="s">
        <v>51</v>
      </c>
      <c r="HX6" s="359" t="s">
        <v>45</v>
      </c>
      <c r="HY6" s="361" t="s">
        <v>52</v>
      </c>
      <c r="HZ6" s="357" t="s">
        <v>43</v>
      </c>
      <c r="IA6" s="358" t="s">
        <v>44</v>
      </c>
      <c r="IB6" s="359" t="s">
        <v>45</v>
      </c>
      <c r="IC6" s="360" t="s">
        <v>46</v>
      </c>
      <c r="ID6" s="358" t="s">
        <v>47</v>
      </c>
      <c r="IE6" s="358" t="s">
        <v>48</v>
      </c>
      <c r="IF6" s="358" t="s">
        <v>49</v>
      </c>
      <c r="IG6" s="358" t="s">
        <v>50</v>
      </c>
      <c r="IH6" s="358" t="s">
        <v>51</v>
      </c>
      <c r="II6" s="359" t="s">
        <v>45</v>
      </c>
      <c r="IJ6" s="361" t="s">
        <v>52</v>
      </c>
      <c r="IK6" s="357" t="s">
        <v>43</v>
      </c>
      <c r="IL6" s="358" t="s">
        <v>44</v>
      </c>
      <c r="IM6" s="359" t="s">
        <v>45</v>
      </c>
      <c r="IN6" s="360" t="s">
        <v>46</v>
      </c>
      <c r="IO6" s="358" t="s">
        <v>47</v>
      </c>
      <c r="IP6" s="358" t="s">
        <v>48</v>
      </c>
      <c r="IQ6" s="358" t="s">
        <v>49</v>
      </c>
      <c r="IR6" s="358" t="s">
        <v>50</v>
      </c>
      <c r="IS6" s="358" t="s">
        <v>51</v>
      </c>
      <c r="IT6" s="359" t="s">
        <v>45</v>
      </c>
      <c r="IU6" s="361" t="s">
        <v>52</v>
      </c>
      <c r="IV6" s="357" t="s">
        <v>43</v>
      </c>
      <c r="IW6" s="358" t="s">
        <v>44</v>
      </c>
      <c r="IX6" s="359" t="s">
        <v>45</v>
      </c>
      <c r="IY6" s="360" t="s">
        <v>46</v>
      </c>
      <c r="IZ6" s="358" t="s">
        <v>47</v>
      </c>
      <c r="JA6" s="358" t="s">
        <v>48</v>
      </c>
      <c r="JB6" s="358" t="s">
        <v>49</v>
      </c>
      <c r="JC6" s="358" t="s">
        <v>50</v>
      </c>
      <c r="JD6" s="358" t="s">
        <v>51</v>
      </c>
      <c r="JE6" s="359" t="s">
        <v>45</v>
      </c>
      <c r="JF6" s="361" t="s">
        <v>52</v>
      </c>
      <c r="JG6" s="357" t="s">
        <v>43</v>
      </c>
      <c r="JH6" s="358" t="s">
        <v>44</v>
      </c>
      <c r="JI6" s="359" t="s">
        <v>45</v>
      </c>
      <c r="JJ6" s="360" t="s">
        <v>46</v>
      </c>
      <c r="JK6" s="358" t="s">
        <v>47</v>
      </c>
      <c r="JL6" s="358" t="s">
        <v>48</v>
      </c>
      <c r="JM6" s="358" t="s">
        <v>49</v>
      </c>
      <c r="JN6" s="358" t="s">
        <v>50</v>
      </c>
      <c r="JO6" s="358" t="s">
        <v>51</v>
      </c>
      <c r="JP6" s="359" t="s">
        <v>45</v>
      </c>
      <c r="JQ6" s="361" t="s">
        <v>52</v>
      </c>
      <c r="JR6" s="357" t="s">
        <v>43</v>
      </c>
      <c r="JS6" s="358" t="s">
        <v>44</v>
      </c>
      <c r="JT6" s="359" t="s">
        <v>45</v>
      </c>
      <c r="JU6" s="360" t="s">
        <v>46</v>
      </c>
      <c r="JV6" s="358" t="s">
        <v>47</v>
      </c>
      <c r="JW6" s="358" t="s">
        <v>48</v>
      </c>
      <c r="JX6" s="358" t="s">
        <v>49</v>
      </c>
      <c r="JY6" s="358" t="s">
        <v>50</v>
      </c>
      <c r="JZ6" s="358" t="s">
        <v>51</v>
      </c>
      <c r="KA6" s="359" t="s">
        <v>45</v>
      </c>
      <c r="KB6" s="361" t="s">
        <v>52</v>
      </c>
      <c r="KC6" s="357" t="s">
        <v>43</v>
      </c>
      <c r="KD6" s="358" t="s">
        <v>44</v>
      </c>
      <c r="KE6" s="359" t="s">
        <v>45</v>
      </c>
      <c r="KF6" s="360" t="s">
        <v>46</v>
      </c>
      <c r="KG6" s="358" t="s">
        <v>47</v>
      </c>
      <c r="KH6" s="358" t="s">
        <v>48</v>
      </c>
      <c r="KI6" s="358" t="s">
        <v>49</v>
      </c>
      <c r="KJ6" s="358" t="s">
        <v>50</v>
      </c>
      <c r="KK6" s="358" t="s">
        <v>51</v>
      </c>
      <c r="KL6" s="359" t="s">
        <v>45</v>
      </c>
      <c r="KM6" s="361" t="s">
        <v>52</v>
      </c>
    </row>
    <row r="7" spans="2:299" ht="19.8" customHeight="1" x14ac:dyDescent="0.2">
      <c r="B7" s="353" t="s">
        <v>4</v>
      </c>
      <c r="C7" s="315">
        <v>3212</v>
      </c>
      <c r="D7" s="78">
        <v>2943</v>
      </c>
      <c r="E7" s="79">
        <v>6155</v>
      </c>
      <c r="F7" s="240"/>
      <c r="G7" s="78">
        <v>4157</v>
      </c>
      <c r="H7" s="78">
        <v>3783</v>
      </c>
      <c r="I7" s="78">
        <v>2349</v>
      </c>
      <c r="J7" s="78">
        <v>2013</v>
      </c>
      <c r="K7" s="78">
        <v>1328</v>
      </c>
      <c r="L7" s="80">
        <v>13630</v>
      </c>
      <c r="M7" s="81">
        <v>19785</v>
      </c>
      <c r="N7" s="66">
        <v>94</v>
      </c>
      <c r="O7" s="67">
        <v>118</v>
      </c>
      <c r="P7" s="68">
        <v>212</v>
      </c>
      <c r="Q7" s="243"/>
      <c r="R7" s="67">
        <v>100</v>
      </c>
      <c r="S7" s="67">
        <v>138</v>
      </c>
      <c r="T7" s="67">
        <v>67</v>
      </c>
      <c r="U7" s="67">
        <v>71</v>
      </c>
      <c r="V7" s="67">
        <v>69</v>
      </c>
      <c r="W7" s="68">
        <v>445</v>
      </c>
      <c r="X7" s="69">
        <v>657</v>
      </c>
      <c r="Y7" s="66">
        <v>235</v>
      </c>
      <c r="Z7" s="67">
        <v>254</v>
      </c>
      <c r="AA7" s="68">
        <v>489</v>
      </c>
      <c r="AB7" s="243"/>
      <c r="AC7" s="67">
        <v>295</v>
      </c>
      <c r="AD7" s="67">
        <v>292</v>
      </c>
      <c r="AE7" s="67">
        <v>194</v>
      </c>
      <c r="AF7" s="67">
        <v>162</v>
      </c>
      <c r="AG7" s="67">
        <v>141</v>
      </c>
      <c r="AH7" s="68">
        <v>1084</v>
      </c>
      <c r="AI7" s="69">
        <v>1573</v>
      </c>
      <c r="AJ7" s="66">
        <v>350</v>
      </c>
      <c r="AK7" s="67">
        <v>352</v>
      </c>
      <c r="AL7" s="68">
        <v>702</v>
      </c>
      <c r="AM7" s="243"/>
      <c r="AN7" s="67">
        <v>459</v>
      </c>
      <c r="AO7" s="67">
        <v>437</v>
      </c>
      <c r="AP7" s="67">
        <v>263</v>
      </c>
      <c r="AQ7" s="67">
        <v>242</v>
      </c>
      <c r="AR7" s="67">
        <v>190</v>
      </c>
      <c r="AS7" s="68">
        <v>1591</v>
      </c>
      <c r="AT7" s="69">
        <v>2293</v>
      </c>
      <c r="AU7" s="66">
        <v>733</v>
      </c>
      <c r="AV7" s="67">
        <v>664</v>
      </c>
      <c r="AW7" s="68">
        <v>1397</v>
      </c>
      <c r="AX7" s="243"/>
      <c r="AY7" s="67">
        <v>965</v>
      </c>
      <c r="AZ7" s="67">
        <v>778</v>
      </c>
      <c r="BA7" s="67">
        <v>507</v>
      </c>
      <c r="BB7" s="67">
        <v>382</v>
      </c>
      <c r="BC7" s="67">
        <v>273</v>
      </c>
      <c r="BD7" s="68">
        <v>2905</v>
      </c>
      <c r="BE7" s="69">
        <v>4302</v>
      </c>
      <c r="BF7" s="66">
        <v>999</v>
      </c>
      <c r="BG7" s="67">
        <v>857</v>
      </c>
      <c r="BH7" s="68">
        <v>1856</v>
      </c>
      <c r="BI7" s="243"/>
      <c r="BJ7" s="67">
        <v>1224</v>
      </c>
      <c r="BK7" s="67">
        <v>1011</v>
      </c>
      <c r="BL7" s="67">
        <v>624</v>
      </c>
      <c r="BM7" s="67">
        <v>543</v>
      </c>
      <c r="BN7" s="67">
        <v>301</v>
      </c>
      <c r="BO7" s="68">
        <v>3703</v>
      </c>
      <c r="BP7" s="69">
        <v>5559</v>
      </c>
      <c r="BQ7" s="66">
        <v>801</v>
      </c>
      <c r="BR7" s="67">
        <v>698</v>
      </c>
      <c r="BS7" s="68">
        <v>1499</v>
      </c>
      <c r="BT7" s="243"/>
      <c r="BU7" s="67">
        <v>1114</v>
      </c>
      <c r="BV7" s="67">
        <v>1127</v>
      </c>
      <c r="BW7" s="67">
        <v>694</v>
      </c>
      <c r="BX7" s="67">
        <v>613</v>
      </c>
      <c r="BY7" s="67">
        <v>354</v>
      </c>
      <c r="BZ7" s="68">
        <v>3902</v>
      </c>
      <c r="CA7" s="69">
        <v>5401</v>
      </c>
      <c r="CB7" s="66">
        <v>0</v>
      </c>
      <c r="CC7" s="67">
        <v>0</v>
      </c>
      <c r="CD7" s="68">
        <v>0</v>
      </c>
      <c r="CE7" s="243"/>
      <c r="CF7" s="67">
        <v>0</v>
      </c>
      <c r="CG7" s="67">
        <v>0</v>
      </c>
      <c r="CH7" s="67">
        <v>0</v>
      </c>
      <c r="CI7" s="67">
        <v>0</v>
      </c>
      <c r="CJ7" s="67">
        <v>0</v>
      </c>
      <c r="CK7" s="68">
        <v>0</v>
      </c>
      <c r="CL7" s="69">
        <v>0</v>
      </c>
      <c r="CM7" s="66">
        <v>3212</v>
      </c>
      <c r="CN7" s="67">
        <v>2943</v>
      </c>
      <c r="CO7" s="68">
        <v>6155</v>
      </c>
      <c r="CP7" s="243"/>
      <c r="CQ7" s="67">
        <v>4157</v>
      </c>
      <c r="CR7" s="67">
        <v>3783</v>
      </c>
      <c r="CS7" s="67">
        <v>2349</v>
      </c>
      <c r="CT7" s="67">
        <v>2013</v>
      </c>
      <c r="CU7" s="67">
        <v>1328</v>
      </c>
      <c r="CV7" s="68">
        <v>13630</v>
      </c>
      <c r="CW7" s="69">
        <v>19785</v>
      </c>
      <c r="CX7" s="122">
        <v>1182</v>
      </c>
      <c r="CY7" s="78">
        <v>1333</v>
      </c>
      <c r="CZ7" s="79">
        <v>2515</v>
      </c>
      <c r="DA7" s="240"/>
      <c r="DB7" s="78">
        <v>1725</v>
      </c>
      <c r="DC7" s="78">
        <v>1600</v>
      </c>
      <c r="DD7" s="78">
        <v>1090</v>
      </c>
      <c r="DE7" s="78">
        <v>1107</v>
      </c>
      <c r="DF7" s="78">
        <v>757</v>
      </c>
      <c r="DG7" s="80">
        <v>6279</v>
      </c>
      <c r="DH7" s="81">
        <v>8794</v>
      </c>
      <c r="DI7" s="66">
        <v>30</v>
      </c>
      <c r="DJ7" s="67">
        <v>26</v>
      </c>
      <c r="DK7" s="68">
        <v>56</v>
      </c>
      <c r="DL7" s="243"/>
      <c r="DM7" s="67">
        <v>26</v>
      </c>
      <c r="DN7" s="67">
        <v>37</v>
      </c>
      <c r="DO7" s="67">
        <v>24</v>
      </c>
      <c r="DP7" s="67">
        <v>13</v>
      </c>
      <c r="DQ7" s="67">
        <v>10</v>
      </c>
      <c r="DR7" s="68">
        <v>110</v>
      </c>
      <c r="DS7" s="69">
        <v>166</v>
      </c>
      <c r="DT7" s="66">
        <v>90</v>
      </c>
      <c r="DU7" s="67">
        <v>88</v>
      </c>
      <c r="DV7" s="68">
        <v>178</v>
      </c>
      <c r="DW7" s="243"/>
      <c r="DX7" s="67">
        <v>98</v>
      </c>
      <c r="DY7" s="67">
        <v>94</v>
      </c>
      <c r="DZ7" s="67">
        <v>47</v>
      </c>
      <c r="EA7" s="67">
        <v>48</v>
      </c>
      <c r="EB7" s="67">
        <v>22</v>
      </c>
      <c r="EC7" s="68">
        <v>309</v>
      </c>
      <c r="ED7" s="69">
        <v>487</v>
      </c>
      <c r="EE7" s="66">
        <v>181</v>
      </c>
      <c r="EF7" s="67">
        <v>194</v>
      </c>
      <c r="EG7" s="68">
        <v>375</v>
      </c>
      <c r="EH7" s="243"/>
      <c r="EI7" s="67">
        <v>181</v>
      </c>
      <c r="EJ7" s="67">
        <v>158</v>
      </c>
      <c r="EK7" s="67">
        <v>102</v>
      </c>
      <c r="EL7" s="67">
        <v>80</v>
      </c>
      <c r="EM7" s="67">
        <v>57</v>
      </c>
      <c r="EN7" s="68">
        <v>578</v>
      </c>
      <c r="EO7" s="69">
        <v>953</v>
      </c>
      <c r="EP7" s="66">
        <v>326</v>
      </c>
      <c r="EQ7" s="67">
        <v>319</v>
      </c>
      <c r="ER7" s="68">
        <v>645</v>
      </c>
      <c r="ES7" s="243"/>
      <c r="ET7" s="67">
        <v>373</v>
      </c>
      <c r="EU7" s="67">
        <v>276</v>
      </c>
      <c r="EV7" s="67">
        <v>147</v>
      </c>
      <c r="EW7" s="67">
        <v>135</v>
      </c>
      <c r="EX7" s="67">
        <v>107</v>
      </c>
      <c r="EY7" s="68">
        <v>1038</v>
      </c>
      <c r="EZ7" s="69">
        <v>1683</v>
      </c>
      <c r="FA7" s="66">
        <v>328</v>
      </c>
      <c r="FB7" s="67">
        <v>396</v>
      </c>
      <c r="FC7" s="68">
        <v>724</v>
      </c>
      <c r="FD7" s="243"/>
      <c r="FE7" s="67">
        <v>507</v>
      </c>
      <c r="FF7" s="67">
        <v>471</v>
      </c>
      <c r="FG7" s="67">
        <v>301</v>
      </c>
      <c r="FH7" s="67">
        <v>258</v>
      </c>
      <c r="FI7" s="67">
        <v>185</v>
      </c>
      <c r="FJ7" s="68">
        <v>1722</v>
      </c>
      <c r="FK7" s="69">
        <v>2446</v>
      </c>
      <c r="FL7" s="66">
        <v>227</v>
      </c>
      <c r="FM7" s="67">
        <v>310</v>
      </c>
      <c r="FN7" s="68">
        <v>537</v>
      </c>
      <c r="FO7" s="243"/>
      <c r="FP7" s="67">
        <v>540</v>
      </c>
      <c r="FQ7" s="67">
        <v>564</v>
      </c>
      <c r="FR7" s="67">
        <v>469</v>
      </c>
      <c r="FS7" s="67">
        <v>573</v>
      </c>
      <c r="FT7" s="67">
        <v>376</v>
      </c>
      <c r="FU7" s="68">
        <v>2522</v>
      </c>
      <c r="FV7" s="69">
        <v>3059</v>
      </c>
      <c r="FW7" s="66">
        <v>0</v>
      </c>
      <c r="FX7" s="67">
        <v>0</v>
      </c>
      <c r="FY7" s="68">
        <v>0</v>
      </c>
      <c r="FZ7" s="243"/>
      <c r="GA7" s="67">
        <v>0</v>
      </c>
      <c r="GB7" s="67">
        <v>0</v>
      </c>
      <c r="GC7" s="67">
        <v>0</v>
      </c>
      <c r="GD7" s="67">
        <v>0</v>
      </c>
      <c r="GE7" s="67">
        <v>0</v>
      </c>
      <c r="GF7" s="68">
        <v>0</v>
      </c>
      <c r="GG7" s="69">
        <v>0</v>
      </c>
      <c r="GH7" s="66">
        <v>1182</v>
      </c>
      <c r="GI7" s="67">
        <v>1333</v>
      </c>
      <c r="GJ7" s="68">
        <v>2515</v>
      </c>
      <c r="GK7" s="243"/>
      <c r="GL7" s="67">
        <v>1725</v>
      </c>
      <c r="GM7" s="67">
        <v>1600</v>
      </c>
      <c r="GN7" s="67">
        <v>1090</v>
      </c>
      <c r="GO7" s="67">
        <v>1107</v>
      </c>
      <c r="GP7" s="67">
        <v>757</v>
      </c>
      <c r="GQ7" s="68">
        <v>6279</v>
      </c>
      <c r="GR7" s="69">
        <v>8794</v>
      </c>
      <c r="GS7" s="122">
        <v>4394</v>
      </c>
      <c r="GT7" s="78">
        <v>4276</v>
      </c>
      <c r="GU7" s="79">
        <v>8670</v>
      </c>
      <c r="GV7" s="240"/>
      <c r="GW7" s="78">
        <v>5882</v>
      </c>
      <c r="GX7" s="78">
        <v>5383</v>
      </c>
      <c r="GY7" s="78">
        <v>3439</v>
      </c>
      <c r="GZ7" s="78">
        <v>3120</v>
      </c>
      <c r="HA7" s="78">
        <v>2085</v>
      </c>
      <c r="HB7" s="80">
        <v>19909</v>
      </c>
      <c r="HC7" s="81">
        <v>28579</v>
      </c>
      <c r="HD7" s="66">
        <v>124</v>
      </c>
      <c r="HE7" s="67">
        <v>144</v>
      </c>
      <c r="HF7" s="68">
        <v>268</v>
      </c>
      <c r="HG7" s="243"/>
      <c r="HH7" s="67">
        <v>126</v>
      </c>
      <c r="HI7" s="67">
        <v>175</v>
      </c>
      <c r="HJ7" s="67">
        <v>91</v>
      </c>
      <c r="HK7" s="67">
        <v>84</v>
      </c>
      <c r="HL7" s="67">
        <v>79</v>
      </c>
      <c r="HM7" s="68">
        <v>555</v>
      </c>
      <c r="HN7" s="69">
        <v>823</v>
      </c>
      <c r="HO7" s="66">
        <v>325</v>
      </c>
      <c r="HP7" s="67">
        <v>342</v>
      </c>
      <c r="HQ7" s="68">
        <v>667</v>
      </c>
      <c r="HR7" s="243"/>
      <c r="HS7" s="67">
        <v>393</v>
      </c>
      <c r="HT7" s="67">
        <v>386</v>
      </c>
      <c r="HU7" s="67">
        <v>241</v>
      </c>
      <c r="HV7" s="67">
        <v>210</v>
      </c>
      <c r="HW7" s="67">
        <v>163</v>
      </c>
      <c r="HX7" s="68">
        <v>1393</v>
      </c>
      <c r="HY7" s="69">
        <v>2060</v>
      </c>
      <c r="HZ7" s="66">
        <v>531</v>
      </c>
      <c r="IA7" s="67">
        <v>546</v>
      </c>
      <c r="IB7" s="68">
        <v>1077</v>
      </c>
      <c r="IC7" s="243"/>
      <c r="ID7" s="67">
        <v>640</v>
      </c>
      <c r="IE7" s="67">
        <v>595</v>
      </c>
      <c r="IF7" s="67">
        <v>365</v>
      </c>
      <c r="IG7" s="67">
        <v>322</v>
      </c>
      <c r="IH7" s="67">
        <v>247</v>
      </c>
      <c r="II7" s="68">
        <v>2169</v>
      </c>
      <c r="IJ7" s="69">
        <v>3246</v>
      </c>
      <c r="IK7" s="66">
        <v>1059</v>
      </c>
      <c r="IL7" s="67">
        <v>983</v>
      </c>
      <c r="IM7" s="68">
        <v>2042</v>
      </c>
      <c r="IN7" s="243"/>
      <c r="IO7" s="67">
        <v>1338</v>
      </c>
      <c r="IP7" s="67">
        <v>1054</v>
      </c>
      <c r="IQ7" s="67">
        <v>654</v>
      </c>
      <c r="IR7" s="67">
        <v>517</v>
      </c>
      <c r="IS7" s="67">
        <v>380</v>
      </c>
      <c r="IT7" s="68">
        <v>3943</v>
      </c>
      <c r="IU7" s="69">
        <v>5985</v>
      </c>
      <c r="IV7" s="66">
        <v>1327</v>
      </c>
      <c r="IW7" s="67">
        <v>1253</v>
      </c>
      <c r="IX7" s="68">
        <v>2580</v>
      </c>
      <c r="IY7" s="243"/>
      <c r="IZ7" s="67">
        <v>1731</v>
      </c>
      <c r="JA7" s="67">
        <v>1482</v>
      </c>
      <c r="JB7" s="67">
        <v>925</v>
      </c>
      <c r="JC7" s="67">
        <v>801</v>
      </c>
      <c r="JD7" s="67">
        <v>486</v>
      </c>
      <c r="JE7" s="68">
        <v>5425</v>
      </c>
      <c r="JF7" s="69">
        <v>8005</v>
      </c>
      <c r="JG7" s="66">
        <v>1028</v>
      </c>
      <c r="JH7" s="67">
        <v>1008</v>
      </c>
      <c r="JI7" s="68">
        <v>2036</v>
      </c>
      <c r="JJ7" s="243"/>
      <c r="JK7" s="67">
        <v>1654</v>
      </c>
      <c r="JL7" s="67">
        <v>1691</v>
      </c>
      <c r="JM7" s="67">
        <v>1163</v>
      </c>
      <c r="JN7" s="67">
        <v>1186</v>
      </c>
      <c r="JO7" s="67">
        <v>730</v>
      </c>
      <c r="JP7" s="68">
        <v>6424</v>
      </c>
      <c r="JQ7" s="69">
        <v>8460</v>
      </c>
      <c r="JR7" s="66">
        <v>0</v>
      </c>
      <c r="JS7" s="67">
        <v>0</v>
      </c>
      <c r="JT7" s="68">
        <v>0</v>
      </c>
      <c r="JU7" s="243"/>
      <c r="JV7" s="67">
        <v>0</v>
      </c>
      <c r="JW7" s="67">
        <v>0</v>
      </c>
      <c r="JX7" s="67">
        <v>0</v>
      </c>
      <c r="JY7" s="67">
        <v>0</v>
      </c>
      <c r="JZ7" s="67">
        <v>0</v>
      </c>
      <c r="KA7" s="68">
        <v>0</v>
      </c>
      <c r="KB7" s="69">
        <v>0</v>
      </c>
      <c r="KC7" s="66">
        <v>4394</v>
      </c>
      <c r="KD7" s="67">
        <v>4276</v>
      </c>
      <c r="KE7" s="68">
        <v>8670</v>
      </c>
      <c r="KF7" s="243"/>
      <c r="KG7" s="67">
        <v>5882</v>
      </c>
      <c r="KH7" s="67">
        <v>5383</v>
      </c>
      <c r="KI7" s="67">
        <v>3439</v>
      </c>
      <c r="KJ7" s="67">
        <v>3120</v>
      </c>
      <c r="KK7" s="67">
        <v>2085</v>
      </c>
      <c r="KL7" s="68">
        <v>19909</v>
      </c>
      <c r="KM7" s="69">
        <v>28579</v>
      </c>
    </row>
    <row r="8" spans="2:299" ht="19.8" customHeight="1" x14ac:dyDescent="0.2">
      <c r="B8" s="126" t="s">
        <v>5</v>
      </c>
      <c r="C8" s="316">
        <v>1438</v>
      </c>
      <c r="D8" s="82">
        <v>1516</v>
      </c>
      <c r="E8" s="83">
        <v>2954</v>
      </c>
      <c r="F8" s="241"/>
      <c r="G8" s="82">
        <v>1537</v>
      </c>
      <c r="H8" s="82">
        <v>1863</v>
      </c>
      <c r="I8" s="82">
        <v>1061</v>
      </c>
      <c r="J8" s="82">
        <v>883</v>
      </c>
      <c r="K8" s="82">
        <v>571</v>
      </c>
      <c r="L8" s="84">
        <v>5915</v>
      </c>
      <c r="M8" s="85">
        <v>8869</v>
      </c>
      <c r="N8" s="70">
        <v>42</v>
      </c>
      <c r="O8" s="71">
        <v>58</v>
      </c>
      <c r="P8" s="72">
        <v>100</v>
      </c>
      <c r="Q8" s="244"/>
      <c r="R8" s="71">
        <v>28</v>
      </c>
      <c r="S8" s="71">
        <v>69</v>
      </c>
      <c r="T8" s="71">
        <v>31</v>
      </c>
      <c r="U8" s="71">
        <v>27</v>
      </c>
      <c r="V8" s="71">
        <v>28</v>
      </c>
      <c r="W8" s="72">
        <v>183</v>
      </c>
      <c r="X8" s="73">
        <v>283</v>
      </c>
      <c r="Y8" s="70">
        <v>92</v>
      </c>
      <c r="Z8" s="71">
        <v>134</v>
      </c>
      <c r="AA8" s="72">
        <v>226</v>
      </c>
      <c r="AB8" s="244"/>
      <c r="AC8" s="71">
        <v>81</v>
      </c>
      <c r="AD8" s="71">
        <v>119</v>
      </c>
      <c r="AE8" s="71">
        <v>83</v>
      </c>
      <c r="AF8" s="71">
        <v>74</v>
      </c>
      <c r="AG8" s="71">
        <v>61</v>
      </c>
      <c r="AH8" s="72">
        <v>418</v>
      </c>
      <c r="AI8" s="73">
        <v>644</v>
      </c>
      <c r="AJ8" s="70">
        <v>146</v>
      </c>
      <c r="AK8" s="71">
        <v>182</v>
      </c>
      <c r="AL8" s="72">
        <v>328</v>
      </c>
      <c r="AM8" s="244"/>
      <c r="AN8" s="71">
        <v>166</v>
      </c>
      <c r="AO8" s="71">
        <v>189</v>
      </c>
      <c r="AP8" s="71">
        <v>105</v>
      </c>
      <c r="AQ8" s="71">
        <v>103</v>
      </c>
      <c r="AR8" s="71">
        <v>78</v>
      </c>
      <c r="AS8" s="72">
        <v>641</v>
      </c>
      <c r="AT8" s="73">
        <v>969</v>
      </c>
      <c r="AU8" s="70">
        <v>347</v>
      </c>
      <c r="AV8" s="71">
        <v>344</v>
      </c>
      <c r="AW8" s="72">
        <v>691</v>
      </c>
      <c r="AX8" s="244"/>
      <c r="AY8" s="71">
        <v>336</v>
      </c>
      <c r="AZ8" s="71">
        <v>379</v>
      </c>
      <c r="BA8" s="71">
        <v>226</v>
      </c>
      <c r="BB8" s="71">
        <v>169</v>
      </c>
      <c r="BC8" s="71">
        <v>113</v>
      </c>
      <c r="BD8" s="72">
        <v>1223</v>
      </c>
      <c r="BE8" s="73">
        <v>1914</v>
      </c>
      <c r="BF8" s="70">
        <v>450</v>
      </c>
      <c r="BG8" s="71">
        <v>443</v>
      </c>
      <c r="BH8" s="72">
        <v>893</v>
      </c>
      <c r="BI8" s="244"/>
      <c r="BJ8" s="71">
        <v>494</v>
      </c>
      <c r="BK8" s="71">
        <v>509</v>
      </c>
      <c r="BL8" s="71">
        <v>291</v>
      </c>
      <c r="BM8" s="71">
        <v>230</v>
      </c>
      <c r="BN8" s="71">
        <v>122</v>
      </c>
      <c r="BO8" s="72">
        <v>1646</v>
      </c>
      <c r="BP8" s="73">
        <v>2539</v>
      </c>
      <c r="BQ8" s="70">
        <v>361</v>
      </c>
      <c r="BR8" s="71">
        <v>355</v>
      </c>
      <c r="BS8" s="72">
        <v>716</v>
      </c>
      <c r="BT8" s="244"/>
      <c r="BU8" s="71">
        <v>432</v>
      </c>
      <c r="BV8" s="71">
        <v>598</v>
      </c>
      <c r="BW8" s="71">
        <v>325</v>
      </c>
      <c r="BX8" s="71">
        <v>280</v>
      </c>
      <c r="BY8" s="71">
        <v>169</v>
      </c>
      <c r="BZ8" s="72">
        <v>1804</v>
      </c>
      <c r="CA8" s="73">
        <v>2520</v>
      </c>
      <c r="CB8" s="70">
        <v>0</v>
      </c>
      <c r="CC8" s="71">
        <v>0</v>
      </c>
      <c r="CD8" s="72">
        <v>0</v>
      </c>
      <c r="CE8" s="244"/>
      <c r="CF8" s="71">
        <v>0</v>
      </c>
      <c r="CG8" s="71">
        <v>0</v>
      </c>
      <c r="CH8" s="71">
        <v>0</v>
      </c>
      <c r="CI8" s="71">
        <v>0</v>
      </c>
      <c r="CJ8" s="71">
        <v>0</v>
      </c>
      <c r="CK8" s="72">
        <v>0</v>
      </c>
      <c r="CL8" s="73">
        <v>0</v>
      </c>
      <c r="CM8" s="70">
        <v>1438</v>
      </c>
      <c r="CN8" s="71">
        <v>1516</v>
      </c>
      <c r="CO8" s="72">
        <v>2954</v>
      </c>
      <c r="CP8" s="244"/>
      <c r="CQ8" s="71">
        <v>1537</v>
      </c>
      <c r="CR8" s="71">
        <v>1863</v>
      </c>
      <c r="CS8" s="71">
        <v>1061</v>
      </c>
      <c r="CT8" s="71">
        <v>883</v>
      </c>
      <c r="CU8" s="71">
        <v>571</v>
      </c>
      <c r="CV8" s="72">
        <v>5915</v>
      </c>
      <c r="CW8" s="73">
        <v>8869</v>
      </c>
      <c r="CX8" s="123">
        <v>463</v>
      </c>
      <c r="CY8" s="82">
        <v>638</v>
      </c>
      <c r="CZ8" s="83">
        <v>1101</v>
      </c>
      <c r="DA8" s="241"/>
      <c r="DB8" s="82">
        <v>620</v>
      </c>
      <c r="DC8" s="82">
        <v>803</v>
      </c>
      <c r="DD8" s="82">
        <v>457</v>
      </c>
      <c r="DE8" s="82">
        <v>500</v>
      </c>
      <c r="DF8" s="82">
        <v>333</v>
      </c>
      <c r="DG8" s="84">
        <v>2713</v>
      </c>
      <c r="DH8" s="85">
        <v>3814</v>
      </c>
      <c r="DI8" s="70">
        <v>14</v>
      </c>
      <c r="DJ8" s="71">
        <v>14</v>
      </c>
      <c r="DK8" s="72">
        <v>28</v>
      </c>
      <c r="DL8" s="244"/>
      <c r="DM8" s="71">
        <v>9</v>
      </c>
      <c r="DN8" s="71">
        <v>22</v>
      </c>
      <c r="DO8" s="71">
        <v>8</v>
      </c>
      <c r="DP8" s="71">
        <v>6</v>
      </c>
      <c r="DQ8" s="71">
        <v>2</v>
      </c>
      <c r="DR8" s="72">
        <v>47</v>
      </c>
      <c r="DS8" s="73">
        <v>75</v>
      </c>
      <c r="DT8" s="70">
        <v>34</v>
      </c>
      <c r="DU8" s="71">
        <v>45</v>
      </c>
      <c r="DV8" s="72">
        <v>79</v>
      </c>
      <c r="DW8" s="244"/>
      <c r="DX8" s="71">
        <v>31</v>
      </c>
      <c r="DY8" s="71">
        <v>43</v>
      </c>
      <c r="DZ8" s="71">
        <v>15</v>
      </c>
      <c r="EA8" s="71">
        <v>26</v>
      </c>
      <c r="EB8" s="71">
        <v>12</v>
      </c>
      <c r="EC8" s="72">
        <v>127</v>
      </c>
      <c r="ED8" s="73">
        <v>206</v>
      </c>
      <c r="EE8" s="70">
        <v>69</v>
      </c>
      <c r="EF8" s="71">
        <v>102</v>
      </c>
      <c r="EG8" s="72">
        <v>171</v>
      </c>
      <c r="EH8" s="244"/>
      <c r="EI8" s="71">
        <v>58</v>
      </c>
      <c r="EJ8" s="71">
        <v>76</v>
      </c>
      <c r="EK8" s="71">
        <v>43</v>
      </c>
      <c r="EL8" s="71">
        <v>33</v>
      </c>
      <c r="EM8" s="71">
        <v>27</v>
      </c>
      <c r="EN8" s="72">
        <v>237</v>
      </c>
      <c r="EO8" s="73">
        <v>408</v>
      </c>
      <c r="EP8" s="70">
        <v>128</v>
      </c>
      <c r="EQ8" s="71">
        <v>147</v>
      </c>
      <c r="ER8" s="72">
        <v>275</v>
      </c>
      <c r="ES8" s="244"/>
      <c r="ET8" s="71">
        <v>140</v>
      </c>
      <c r="EU8" s="71">
        <v>140</v>
      </c>
      <c r="EV8" s="71">
        <v>68</v>
      </c>
      <c r="EW8" s="71">
        <v>69</v>
      </c>
      <c r="EX8" s="71">
        <v>40</v>
      </c>
      <c r="EY8" s="72">
        <v>457</v>
      </c>
      <c r="EZ8" s="73">
        <v>732</v>
      </c>
      <c r="FA8" s="70">
        <v>132</v>
      </c>
      <c r="FB8" s="71">
        <v>185</v>
      </c>
      <c r="FC8" s="72">
        <v>317</v>
      </c>
      <c r="FD8" s="244"/>
      <c r="FE8" s="71">
        <v>183</v>
      </c>
      <c r="FF8" s="71">
        <v>256</v>
      </c>
      <c r="FG8" s="71">
        <v>123</v>
      </c>
      <c r="FH8" s="71">
        <v>132</v>
      </c>
      <c r="FI8" s="71">
        <v>92</v>
      </c>
      <c r="FJ8" s="72">
        <v>786</v>
      </c>
      <c r="FK8" s="73">
        <v>1103</v>
      </c>
      <c r="FL8" s="70">
        <v>86</v>
      </c>
      <c r="FM8" s="71">
        <v>145</v>
      </c>
      <c r="FN8" s="72">
        <v>231</v>
      </c>
      <c r="FO8" s="244"/>
      <c r="FP8" s="71">
        <v>199</v>
      </c>
      <c r="FQ8" s="71">
        <v>266</v>
      </c>
      <c r="FR8" s="71">
        <v>200</v>
      </c>
      <c r="FS8" s="71">
        <v>234</v>
      </c>
      <c r="FT8" s="71">
        <v>160</v>
      </c>
      <c r="FU8" s="72">
        <v>1059</v>
      </c>
      <c r="FV8" s="73">
        <v>1290</v>
      </c>
      <c r="FW8" s="70">
        <v>0</v>
      </c>
      <c r="FX8" s="71">
        <v>0</v>
      </c>
      <c r="FY8" s="72">
        <v>0</v>
      </c>
      <c r="FZ8" s="244"/>
      <c r="GA8" s="71">
        <v>0</v>
      </c>
      <c r="GB8" s="71">
        <v>0</v>
      </c>
      <c r="GC8" s="71">
        <v>0</v>
      </c>
      <c r="GD8" s="71">
        <v>0</v>
      </c>
      <c r="GE8" s="71">
        <v>0</v>
      </c>
      <c r="GF8" s="72">
        <v>0</v>
      </c>
      <c r="GG8" s="73">
        <v>0</v>
      </c>
      <c r="GH8" s="70">
        <v>463</v>
      </c>
      <c r="GI8" s="71">
        <v>638</v>
      </c>
      <c r="GJ8" s="72">
        <v>1101</v>
      </c>
      <c r="GK8" s="244"/>
      <c r="GL8" s="71">
        <v>620</v>
      </c>
      <c r="GM8" s="71">
        <v>803</v>
      </c>
      <c r="GN8" s="71">
        <v>457</v>
      </c>
      <c r="GO8" s="71">
        <v>500</v>
      </c>
      <c r="GP8" s="71">
        <v>333</v>
      </c>
      <c r="GQ8" s="72">
        <v>2713</v>
      </c>
      <c r="GR8" s="73">
        <v>3814</v>
      </c>
      <c r="GS8" s="123">
        <v>1901</v>
      </c>
      <c r="GT8" s="82">
        <v>2154</v>
      </c>
      <c r="GU8" s="83">
        <v>4055</v>
      </c>
      <c r="GV8" s="241"/>
      <c r="GW8" s="82">
        <v>2157</v>
      </c>
      <c r="GX8" s="82">
        <v>2666</v>
      </c>
      <c r="GY8" s="82">
        <v>1518</v>
      </c>
      <c r="GZ8" s="82">
        <v>1383</v>
      </c>
      <c r="HA8" s="82">
        <v>904</v>
      </c>
      <c r="HB8" s="84">
        <v>8628</v>
      </c>
      <c r="HC8" s="85">
        <v>12683</v>
      </c>
      <c r="HD8" s="70">
        <v>56</v>
      </c>
      <c r="HE8" s="71">
        <v>72</v>
      </c>
      <c r="HF8" s="72">
        <v>128</v>
      </c>
      <c r="HG8" s="244"/>
      <c r="HH8" s="71">
        <v>37</v>
      </c>
      <c r="HI8" s="71">
        <v>91</v>
      </c>
      <c r="HJ8" s="71">
        <v>39</v>
      </c>
      <c r="HK8" s="71">
        <v>33</v>
      </c>
      <c r="HL8" s="71">
        <v>30</v>
      </c>
      <c r="HM8" s="72">
        <v>230</v>
      </c>
      <c r="HN8" s="73">
        <v>358</v>
      </c>
      <c r="HO8" s="70">
        <v>126</v>
      </c>
      <c r="HP8" s="71">
        <v>179</v>
      </c>
      <c r="HQ8" s="72">
        <v>305</v>
      </c>
      <c r="HR8" s="244"/>
      <c r="HS8" s="71">
        <v>112</v>
      </c>
      <c r="HT8" s="71">
        <v>162</v>
      </c>
      <c r="HU8" s="71">
        <v>98</v>
      </c>
      <c r="HV8" s="71">
        <v>100</v>
      </c>
      <c r="HW8" s="71">
        <v>73</v>
      </c>
      <c r="HX8" s="72">
        <v>545</v>
      </c>
      <c r="HY8" s="73">
        <v>850</v>
      </c>
      <c r="HZ8" s="70">
        <v>215</v>
      </c>
      <c r="IA8" s="71">
        <v>284</v>
      </c>
      <c r="IB8" s="72">
        <v>499</v>
      </c>
      <c r="IC8" s="244"/>
      <c r="ID8" s="71">
        <v>224</v>
      </c>
      <c r="IE8" s="71">
        <v>265</v>
      </c>
      <c r="IF8" s="71">
        <v>148</v>
      </c>
      <c r="IG8" s="71">
        <v>136</v>
      </c>
      <c r="IH8" s="71">
        <v>105</v>
      </c>
      <c r="II8" s="72">
        <v>878</v>
      </c>
      <c r="IJ8" s="73">
        <v>1377</v>
      </c>
      <c r="IK8" s="70">
        <v>475</v>
      </c>
      <c r="IL8" s="71">
        <v>491</v>
      </c>
      <c r="IM8" s="72">
        <v>966</v>
      </c>
      <c r="IN8" s="244"/>
      <c r="IO8" s="71">
        <v>476</v>
      </c>
      <c r="IP8" s="71">
        <v>519</v>
      </c>
      <c r="IQ8" s="71">
        <v>294</v>
      </c>
      <c r="IR8" s="71">
        <v>238</v>
      </c>
      <c r="IS8" s="71">
        <v>153</v>
      </c>
      <c r="IT8" s="72">
        <v>1680</v>
      </c>
      <c r="IU8" s="73">
        <v>2646</v>
      </c>
      <c r="IV8" s="70">
        <v>582</v>
      </c>
      <c r="IW8" s="71">
        <v>628</v>
      </c>
      <c r="IX8" s="72">
        <v>1210</v>
      </c>
      <c r="IY8" s="244"/>
      <c r="IZ8" s="71">
        <v>677</v>
      </c>
      <c r="JA8" s="71">
        <v>765</v>
      </c>
      <c r="JB8" s="71">
        <v>414</v>
      </c>
      <c r="JC8" s="71">
        <v>362</v>
      </c>
      <c r="JD8" s="71">
        <v>214</v>
      </c>
      <c r="JE8" s="72">
        <v>2432</v>
      </c>
      <c r="JF8" s="73">
        <v>3642</v>
      </c>
      <c r="JG8" s="70">
        <v>447</v>
      </c>
      <c r="JH8" s="71">
        <v>500</v>
      </c>
      <c r="JI8" s="72">
        <v>947</v>
      </c>
      <c r="JJ8" s="244"/>
      <c r="JK8" s="71">
        <v>631</v>
      </c>
      <c r="JL8" s="71">
        <v>864</v>
      </c>
      <c r="JM8" s="71">
        <v>525</v>
      </c>
      <c r="JN8" s="71">
        <v>514</v>
      </c>
      <c r="JO8" s="71">
        <v>329</v>
      </c>
      <c r="JP8" s="72">
        <v>2863</v>
      </c>
      <c r="JQ8" s="73">
        <v>3810</v>
      </c>
      <c r="JR8" s="70">
        <v>0</v>
      </c>
      <c r="JS8" s="71">
        <v>0</v>
      </c>
      <c r="JT8" s="72">
        <v>0</v>
      </c>
      <c r="JU8" s="244"/>
      <c r="JV8" s="71">
        <v>0</v>
      </c>
      <c r="JW8" s="71">
        <v>0</v>
      </c>
      <c r="JX8" s="71">
        <v>0</v>
      </c>
      <c r="JY8" s="71">
        <v>0</v>
      </c>
      <c r="JZ8" s="71">
        <v>0</v>
      </c>
      <c r="KA8" s="72">
        <v>0</v>
      </c>
      <c r="KB8" s="73">
        <v>0</v>
      </c>
      <c r="KC8" s="70">
        <v>1901</v>
      </c>
      <c r="KD8" s="71">
        <v>2154</v>
      </c>
      <c r="KE8" s="72">
        <v>4055</v>
      </c>
      <c r="KF8" s="244"/>
      <c r="KG8" s="71">
        <v>2157</v>
      </c>
      <c r="KH8" s="71">
        <v>2666</v>
      </c>
      <c r="KI8" s="71">
        <v>1518</v>
      </c>
      <c r="KJ8" s="71">
        <v>1383</v>
      </c>
      <c r="KK8" s="71">
        <v>904</v>
      </c>
      <c r="KL8" s="72">
        <v>8628</v>
      </c>
      <c r="KM8" s="73">
        <v>12683</v>
      </c>
    </row>
    <row r="9" spans="2:299" ht="19.8" customHeight="1" x14ac:dyDescent="0.2">
      <c r="B9" s="126" t="s">
        <v>6</v>
      </c>
      <c r="C9" s="316">
        <v>420</v>
      </c>
      <c r="D9" s="82">
        <v>355</v>
      </c>
      <c r="E9" s="83">
        <v>775</v>
      </c>
      <c r="F9" s="241"/>
      <c r="G9" s="82">
        <v>736</v>
      </c>
      <c r="H9" s="82">
        <v>513</v>
      </c>
      <c r="I9" s="82">
        <v>360</v>
      </c>
      <c r="J9" s="82">
        <v>341</v>
      </c>
      <c r="K9" s="82">
        <v>222</v>
      </c>
      <c r="L9" s="84">
        <v>2172</v>
      </c>
      <c r="M9" s="85">
        <v>2947</v>
      </c>
      <c r="N9" s="70">
        <v>8</v>
      </c>
      <c r="O9" s="71">
        <v>18</v>
      </c>
      <c r="P9" s="72">
        <v>26</v>
      </c>
      <c r="Q9" s="244"/>
      <c r="R9" s="71">
        <v>22</v>
      </c>
      <c r="S9" s="71">
        <v>19</v>
      </c>
      <c r="T9" s="71">
        <v>7</v>
      </c>
      <c r="U9" s="71">
        <v>17</v>
      </c>
      <c r="V9" s="71">
        <v>11</v>
      </c>
      <c r="W9" s="72">
        <v>76</v>
      </c>
      <c r="X9" s="73">
        <v>102</v>
      </c>
      <c r="Y9" s="70">
        <v>37</v>
      </c>
      <c r="Z9" s="71">
        <v>27</v>
      </c>
      <c r="AA9" s="72">
        <v>64</v>
      </c>
      <c r="AB9" s="244"/>
      <c r="AC9" s="71">
        <v>58</v>
      </c>
      <c r="AD9" s="71">
        <v>39</v>
      </c>
      <c r="AE9" s="71">
        <v>30</v>
      </c>
      <c r="AF9" s="71">
        <v>25</v>
      </c>
      <c r="AG9" s="71">
        <v>24</v>
      </c>
      <c r="AH9" s="72">
        <v>176</v>
      </c>
      <c r="AI9" s="73">
        <v>240</v>
      </c>
      <c r="AJ9" s="70">
        <v>50</v>
      </c>
      <c r="AK9" s="71">
        <v>50</v>
      </c>
      <c r="AL9" s="72">
        <v>100</v>
      </c>
      <c r="AM9" s="244"/>
      <c r="AN9" s="71">
        <v>82</v>
      </c>
      <c r="AO9" s="71">
        <v>64</v>
      </c>
      <c r="AP9" s="71">
        <v>51</v>
      </c>
      <c r="AQ9" s="71">
        <v>36</v>
      </c>
      <c r="AR9" s="71">
        <v>39</v>
      </c>
      <c r="AS9" s="72">
        <v>272</v>
      </c>
      <c r="AT9" s="73">
        <v>372</v>
      </c>
      <c r="AU9" s="70">
        <v>86</v>
      </c>
      <c r="AV9" s="71">
        <v>73</v>
      </c>
      <c r="AW9" s="72">
        <v>159</v>
      </c>
      <c r="AX9" s="244"/>
      <c r="AY9" s="71">
        <v>168</v>
      </c>
      <c r="AZ9" s="71">
        <v>97</v>
      </c>
      <c r="BA9" s="71">
        <v>69</v>
      </c>
      <c r="BB9" s="71">
        <v>65</v>
      </c>
      <c r="BC9" s="71">
        <v>33</v>
      </c>
      <c r="BD9" s="72">
        <v>432</v>
      </c>
      <c r="BE9" s="73">
        <v>591</v>
      </c>
      <c r="BF9" s="70">
        <v>128</v>
      </c>
      <c r="BG9" s="71">
        <v>105</v>
      </c>
      <c r="BH9" s="72">
        <v>233</v>
      </c>
      <c r="BI9" s="244"/>
      <c r="BJ9" s="71">
        <v>204</v>
      </c>
      <c r="BK9" s="71">
        <v>133</v>
      </c>
      <c r="BL9" s="71">
        <v>96</v>
      </c>
      <c r="BM9" s="71">
        <v>100</v>
      </c>
      <c r="BN9" s="71">
        <v>60</v>
      </c>
      <c r="BO9" s="72">
        <v>593</v>
      </c>
      <c r="BP9" s="73">
        <v>826</v>
      </c>
      <c r="BQ9" s="70">
        <v>111</v>
      </c>
      <c r="BR9" s="71">
        <v>82</v>
      </c>
      <c r="BS9" s="72">
        <v>193</v>
      </c>
      <c r="BT9" s="244"/>
      <c r="BU9" s="71">
        <v>202</v>
      </c>
      <c r="BV9" s="71">
        <v>161</v>
      </c>
      <c r="BW9" s="71">
        <v>107</v>
      </c>
      <c r="BX9" s="71">
        <v>98</v>
      </c>
      <c r="BY9" s="71">
        <v>55</v>
      </c>
      <c r="BZ9" s="72">
        <v>623</v>
      </c>
      <c r="CA9" s="73">
        <v>816</v>
      </c>
      <c r="CB9" s="70">
        <v>0</v>
      </c>
      <c r="CC9" s="71">
        <v>0</v>
      </c>
      <c r="CD9" s="72">
        <v>0</v>
      </c>
      <c r="CE9" s="244"/>
      <c r="CF9" s="71">
        <v>0</v>
      </c>
      <c r="CG9" s="71">
        <v>0</v>
      </c>
      <c r="CH9" s="71">
        <v>0</v>
      </c>
      <c r="CI9" s="71">
        <v>0</v>
      </c>
      <c r="CJ9" s="71">
        <v>0</v>
      </c>
      <c r="CK9" s="72">
        <v>0</v>
      </c>
      <c r="CL9" s="73">
        <v>0</v>
      </c>
      <c r="CM9" s="70">
        <v>420</v>
      </c>
      <c r="CN9" s="71">
        <v>355</v>
      </c>
      <c r="CO9" s="72">
        <v>775</v>
      </c>
      <c r="CP9" s="244"/>
      <c r="CQ9" s="71">
        <v>736</v>
      </c>
      <c r="CR9" s="71">
        <v>513</v>
      </c>
      <c r="CS9" s="71">
        <v>360</v>
      </c>
      <c r="CT9" s="71">
        <v>341</v>
      </c>
      <c r="CU9" s="71">
        <v>222</v>
      </c>
      <c r="CV9" s="72">
        <v>2172</v>
      </c>
      <c r="CW9" s="73">
        <v>2947</v>
      </c>
      <c r="CX9" s="123">
        <v>219</v>
      </c>
      <c r="CY9" s="82">
        <v>210</v>
      </c>
      <c r="CZ9" s="83">
        <v>429</v>
      </c>
      <c r="DA9" s="241"/>
      <c r="DB9" s="82">
        <v>381</v>
      </c>
      <c r="DC9" s="82">
        <v>253</v>
      </c>
      <c r="DD9" s="82">
        <v>206</v>
      </c>
      <c r="DE9" s="82">
        <v>189</v>
      </c>
      <c r="DF9" s="82">
        <v>136</v>
      </c>
      <c r="DG9" s="84">
        <v>1165</v>
      </c>
      <c r="DH9" s="85">
        <v>1594</v>
      </c>
      <c r="DI9" s="70">
        <v>3</v>
      </c>
      <c r="DJ9" s="71">
        <v>4</v>
      </c>
      <c r="DK9" s="72">
        <v>7</v>
      </c>
      <c r="DL9" s="244"/>
      <c r="DM9" s="71">
        <v>5</v>
      </c>
      <c r="DN9" s="71">
        <v>8</v>
      </c>
      <c r="DO9" s="71">
        <v>3</v>
      </c>
      <c r="DP9" s="71">
        <v>3</v>
      </c>
      <c r="DQ9" s="71">
        <v>2</v>
      </c>
      <c r="DR9" s="72">
        <v>21</v>
      </c>
      <c r="DS9" s="73">
        <v>28</v>
      </c>
      <c r="DT9" s="70">
        <v>9</v>
      </c>
      <c r="DU9" s="71">
        <v>11</v>
      </c>
      <c r="DV9" s="72">
        <v>20</v>
      </c>
      <c r="DW9" s="244"/>
      <c r="DX9" s="71">
        <v>25</v>
      </c>
      <c r="DY9" s="71">
        <v>12</v>
      </c>
      <c r="DZ9" s="71">
        <v>10</v>
      </c>
      <c r="EA9" s="71">
        <v>9</v>
      </c>
      <c r="EB9" s="71">
        <v>4</v>
      </c>
      <c r="EC9" s="72">
        <v>60</v>
      </c>
      <c r="ED9" s="73">
        <v>80</v>
      </c>
      <c r="EE9" s="70">
        <v>36</v>
      </c>
      <c r="EF9" s="71">
        <v>23</v>
      </c>
      <c r="EG9" s="72">
        <v>59</v>
      </c>
      <c r="EH9" s="244"/>
      <c r="EI9" s="71">
        <v>57</v>
      </c>
      <c r="EJ9" s="71">
        <v>25</v>
      </c>
      <c r="EK9" s="71">
        <v>19</v>
      </c>
      <c r="EL9" s="71">
        <v>16</v>
      </c>
      <c r="EM9" s="71">
        <v>12</v>
      </c>
      <c r="EN9" s="72">
        <v>129</v>
      </c>
      <c r="EO9" s="73">
        <v>188</v>
      </c>
      <c r="EP9" s="70">
        <v>59</v>
      </c>
      <c r="EQ9" s="71">
        <v>49</v>
      </c>
      <c r="ER9" s="72">
        <v>108</v>
      </c>
      <c r="ES9" s="244"/>
      <c r="ET9" s="71">
        <v>79</v>
      </c>
      <c r="EU9" s="71">
        <v>54</v>
      </c>
      <c r="EV9" s="71">
        <v>25</v>
      </c>
      <c r="EW9" s="71">
        <v>18</v>
      </c>
      <c r="EX9" s="71">
        <v>23</v>
      </c>
      <c r="EY9" s="72">
        <v>199</v>
      </c>
      <c r="EZ9" s="73">
        <v>307</v>
      </c>
      <c r="FA9" s="70">
        <v>69</v>
      </c>
      <c r="FB9" s="71">
        <v>70</v>
      </c>
      <c r="FC9" s="72">
        <v>139</v>
      </c>
      <c r="FD9" s="244"/>
      <c r="FE9" s="71">
        <v>101</v>
      </c>
      <c r="FF9" s="71">
        <v>72</v>
      </c>
      <c r="FG9" s="71">
        <v>61</v>
      </c>
      <c r="FH9" s="71">
        <v>39</v>
      </c>
      <c r="FI9" s="71">
        <v>33</v>
      </c>
      <c r="FJ9" s="72">
        <v>306</v>
      </c>
      <c r="FK9" s="73">
        <v>445</v>
      </c>
      <c r="FL9" s="70">
        <v>43</v>
      </c>
      <c r="FM9" s="71">
        <v>53</v>
      </c>
      <c r="FN9" s="72">
        <v>96</v>
      </c>
      <c r="FO9" s="244"/>
      <c r="FP9" s="71">
        <v>114</v>
      </c>
      <c r="FQ9" s="71">
        <v>82</v>
      </c>
      <c r="FR9" s="71">
        <v>88</v>
      </c>
      <c r="FS9" s="71">
        <v>104</v>
      </c>
      <c r="FT9" s="71">
        <v>62</v>
      </c>
      <c r="FU9" s="72">
        <v>450</v>
      </c>
      <c r="FV9" s="73">
        <v>546</v>
      </c>
      <c r="FW9" s="70">
        <v>0</v>
      </c>
      <c r="FX9" s="71">
        <v>0</v>
      </c>
      <c r="FY9" s="72">
        <v>0</v>
      </c>
      <c r="FZ9" s="244"/>
      <c r="GA9" s="71">
        <v>0</v>
      </c>
      <c r="GB9" s="71">
        <v>0</v>
      </c>
      <c r="GC9" s="71">
        <v>0</v>
      </c>
      <c r="GD9" s="71">
        <v>0</v>
      </c>
      <c r="GE9" s="71">
        <v>0</v>
      </c>
      <c r="GF9" s="72">
        <v>0</v>
      </c>
      <c r="GG9" s="73">
        <v>0</v>
      </c>
      <c r="GH9" s="70">
        <v>219</v>
      </c>
      <c r="GI9" s="71">
        <v>210</v>
      </c>
      <c r="GJ9" s="72">
        <v>429</v>
      </c>
      <c r="GK9" s="244"/>
      <c r="GL9" s="71">
        <v>381</v>
      </c>
      <c r="GM9" s="71">
        <v>253</v>
      </c>
      <c r="GN9" s="71">
        <v>206</v>
      </c>
      <c r="GO9" s="71">
        <v>189</v>
      </c>
      <c r="GP9" s="71">
        <v>136</v>
      </c>
      <c r="GQ9" s="72">
        <v>1165</v>
      </c>
      <c r="GR9" s="73">
        <v>1594</v>
      </c>
      <c r="GS9" s="123">
        <v>639</v>
      </c>
      <c r="GT9" s="82">
        <v>565</v>
      </c>
      <c r="GU9" s="83">
        <v>1204</v>
      </c>
      <c r="GV9" s="241"/>
      <c r="GW9" s="82">
        <v>1117</v>
      </c>
      <c r="GX9" s="82">
        <v>766</v>
      </c>
      <c r="GY9" s="82">
        <v>566</v>
      </c>
      <c r="GZ9" s="82">
        <v>530</v>
      </c>
      <c r="HA9" s="82">
        <v>358</v>
      </c>
      <c r="HB9" s="84">
        <v>3337</v>
      </c>
      <c r="HC9" s="85">
        <v>4541</v>
      </c>
      <c r="HD9" s="70">
        <v>11</v>
      </c>
      <c r="HE9" s="71">
        <v>22</v>
      </c>
      <c r="HF9" s="72">
        <v>33</v>
      </c>
      <c r="HG9" s="244"/>
      <c r="HH9" s="71">
        <v>27</v>
      </c>
      <c r="HI9" s="71">
        <v>27</v>
      </c>
      <c r="HJ9" s="71">
        <v>10</v>
      </c>
      <c r="HK9" s="71">
        <v>20</v>
      </c>
      <c r="HL9" s="71">
        <v>13</v>
      </c>
      <c r="HM9" s="72">
        <v>97</v>
      </c>
      <c r="HN9" s="73">
        <v>130</v>
      </c>
      <c r="HO9" s="70">
        <v>46</v>
      </c>
      <c r="HP9" s="71">
        <v>38</v>
      </c>
      <c r="HQ9" s="72">
        <v>84</v>
      </c>
      <c r="HR9" s="244"/>
      <c r="HS9" s="71">
        <v>83</v>
      </c>
      <c r="HT9" s="71">
        <v>51</v>
      </c>
      <c r="HU9" s="71">
        <v>40</v>
      </c>
      <c r="HV9" s="71">
        <v>34</v>
      </c>
      <c r="HW9" s="71">
        <v>28</v>
      </c>
      <c r="HX9" s="72">
        <v>236</v>
      </c>
      <c r="HY9" s="73">
        <v>320</v>
      </c>
      <c r="HZ9" s="70">
        <v>86</v>
      </c>
      <c r="IA9" s="71">
        <v>73</v>
      </c>
      <c r="IB9" s="72">
        <v>159</v>
      </c>
      <c r="IC9" s="244"/>
      <c r="ID9" s="71">
        <v>139</v>
      </c>
      <c r="IE9" s="71">
        <v>89</v>
      </c>
      <c r="IF9" s="71">
        <v>70</v>
      </c>
      <c r="IG9" s="71">
        <v>52</v>
      </c>
      <c r="IH9" s="71">
        <v>51</v>
      </c>
      <c r="II9" s="72">
        <v>401</v>
      </c>
      <c r="IJ9" s="73">
        <v>560</v>
      </c>
      <c r="IK9" s="70">
        <v>145</v>
      </c>
      <c r="IL9" s="71">
        <v>122</v>
      </c>
      <c r="IM9" s="72">
        <v>267</v>
      </c>
      <c r="IN9" s="244"/>
      <c r="IO9" s="71">
        <v>247</v>
      </c>
      <c r="IP9" s="71">
        <v>151</v>
      </c>
      <c r="IQ9" s="71">
        <v>94</v>
      </c>
      <c r="IR9" s="71">
        <v>83</v>
      </c>
      <c r="IS9" s="71">
        <v>56</v>
      </c>
      <c r="IT9" s="72">
        <v>631</v>
      </c>
      <c r="IU9" s="73">
        <v>898</v>
      </c>
      <c r="IV9" s="70">
        <v>197</v>
      </c>
      <c r="IW9" s="71">
        <v>175</v>
      </c>
      <c r="IX9" s="72">
        <v>372</v>
      </c>
      <c r="IY9" s="244"/>
      <c r="IZ9" s="71">
        <v>305</v>
      </c>
      <c r="JA9" s="71">
        <v>205</v>
      </c>
      <c r="JB9" s="71">
        <v>157</v>
      </c>
      <c r="JC9" s="71">
        <v>139</v>
      </c>
      <c r="JD9" s="71">
        <v>93</v>
      </c>
      <c r="JE9" s="72">
        <v>899</v>
      </c>
      <c r="JF9" s="73">
        <v>1271</v>
      </c>
      <c r="JG9" s="70">
        <v>154</v>
      </c>
      <c r="JH9" s="71">
        <v>135</v>
      </c>
      <c r="JI9" s="72">
        <v>289</v>
      </c>
      <c r="JJ9" s="244"/>
      <c r="JK9" s="71">
        <v>316</v>
      </c>
      <c r="JL9" s="71">
        <v>243</v>
      </c>
      <c r="JM9" s="71">
        <v>195</v>
      </c>
      <c r="JN9" s="71">
        <v>202</v>
      </c>
      <c r="JO9" s="71">
        <v>117</v>
      </c>
      <c r="JP9" s="72">
        <v>1073</v>
      </c>
      <c r="JQ9" s="73">
        <v>1362</v>
      </c>
      <c r="JR9" s="70">
        <v>0</v>
      </c>
      <c r="JS9" s="71">
        <v>0</v>
      </c>
      <c r="JT9" s="72">
        <v>0</v>
      </c>
      <c r="JU9" s="244"/>
      <c r="JV9" s="71">
        <v>0</v>
      </c>
      <c r="JW9" s="71">
        <v>0</v>
      </c>
      <c r="JX9" s="71">
        <v>0</v>
      </c>
      <c r="JY9" s="71">
        <v>0</v>
      </c>
      <c r="JZ9" s="71">
        <v>0</v>
      </c>
      <c r="KA9" s="72">
        <v>0</v>
      </c>
      <c r="KB9" s="73">
        <v>0</v>
      </c>
      <c r="KC9" s="70">
        <v>639</v>
      </c>
      <c r="KD9" s="71">
        <v>565</v>
      </c>
      <c r="KE9" s="72">
        <v>1204</v>
      </c>
      <c r="KF9" s="244"/>
      <c r="KG9" s="71">
        <v>1117</v>
      </c>
      <c r="KH9" s="71">
        <v>766</v>
      </c>
      <c r="KI9" s="71">
        <v>566</v>
      </c>
      <c r="KJ9" s="71">
        <v>530</v>
      </c>
      <c r="KK9" s="71">
        <v>358</v>
      </c>
      <c r="KL9" s="72">
        <v>3337</v>
      </c>
      <c r="KM9" s="73">
        <v>4541</v>
      </c>
    </row>
    <row r="10" spans="2:299" ht="19.8" customHeight="1" x14ac:dyDescent="0.2">
      <c r="B10" s="126" t="s">
        <v>14</v>
      </c>
      <c r="C10" s="316">
        <v>176</v>
      </c>
      <c r="D10" s="82">
        <v>195</v>
      </c>
      <c r="E10" s="83">
        <v>371</v>
      </c>
      <c r="F10" s="241"/>
      <c r="G10" s="82">
        <v>225</v>
      </c>
      <c r="H10" s="82">
        <v>246</v>
      </c>
      <c r="I10" s="82">
        <v>158</v>
      </c>
      <c r="J10" s="82">
        <v>125</v>
      </c>
      <c r="K10" s="82">
        <v>92</v>
      </c>
      <c r="L10" s="84">
        <v>846</v>
      </c>
      <c r="M10" s="85">
        <v>1217</v>
      </c>
      <c r="N10" s="70">
        <v>11</v>
      </c>
      <c r="O10" s="71">
        <v>3</v>
      </c>
      <c r="P10" s="72">
        <v>14</v>
      </c>
      <c r="Q10" s="244"/>
      <c r="R10" s="71">
        <v>6</v>
      </c>
      <c r="S10" s="71">
        <v>9</v>
      </c>
      <c r="T10" s="71">
        <v>6</v>
      </c>
      <c r="U10" s="71">
        <v>7</v>
      </c>
      <c r="V10" s="71">
        <v>8</v>
      </c>
      <c r="W10" s="72">
        <v>36</v>
      </c>
      <c r="X10" s="73">
        <v>50</v>
      </c>
      <c r="Y10" s="70">
        <v>14</v>
      </c>
      <c r="Z10" s="71">
        <v>22</v>
      </c>
      <c r="AA10" s="72">
        <v>36</v>
      </c>
      <c r="AB10" s="244"/>
      <c r="AC10" s="71">
        <v>12</v>
      </c>
      <c r="AD10" s="71">
        <v>22</v>
      </c>
      <c r="AE10" s="71">
        <v>14</v>
      </c>
      <c r="AF10" s="71">
        <v>17</v>
      </c>
      <c r="AG10" s="71">
        <v>9</v>
      </c>
      <c r="AH10" s="72">
        <v>74</v>
      </c>
      <c r="AI10" s="73">
        <v>110</v>
      </c>
      <c r="AJ10" s="70">
        <v>21</v>
      </c>
      <c r="AK10" s="71">
        <v>29</v>
      </c>
      <c r="AL10" s="72">
        <v>50</v>
      </c>
      <c r="AM10" s="244"/>
      <c r="AN10" s="71">
        <v>18</v>
      </c>
      <c r="AO10" s="71">
        <v>34</v>
      </c>
      <c r="AP10" s="71">
        <v>19</v>
      </c>
      <c r="AQ10" s="71">
        <v>15</v>
      </c>
      <c r="AR10" s="71">
        <v>21</v>
      </c>
      <c r="AS10" s="72">
        <v>107</v>
      </c>
      <c r="AT10" s="73">
        <v>157</v>
      </c>
      <c r="AU10" s="70">
        <v>38</v>
      </c>
      <c r="AV10" s="71">
        <v>47</v>
      </c>
      <c r="AW10" s="72">
        <v>85</v>
      </c>
      <c r="AX10" s="244"/>
      <c r="AY10" s="71">
        <v>65</v>
      </c>
      <c r="AZ10" s="71">
        <v>60</v>
      </c>
      <c r="BA10" s="71">
        <v>44</v>
      </c>
      <c r="BB10" s="71">
        <v>24</v>
      </c>
      <c r="BC10" s="71">
        <v>21</v>
      </c>
      <c r="BD10" s="72">
        <v>214</v>
      </c>
      <c r="BE10" s="73">
        <v>299</v>
      </c>
      <c r="BF10" s="70">
        <v>55</v>
      </c>
      <c r="BG10" s="71">
        <v>51</v>
      </c>
      <c r="BH10" s="72">
        <v>106</v>
      </c>
      <c r="BI10" s="244"/>
      <c r="BJ10" s="71">
        <v>66</v>
      </c>
      <c r="BK10" s="71">
        <v>67</v>
      </c>
      <c r="BL10" s="71">
        <v>45</v>
      </c>
      <c r="BM10" s="71">
        <v>34</v>
      </c>
      <c r="BN10" s="71">
        <v>15</v>
      </c>
      <c r="BO10" s="72">
        <v>227</v>
      </c>
      <c r="BP10" s="73">
        <v>333</v>
      </c>
      <c r="BQ10" s="70">
        <v>37</v>
      </c>
      <c r="BR10" s="71">
        <v>43</v>
      </c>
      <c r="BS10" s="72">
        <v>80</v>
      </c>
      <c r="BT10" s="244"/>
      <c r="BU10" s="71">
        <v>58</v>
      </c>
      <c r="BV10" s="71">
        <v>54</v>
      </c>
      <c r="BW10" s="71">
        <v>30</v>
      </c>
      <c r="BX10" s="71">
        <v>28</v>
      </c>
      <c r="BY10" s="71">
        <v>18</v>
      </c>
      <c r="BZ10" s="72">
        <v>188</v>
      </c>
      <c r="CA10" s="73">
        <v>268</v>
      </c>
      <c r="CB10" s="70">
        <v>0</v>
      </c>
      <c r="CC10" s="71">
        <v>0</v>
      </c>
      <c r="CD10" s="72">
        <v>0</v>
      </c>
      <c r="CE10" s="244"/>
      <c r="CF10" s="71">
        <v>0</v>
      </c>
      <c r="CG10" s="71">
        <v>0</v>
      </c>
      <c r="CH10" s="71">
        <v>0</v>
      </c>
      <c r="CI10" s="71">
        <v>0</v>
      </c>
      <c r="CJ10" s="71">
        <v>0</v>
      </c>
      <c r="CK10" s="72">
        <v>0</v>
      </c>
      <c r="CL10" s="73">
        <v>0</v>
      </c>
      <c r="CM10" s="70">
        <v>176</v>
      </c>
      <c r="CN10" s="71">
        <v>195</v>
      </c>
      <c r="CO10" s="72">
        <v>371</v>
      </c>
      <c r="CP10" s="244"/>
      <c r="CQ10" s="71">
        <v>225</v>
      </c>
      <c r="CR10" s="71">
        <v>246</v>
      </c>
      <c r="CS10" s="71">
        <v>158</v>
      </c>
      <c r="CT10" s="71">
        <v>125</v>
      </c>
      <c r="CU10" s="71">
        <v>92</v>
      </c>
      <c r="CV10" s="72">
        <v>846</v>
      </c>
      <c r="CW10" s="73">
        <v>1217</v>
      </c>
      <c r="CX10" s="123">
        <v>59</v>
      </c>
      <c r="CY10" s="82">
        <v>87</v>
      </c>
      <c r="CZ10" s="83">
        <v>146</v>
      </c>
      <c r="DA10" s="241"/>
      <c r="DB10" s="82">
        <v>100</v>
      </c>
      <c r="DC10" s="82">
        <v>100</v>
      </c>
      <c r="DD10" s="82">
        <v>73</v>
      </c>
      <c r="DE10" s="82">
        <v>67</v>
      </c>
      <c r="DF10" s="82">
        <v>48</v>
      </c>
      <c r="DG10" s="84">
        <v>388</v>
      </c>
      <c r="DH10" s="85">
        <v>534</v>
      </c>
      <c r="DI10" s="70">
        <v>1</v>
      </c>
      <c r="DJ10" s="71">
        <v>3</v>
      </c>
      <c r="DK10" s="72">
        <v>4</v>
      </c>
      <c r="DL10" s="244"/>
      <c r="DM10" s="71">
        <v>0</v>
      </c>
      <c r="DN10" s="71">
        <v>2</v>
      </c>
      <c r="DO10" s="71">
        <v>2</v>
      </c>
      <c r="DP10" s="71">
        <v>0</v>
      </c>
      <c r="DQ10" s="71">
        <v>2</v>
      </c>
      <c r="DR10" s="72">
        <v>6</v>
      </c>
      <c r="DS10" s="73">
        <v>10</v>
      </c>
      <c r="DT10" s="70">
        <v>11</v>
      </c>
      <c r="DU10" s="71">
        <v>5</v>
      </c>
      <c r="DV10" s="72">
        <v>16</v>
      </c>
      <c r="DW10" s="244"/>
      <c r="DX10" s="71">
        <v>6</v>
      </c>
      <c r="DY10" s="71">
        <v>7</v>
      </c>
      <c r="DZ10" s="71">
        <v>5</v>
      </c>
      <c r="EA10" s="71">
        <v>2</v>
      </c>
      <c r="EB10" s="71">
        <v>0</v>
      </c>
      <c r="EC10" s="72">
        <v>20</v>
      </c>
      <c r="ED10" s="73">
        <v>36</v>
      </c>
      <c r="EE10" s="70">
        <v>10</v>
      </c>
      <c r="EF10" s="71">
        <v>10</v>
      </c>
      <c r="EG10" s="72">
        <v>20</v>
      </c>
      <c r="EH10" s="244"/>
      <c r="EI10" s="71">
        <v>9</v>
      </c>
      <c r="EJ10" s="71">
        <v>11</v>
      </c>
      <c r="EK10" s="71">
        <v>6</v>
      </c>
      <c r="EL10" s="71">
        <v>8</v>
      </c>
      <c r="EM10" s="71">
        <v>4</v>
      </c>
      <c r="EN10" s="72">
        <v>38</v>
      </c>
      <c r="EO10" s="73">
        <v>58</v>
      </c>
      <c r="EP10" s="70">
        <v>15</v>
      </c>
      <c r="EQ10" s="71">
        <v>24</v>
      </c>
      <c r="ER10" s="72">
        <v>39</v>
      </c>
      <c r="ES10" s="244"/>
      <c r="ET10" s="71">
        <v>20</v>
      </c>
      <c r="EU10" s="71">
        <v>20</v>
      </c>
      <c r="EV10" s="71">
        <v>9</v>
      </c>
      <c r="EW10" s="71">
        <v>8</v>
      </c>
      <c r="EX10" s="71">
        <v>9</v>
      </c>
      <c r="EY10" s="72">
        <v>66</v>
      </c>
      <c r="EZ10" s="73">
        <v>105</v>
      </c>
      <c r="FA10" s="70">
        <v>11</v>
      </c>
      <c r="FB10" s="71">
        <v>29</v>
      </c>
      <c r="FC10" s="72">
        <v>40</v>
      </c>
      <c r="FD10" s="244"/>
      <c r="FE10" s="71">
        <v>29</v>
      </c>
      <c r="FF10" s="71">
        <v>25</v>
      </c>
      <c r="FG10" s="71">
        <v>19</v>
      </c>
      <c r="FH10" s="71">
        <v>15</v>
      </c>
      <c r="FI10" s="71">
        <v>9</v>
      </c>
      <c r="FJ10" s="72">
        <v>97</v>
      </c>
      <c r="FK10" s="73">
        <v>137</v>
      </c>
      <c r="FL10" s="70">
        <v>11</v>
      </c>
      <c r="FM10" s="71">
        <v>16</v>
      </c>
      <c r="FN10" s="72">
        <v>27</v>
      </c>
      <c r="FO10" s="244"/>
      <c r="FP10" s="71">
        <v>36</v>
      </c>
      <c r="FQ10" s="71">
        <v>35</v>
      </c>
      <c r="FR10" s="71">
        <v>32</v>
      </c>
      <c r="FS10" s="71">
        <v>34</v>
      </c>
      <c r="FT10" s="71">
        <v>24</v>
      </c>
      <c r="FU10" s="72">
        <v>161</v>
      </c>
      <c r="FV10" s="73">
        <v>188</v>
      </c>
      <c r="FW10" s="70">
        <v>0</v>
      </c>
      <c r="FX10" s="71">
        <v>0</v>
      </c>
      <c r="FY10" s="72">
        <v>0</v>
      </c>
      <c r="FZ10" s="244"/>
      <c r="GA10" s="71">
        <v>0</v>
      </c>
      <c r="GB10" s="71">
        <v>0</v>
      </c>
      <c r="GC10" s="71">
        <v>0</v>
      </c>
      <c r="GD10" s="71">
        <v>0</v>
      </c>
      <c r="GE10" s="71">
        <v>0</v>
      </c>
      <c r="GF10" s="72">
        <v>0</v>
      </c>
      <c r="GG10" s="73">
        <v>0</v>
      </c>
      <c r="GH10" s="70">
        <v>59</v>
      </c>
      <c r="GI10" s="71">
        <v>87</v>
      </c>
      <c r="GJ10" s="72">
        <v>146</v>
      </c>
      <c r="GK10" s="244"/>
      <c r="GL10" s="71">
        <v>100</v>
      </c>
      <c r="GM10" s="71">
        <v>100</v>
      </c>
      <c r="GN10" s="71">
        <v>73</v>
      </c>
      <c r="GO10" s="71">
        <v>67</v>
      </c>
      <c r="GP10" s="71">
        <v>48</v>
      </c>
      <c r="GQ10" s="72">
        <v>388</v>
      </c>
      <c r="GR10" s="73">
        <v>534</v>
      </c>
      <c r="GS10" s="123">
        <v>235</v>
      </c>
      <c r="GT10" s="82">
        <v>282</v>
      </c>
      <c r="GU10" s="83">
        <v>517</v>
      </c>
      <c r="GV10" s="241"/>
      <c r="GW10" s="82">
        <v>325</v>
      </c>
      <c r="GX10" s="82">
        <v>346</v>
      </c>
      <c r="GY10" s="82">
        <v>231</v>
      </c>
      <c r="GZ10" s="82">
        <v>192</v>
      </c>
      <c r="HA10" s="82">
        <v>140</v>
      </c>
      <c r="HB10" s="84">
        <v>1234</v>
      </c>
      <c r="HC10" s="85">
        <v>1751</v>
      </c>
      <c r="HD10" s="70">
        <v>12</v>
      </c>
      <c r="HE10" s="71">
        <v>6</v>
      </c>
      <c r="HF10" s="72">
        <v>18</v>
      </c>
      <c r="HG10" s="244"/>
      <c r="HH10" s="71">
        <v>6</v>
      </c>
      <c r="HI10" s="71">
        <v>11</v>
      </c>
      <c r="HJ10" s="71">
        <v>8</v>
      </c>
      <c r="HK10" s="71">
        <v>7</v>
      </c>
      <c r="HL10" s="71">
        <v>10</v>
      </c>
      <c r="HM10" s="72">
        <v>42</v>
      </c>
      <c r="HN10" s="73">
        <v>60</v>
      </c>
      <c r="HO10" s="70">
        <v>25</v>
      </c>
      <c r="HP10" s="71">
        <v>27</v>
      </c>
      <c r="HQ10" s="72">
        <v>52</v>
      </c>
      <c r="HR10" s="244"/>
      <c r="HS10" s="71">
        <v>18</v>
      </c>
      <c r="HT10" s="71">
        <v>29</v>
      </c>
      <c r="HU10" s="71">
        <v>19</v>
      </c>
      <c r="HV10" s="71">
        <v>19</v>
      </c>
      <c r="HW10" s="71">
        <v>9</v>
      </c>
      <c r="HX10" s="72">
        <v>94</v>
      </c>
      <c r="HY10" s="73">
        <v>146</v>
      </c>
      <c r="HZ10" s="70">
        <v>31</v>
      </c>
      <c r="IA10" s="71">
        <v>39</v>
      </c>
      <c r="IB10" s="72">
        <v>70</v>
      </c>
      <c r="IC10" s="244"/>
      <c r="ID10" s="71">
        <v>27</v>
      </c>
      <c r="IE10" s="71">
        <v>45</v>
      </c>
      <c r="IF10" s="71">
        <v>25</v>
      </c>
      <c r="IG10" s="71">
        <v>23</v>
      </c>
      <c r="IH10" s="71">
        <v>25</v>
      </c>
      <c r="II10" s="72">
        <v>145</v>
      </c>
      <c r="IJ10" s="73">
        <v>215</v>
      </c>
      <c r="IK10" s="70">
        <v>53</v>
      </c>
      <c r="IL10" s="71">
        <v>71</v>
      </c>
      <c r="IM10" s="72">
        <v>124</v>
      </c>
      <c r="IN10" s="244"/>
      <c r="IO10" s="71">
        <v>85</v>
      </c>
      <c r="IP10" s="71">
        <v>80</v>
      </c>
      <c r="IQ10" s="71">
        <v>53</v>
      </c>
      <c r="IR10" s="71">
        <v>32</v>
      </c>
      <c r="IS10" s="71">
        <v>30</v>
      </c>
      <c r="IT10" s="72">
        <v>280</v>
      </c>
      <c r="IU10" s="73">
        <v>404</v>
      </c>
      <c r="IV10" s="70">
        <v>66</v>
      </c>
      <c r="IW10" s="71">
        <v>80</v>
      </c>
      <c r="IX10" s="72">
        <v>146</v>
      </c>
      <c r="IY10" s="244"/>
      <c r="IZ10" s="71">
        <v>95</v>
      </c>
      <c r="JA10" s="71">
        <v>92</v>
      </c>
      <c r="JB10" s="71">
        <v>64</v>
      </c>
      <c r="JC10" s="71">
        <v>49</v>
      </c>
      <c r="JD10" s="71">
        <v>24</v>
      </c>
      <c r="JE10" s="72">
        <v>324</v>
      </c>
      <c r="JF10" s="73">
        <v>470</v>
      </c>
      <c r="JG10" s="70">
        <v>48</v>
      </c>
      <c r="JH10" s="71">
        <v>59</v>
      </c>
      <c r="JI10" s="72">
        <v>107</v>
      </c>
      <c r="JJ10" s="244"/>
      <c r="JK10" s="71">
        <v>94</v>
      </c>
      <c r="JL10" s="71">
        <v>89</v>
      </c>
      <c r="JM10" s="71">
        <v>62</v>
      </c>
      <c r="JN10" s="71">
        <v>62</v>
      </c>
      <c r="JO10" s="71">
        <v>42</v>
      </c>
      <c r="JP10" s="72">
        <v>349</v>
      </c>
      <c r="JQ10" s="73">
        <v>456</v>
      </c>
      <c r="JR10" s="70">
        <v>0</v>
      </c>
      <c r="JS10" s="71">
        <v>0</v>
      </c>
      <c r="JT10" s="72">
        <v>0</v>
      </c>
      <c r="JU10" s="244"/>
      <c r="JV10" s="71">
        <v>0</v>
      </c>
      <c r="JW10" s="71">
        <v>0</v>
      </c>
      <c r="JX10" s="71">
        <v>0</v>
      </c>
      <c r="JY10" s="71">
        <v>0</v>
      </c>
      <c r="JZ10" s="71">
        <v>0</v>
      </c>
      <c r="KA10" s="72">
        <v>0</v>
      </c>
      <c r="KB10" s="73">
        <v>0</v>
      </c>
      <c r="KC10" s="70">
        <v>235</v>
      </c>
      <c r="KD10" s="71">
        <v>282</v>
      </c>
      <c r="KE10" s="72">
        <v>517</v>
      </c>
      <c r="KF10" s="244"/>
      <c r="KG10" s="71">
        <v>325</v>
      </c>
      <c r="KH10" s="71">
        <v>346</v>
      </c>
      <c r="KI10" s="71">
        <v>231</v>
      </c>
      <c r="KJ10" s="71">
        <v>192</v>
      </c>
      <c r="KK10" s="71">
        <v>140</v>
      </c>
      <c r="KL10" s="72">
        <v>1234</v>
      </c>
      <c r="KM10" s="73">
        <v>1751</v>
      </c>
    </row>
    <row r="11" spans="2:299" ht="19.8" customHeight="1" x14ac:dyDescent="0.2">
      <c r="B11" s="126" t="s">
        <v>7</v>
      </c>
      <c r="C11" s="316">
        <v>109</v>
      </c>
      <c r="D11" s="82">
        <v>82</v>
      </c>
      <c r="E11" s="83">
        <v>191</v>
      </c>
      <c r="F11" s="241"/>
      <c r="G11" s="82">
        <v>236</v>
      </c>
      <c r="H11" s="82">
        <v>146</v>
      </c>
      <c r="I11" s="82">
        <v>85</v>
      </c>
      <c r="J11" s="82">
        <v>67</v>
      </c>
      <c r="K11" s="82">
        <v>41</v>
      </c>
      <c r="L11" s="84">
        <v>575</v>
      </c>
      <c r="M11" s="85">
        <v>766</v>
      </c>
      <c r="N11" s="70">
        <v>6</v>
      </c>
      <c r="O11" s="71">
        <v>1</v>
      </c>
      <c r="P11" s="72">
        <v>7</v>
      </c>
      <c r="Q11" s="244"/>
      <c r="R11" s="71">
        <v>2</v>
      </c>
      <c r="S11" s="71">
        <v>4</v>
      </c>
      <c r="T11" s="71">
        <v>4</v>
      </c>
      <c r="U11" s="71">
        <v>2</v>
      </c>
      <c r="V11" s="71">
        <v>2</v>
      </c>
      <c r="W11" s="72">
        <v>14</v>
      </c>
      <c r="X11" s="73">
        <v>21</v>
      </c>
      <c r="Y11" s="70">
        <v>7</v>
      </c>
      <c r="Z11" s="71">
        <v>8</v>
      </c>
      <c r="AA11" s="72">
        <v>15</v>
      </c>
      <c r="AB11" s="244"/>
      <c r="AC11" s="71">
        <v>26</v>
      </c>
      <c r="AD11" s="71">
        <v>12</v>
      </c>
      <c r="AE11" s="71">
        <v>12</v>
      </c>
      <c r="AF11" s="71">
        <v>7</v>
      </c>
      <c r="AG11" s="71">
        <v>3</v>
      </c>
      <c r="AH11" s="72">
        <v>60</v>
      </c>
      <c r="AI11" s="73">
        <v>75</v>
      </c>
      <c r="AJ11" s="70">
        <v>12</v>
      </c>
      <c r="AK11" s="71">
        <v>6</v>
      </c>
      <c r="AL11" s="72">
        <v>18</v>
      </c>
      <c r="AM11" s="244"/>
      <c r="AN11" s="71">
        <v>30</v>
      </c>
      <c r="AO11" s="71">
        <v>18</v>
      </c>
      <c r="AP11" s="71">
        <v>8</v>
      </c>
      <c r="AQ11" s="71">
        <v>11</v>
      </c>
      <c r="AR11" s="71">
        <v>5</v>
      </c>
      <c r="AS11" s="72">
        <v>72</v>
      </c>
      <c r="AT11" s="73">
        <v>90</v>
      </c>
      <c r="AU11" s="70">
        <v>29</v>
      </c>
      <c r="AV11" s="71">
        <v>22</v>
      </c>
      <c r="AW11" s="72">
        <v>51</v>
      </c>
      <c r="AX11" s="244"/>
      <c r="AY11" s="71">
        <v>60</v>
      </c>
      <c r="AZ11" s="71">
        <v>34</v>
      </c>
      <c r="BA11" s="71">
        <v>16</v>
      </c>
      <c r="BB11" s="71">
        <v>14</v>
      </c>
      <c r="BC11" s="71">
        <v>13</v>
      </c>
      <c r="BD11" s="72">
        <v>137</v>
      </c>
      <c r="BE11" s="73">
        <v>188</v>
      </c>
      <c r="BF11" s="70">
        <v>34</v>
      </c>
      <c r="BG11" s="71">
        <v>23</v>
      </c>
      <c r="BH11" s="72">
        <v>57</v>
      </c>
      <c r="BI11" s="244"/>
      <c r="BJ11" s="71">
        <v>56</v>
      </c>
      <c r="BK11" s="71">
        <v>39</v>
      </c>
      <c r="BL11" s="71">
        <v>23</v>
      </c>
      <c r="BM11" s="71">
        <v>12</v>
      </c>
      <c r="BN11" s="71">
        <v>12</v>
      </c>
      <c r="BO11" s="72">
        <v>142</v>
      </c>
      <c r="BP11" s="73">
        <v>199</v>
      </c>
      <c r="BQ11" s="70">
        <v>21</v>
      </c>
      <c r="BR11" s="71">
        <v>22</v>
      </c>
      <c r="BS11" s="72">
        <v>43</v>
      </c>
      <c r="BT11" s="244"/>
      <c r="BU11" s="71">
        <v>62</v>
      </c>
      <c r="BV11" s="71">
        <v>39</v>
      </c>
      <c r="BW11" s="71">
        <v>22</v>
      </c>
      <c r="BX11" s="71">
        <v>21</v>
      </c>
      <c r="BY11" s="71">
        <v>6</v>
      </c>
      <c r="BZ11" s="72">
        <v>150</v>
      </c>
      <c r="CA11" s="73">
        <v>193</v>
      </c>
      <c r="CB11" s="70">
        <v>0</v>
      </c>
      <c r="CC11" s="71">
        <v>0</v>
      </c>
      <c r="CD11" s="72">
        <v>0</v>
      </c>
      <c r="CE11" s="244"/>
      <c r="CF11" s="71">
        <v>0</v>
      </c>
      <c r="CG11" s="71">
        <v>0</v>
      </c>
      <c r="CH11" s="71">
        <v>0</v>
      </c>
      <c r="CI11" s="71">
        <v>0</v>
      </c>
      <c r="CJ11" s="71">
        <v>0</v>
      </c>
      <c r="CK11" s="72">
        <v>0</v>
      </c>
      <c r="CL11" s="73">
        <v>0</v>
      </c>
      <c r="CM11" s="70">
        <v>109</v>
      </c>
      <c r="CN11" s="71">
        <v>82</v>
      </c>
      <c r="CO11" s="72">
        <v>191</v>
      </c>
      <c r="CP11" s="244"/>
      <c r="CQ11" s="71">
        <v>236</v>
      </c>
      <c r="CR11" s="71">
        <v>146</v>
      </c>
      <c r="CS11" s="71">
        <v>85</v>
      </c>
      <c r="CT11" s="71">
        <v>67</v>
      </c>
      <c r="CU11" s="71">
        <v>41</v>
      </c>
      <c r="CV11" s="72">
        <v>575</v>
      </c>
      <c r="CW11" s="73">
        <v>766</v>
      </c>
      <c r="CX11" s="123">
        <v>35</v>
      </c>
      <c r="CY11" s="82">
        <v>37</v>
      </c>
      <c r="CZ11" s="83">
        <v>72</v>
      </c>
      <c r="DA11" s="241"/>
      <c r="DB11" s="82">
        <v>67</v>
      </c>
      <c r="DC11" s="82">
        <v>39</v>
      </c>
      <c r="DD11" s="82">
        <v>33</v>
      </c>
      <c r="DE11" s="82">
        <v>26</v>
      </c>
      <c r="DF11" s="82">
        <v>16</v>
      </c>
      <c r="DG11" s="84">
        <v>181</v>
      </c>
      <c r="DH11" s="85">
        <v>253</v>
      </c>
      <c r="DI11" s="70">
        <v>0</v>
      </c>
      <c r="DJ11" s="71">
        <v>0</v>
      </c>
      <c r="DK11" s="72">
        <v>0</v>
      </c>
      <c r="DL11" s="244"/>
      <c r="DM11" s="71">
        <v>3</v>
      </c>
      <c r="DN11" s="71">
        <v>1</v>
      </c>
      <c r="DO11" s="71">
        <v>4</v>
      </c>
      <c r="DP11" s="71">
        <v>1</v>
      </c>
      <c r="DQ11" s="71">
        <v>0</v>
      </c>
      <c r="DR11" s="72">
        <v>9</v>
      </c>
      <c r="DS11" s="73">
        <v>9</v>
      </c>
      <c r="DT11" s="70">
        <v>0</v>
      </c>
      <c r="DU11" s="71">
        <v>2</v>
      </c>
      <c r="DV11" s="72">
        <v>2</v>
      </c>
      <c r="DW11" s="244"/>
      <c r="DX11" s="71">
        <v>5</v>
      </c>
      <c r="DY11" s="71">
        <v>7</v>
      </c>
      <c r="DZ11" s="71">
        <v>2</v>
      </c>
      <c r="EA11" s="71">
        <v>2</v>
      </c>
      <c r="EB11" s="71">
        <v>1</v>
      </c>
      <c r="EC11" s="72">
        <v>17</v>
      </c>
      <c r="ED11" s="73">
        <v>19</v>
      </c>
      <c r="EE11" s="70">
        <v>3</v>
      </c>
      <c r="EF11" s="71">
        <v>4</v>
      </c>
      <c r="EG11" s="72">
        <v>7</v>
      </c>
      <c r="EH11" s="244"/>
      <c r="EI11" s="71">
        <v>5</v>
      </c>
      <c r="EJ11" s="71">
        <v>4</v>
      </c>
      <c r="EK11" s="71">
        <v>4</v>
      </c>
      <c r="EL11" s="71">
        <v>6</v>
      </c>
      <c r="EM11" s="71">
        <v>2</v>
      </c>
      <c r="EN11" s="72">
        <v>21</v>
      </c>
      <c r="EO11" s="73">
        <v>28</v>
      </c>
      <c r="EP11" s="70">
        <v>13</v>
      </c>
      <c r="EQ11" s="71">
        <v>10</v>
      </c>
      <c r="ER11" s="72">
        <v>23</v>
      </c>
      <c r="ES11" s="244"/>
      <c r="ET11" s="71">
        <v>16</v>
      </c>
      <c r="EU11" s="71">
        <v>3</v>
      </c>
      <c r="EV11" s="71">
        <v>4</v>
      </c>
      <c r="EW11" s="71">
        <v>1</v>
      </c>
      <c r="EX11" s="71">
        <v>2</v>
      </c>
      <c r="EY11" s="72">
        <v>26</v>
      </c>
      <c r="EZ11" s="73">
        <v>49</v>
      </c>
      <c r="FA11" s="70">
        <v>12</v>
      </c>
      <c r="FB11" s="71">
        <v>12</v>
      </c>
      <c r="FC11" s="72">
        <v>24</v>
      </c>
      <c r="FD11" s="244"/>
      <c r="FE11" s="71">
        <v>22</v>
      </c>
      <c r="FF11" s="71">
        <v>5</v>
      </c>
      <c r="FG11" s="71">
        <v>7</v>
      </c>
      <c r="FH11" s="71">
        <v>4</v>
      </c>
      <c r="FI11" s="71">
        <v>6</v>
      </c>
      <c r="FJ11" s="72">
        <v>44</v>
      </c>
      <c r="FK11" s="73">
        <v>68</v>
      </c>
      <c r="FL11" s="70">
        <v>7</v>
      </c>
      <c r="FM11" s="71">
        <v>9</v>
      </c>
      <c r="FN11" s="72">
        <v>16</v>
      </c>
      <c r="FO11" s="244"/>
      <c r="FP11" s="71">
        <v>16</v>
      </c>
      <c r="FQ11" s="71">
        <v>19</v>
      </c>
      <c r="FR11" s="71">
        <v>12</v>
      </c>
      <c r="FS11" s="71">
        <v>12</v>
      </c>
      <c r="FT11" s="71">
        <v>5</v>
      </c>
      <c r="FU11" s="72">
        <v>64</v>
      </c>
      <c r="FV11" s="73">
        <v>80</v>
      </c>
      <c r="FW11" s="70">
        <v>0</v>
      </c>
      <c r="FX11" s="71">
        <v>0</v>
      </c>
      <c r="FY11" s="72">
        <v>0</v>
      </c>
      <c r="FZ11" s="244"/>
      <c r="GA11" s="71">
        <v>0</v>
      </c>
      <c r="GB11" s="71">
        <v>0</v>
      </c>
      <c r="GC11" s="71">
        <v>0</v>
      </c>
      <c r="GD11" s="71">
        <v>0</v>
      </c>
      <c r="GE11" s="71">
        <v>0</v>
      </c>
      <c r="GF11" s="72">
        <v>0</v>
      </c>
      <c r="GG11" s="73">
        <v>0</v>
      </c>
      <c r="GH11" s="70">
        <v>35</v>
      </c>
      <c r="GI11" s="71">
        <v>37</v>
      </c>
      <c r="GJ11" s="72">
        <v>72</v>
      </c>
      <c r="GK11" s="244"/>
      <c r="GL11" s="71">
        <v>67</v>
      </c>
      <c r="GM11" s="71">
        <v>39</v>
      </c>
      <c r="GN11" s="71">
        <v>33</v>
      </c>
      <c r="GO11" s="71">
        <v>26</v>
      </c>
      <c r="GP11" s="71">
        <v>16</v>
      </c>
      <c r="GQ11" s="72">
        <v>181</v>
      </c>
      <c r="GR11" s="73">
        <v>253</v>
      </c>
      <c r="GS11" s="123">
        <v>144</v>
      </c>
      <c r="GT11" s="82">
        <v>119</v>
      </c>
      <c r="GU11" s="83">
        <v>263</v>
      </c>
      <c r="GV11" s="241"/>
      <c r="GW11" s="82">
        <v>303</v>
      </c>
      <c r="GX11" s="82">
        <v>185</v>
      </c>
      <c r="GY11" s="82">
        <v>118</v>
      </c>
      <c r="GZ11" s="82">
        <v>93</v>
      </c>
      <c r="HA11" s="82">
        <v>57</v>
      </c>
      <c r="HB11" s="84">
        <v>756</v>
      </c>
      <c r="HC11" s="85">
        <v>1019</v>
      </c>
      <c r="HD11" s="70">
        <v>6</v>
      </c>
      <c r="HE11" s="71">
        <v>1</v>
      </c>
      <c r="HF11" s="72">
        <v>7</v>
      </c>
      <c r="HG11" s="244"/>
      <c r="HH11" s="71">
        <v>5</v>
      </c>
      <c r="HI11" s="71">
        <v>5</v>
      </c>
      <c r="HJ11" s="71">
        <v>8</v>
      </c>
      <c r="HK11" s="71">
        <v>3</v>
      </c>
      <c r="HL11" s="71">
        <v>2</v>
      </c>
      <c r="HM11" s="72">
        <v>23</v>
      </c>
      <c r="HN11" s="73">
        <v>30</v>
      </c>
      <c r="HO11" s="70">
        <v>7</v>
      </c>
      <c r="HP11" s="71">
        <v>10</v>
      </c>
      <c r="HQ11" s="72">
        <v>17</v>
      </c>
      <c r="HR11" s="244"/>
      <c r="HS11" s="71">
        <v>31</v>
      </c>
      <c r="HT11" s="71">
        <v>19</v>
      </c>
      <c r="HU11" s="71">
        <v>14</v>
      </c>
      <c r="HV11" s="71">
        <v>9</v>
      </c>
      <c r="HW11" s="71">
        <v>4</v>
      </c>
      <c r="HX11" s="72">
        <v>77</v>
      </c>
      <c r="HY11" s="73">
        <v>94</v>
      </c>
      <c r="HZ11" s="70">
        <v>15</v>
      </c>
      <c r="IA11" s="71">
        <v>10</v>
      </c>
      <c r="IB11" s="72">
        <v>25</v>
      </c>
      <c r="IC11" s="244"/>
      <c r="ID11" s="71">
        <v>35</v>
      </c>
      <c r="IE11" s="71">
        <v>22</v>
      </c>
      <c r="IF11" s="71">
        <v>12</v>
      </c>
      <c r="IG11" s="71">
        <v>17</v>
      </c>
      <c r="IH11" s="71">
        <v>7</v>
      </c>
      <c r="II11" s="72">
        <v>93</v>
      </c>
      <c r="IJ11" s="73">
        <v>118</v>
      </c>
      <c r="IK11" s="70">
        <v>42</v>
      </c>
      <c r="IL11" s="71">
        <v>32</v>
      </c>
      <c r="IM11" s="72">
        <v>74</v>
      </c>
      <c r="IN11" s="244"/>
      <c r="IO11" s="71">
        <v>76</v>
      </c>
      <c r="IP11" s="71">
        <v>37</v>
      </c>
      <c r="IQ11" s="71">
        <v>20</v>
      </c>
      <c r="IR11" s="71">
        <v>15</v>
      </c>
      <c r="IS11" s="71">
        <v>15</v>
      </c>
      <c r="IT11" s="72">
        <v>163</v>
      </c>
      <c r="IU11" s="73">
        <v>237</v>
      </c>
      <c r="IV11" s="70">
        <v>46</v>
      </c>
      <c r="IW11" s="71">
        <v>35</v>
      </c>
      <c r="IX11" s="72">
        <v>81</v>
      </c>
      <c r="IY11" s="244"/>
      <c r="IZ11" s="71">
        <v>78</v>
      </c>
      <c r="JA11" s="71">
        <v>44</v>
      </c>
      <c r="JB11" s="71">
        <v>30</v>
      </c>
      <c r="JC11" s="71">
        <v>16</v>
      </c>
      <c r="JD11" s="71">
        <v>18</v>
      </c>
      <c r="JE11" s="72">
        <v>186</v>
      </c>
      <c r="JF11" s="73">
        <v>267</v>
      </c>
      <c r="JG11" s="70">
        <v>28</v>
      </c>
      <c r="JH11" s="71">
        <v>31</v>
      </c>
      <c r="JI11" s="72">
        <v>59</v>
      </c>
      <c r="JJ11" s="244"/>
      <c r="JK11" s="71">
        <v>78</v>
      </c>
      <c r="JL11" s="71">
        <v>58</v>
      </c>
      <c r="JM11" s="71">
        <v>34</v>
      </c>
      <c r="JN11" s="71">
        <v>33</v>
      </c>
      <c r="JO11" s="71">
        <v>11</v>
      </c>
      <c r="JP11" s="72">
        <v>214</v>
      </c>
      <c r="JQ11" s="73">
        <v>273</v>
      </c>
      <c r="JR11" s="70">
        <v>0</v>
      </c>
      <c r="JS11" s="71">
        <v>0</v>
      </c>
      <c r="JT11" s="72">
        <v>0</v>
      </c>
      <c r="JU11" s="244"/>
      <c r="JV11" s="71">
        <v>0</v>
      </c>
      <c r="JW11" s="71">
        <v>0</v>
      </c>
      <c r="JX11" s="71">
        <v>0</v>
      </c>
      <c r="JY11" s="71">
        <v>0</v>
      </c>
      <c r="JZ11" s="71">
        <v>0</v>
      </c>
      <c r="KA11" s="72">
        <v>0</v>
      </c>
      <c r="KB11" s="73">
        <v>0</v>
      </c>
      <c r="KC11" s="70">
        <v>144</v>
      </c>
      <c r="KD11" s="71">
        <v>119</v>
      </c>
      <c r="KE11" s="72">
        <v>263</v>
      </c>
      <c r="KF11" s="244"/>
      <c r="KG11" s="71">
        <v>303</v>
      </c>
      <c r="KH11" s="71">
        <v>185</v>
      </c>
      <c r="KI11" s="71">
        <v>118</v>
      </c>
      <c r="KJ11" s="71">
        <v>93</v>
      </c>
      <c r="KK11" s="71">
        <v>57</v>
      </c>
      <c r="KL11" s="72">
        <v>756</v>
      </c>
      <c r="KM11" s="73">
        <v>1019</v>
      </c>
    </row>
    <row r="12" spans="2:299" ht="19.8" customHeight="1" x14ac:dyDescent="0.2">
      <c r="B12" s="126" t="s">
        <v>8</v>
      </c>
      <c r="C12" s="316">
        <v>52</v>
      </c>
      <c r="D12" s="82">
        <v>27</v>
      </c>
      <c r="E12" s="83">
        <v>79</v>
      </c>
      <c r="F12" s="241"/>
      <c r="G12" s="82">
        <v>107</v>
      </c>
      <c r="H12" s="82">
        <v>80</v>
      </c>
      <c r="I12" s="82">
        <v>42</v>
      </c>
      <c r="J12" s="82">
        <v>52</v>
      </c>
      <c r="K12" s="82">
        <v>20</v>
      </c>
      <c r="L12" s="84">
        <v>301</v>
      </c>
      <c r="M12" s="85">
        <v>380</v>
      </c>
      <c r="N12" s="70">
        <v>3</v>
      </c>
      <c r="O12" s="71">
        <v>4</v>
      </c>
      <c r="P12" s="72">
        <v>7</v>
      </c>
      <c r="Q12" s="244"/>
      <c r="R12" s="71">
        <v>3</v>
      </c>
      <c r="S12" s="71">
        <v>1</v>
      </c>
      <c r="T12" s="71">
        <v>0</v>
      </c>
      <c r="U12" s="71">
        <v>1</v>
      </c>
      <c r="V12" s="71">
        <v>2</v>
      </c>
      <c r="W12" s="72">
        <v>7</v>
      </c>
      <c r="X12" s="73">
        <v>14</v>
      </c>
      <c r="Y12" s="70">
        <v>6</v>
      </c>
      <c r="Z12" s="71">
        <v>1</v>
      </c>
      <c r="AA12" s="72">
        <v>7</v>
      </c>
      <c r="AB12" s="244"/>
      <c r="AC12" s="71">
        <v>8</v>
      </c>
      <c r="AD12" s="71">
        <v>13</v>
      </c>
      <c r="AE12" s="71">
        <v>6</v>
      </c>
      <c r="AF12" s="71">
        <v>6</v>
      </c>
      <c r="AG12" s="71">
        <v>2</v>
      </c>
      <c r="AH12" s="72">
        <v>35</v>
      </c>
      <c r="AI12" s="73">
        <v>42</v>
      </c>
      <c r="AJ12" s="70">
        <v>2</v>
      </c>
      <c r="AK12" s="71">
        <v>1</v>
      </c>
      <c r="AL12" s="72">
        <v>3</v>
      </c>
      <c r="AM12" s="244"/>
      <c r="AN12" s="71">
        <v>10</v>
      </c>
      <c r="AO12" s="71">
        <v>9</v>
      </c>
      <c r="AP12" s="71">
        <v>10</v>
      </c>
      <c r="AQ12" s="71">
        <v>7</v>
      </c>
      <c r="AR12" s="71">
        <v>1</v>
      </c>
      <c r="AS12" s="72">
        <v>37</v>
      </c>
      <c r="AT12" s="73">
        <v>40</v>
      </c>
      <c r="AU12" s="70">
        <v>13</v>
      </c>
      <c r="AV12" s="71">
        <v>6</v>
      </c>
      <c r="AW12" s="72">
        <v>19</v>
      </c>
      <c r="AX12" s="244"/>
      <c r="AY12" s="71">
        <v>23</v>
      </c>
      <c r="AZ12" s="71">
        <v>16</v>
      </c>
      <c r="BA12" s="71">
        <v>1</v>
      </c>
      <c r="BB12" s="71">
        <v>11</v>
      </c>
      <c r="BC12" s="71">
        <v>2</v>
      </c>
      <c r="BD12" s="72">
        <v>53</v>
      </c>
      <c r="BE12" s="73">
        <v>72</v>
      </c>
      <c r="BF12" s="70">
        <v>11</v>
      </c>
      <c r="BG12" s="71">
        <v>2</v>
      </c>
      <c r="BH12" s="72">
        <v>13</v>
      </c>
      <c r="BI12" s="244"/>
      <c r="BJ12" s="71">
        <v>37</v>
      </c>
      <c r="BK12" s="71">
        <v>17</v>
      </c>
      <c r="BL12" s="71">
        <v>10</v>
      </c>
      <c r="BM12" s="71">
        <v>13</v>
      </c>
      <c r="BN12" s="71">
        <v>6</v>
      </c>
      <c r="BO12" s="72">
        <v>83</v>
      </c>
      <c r="BP12" s="73">
        <v>96</v>
      </c>
      <c r="BQ12" s="70">
        <v>17</v>
      </c>
      <c r="BR12" s="71">
        <v>13</v>
      </c>
      <c r="BS12" s="72">
        <v>30</v>
      </c>
      <c r="BT12" s="244"/>
      <c r="BU12" s="71">
        <v>26</v>
      </c>
      <c r="BV12" s="71">
        <v>24</v>
      </c>
      <c r="BW12" s="71">
        <v>15</v>
      </c>
      <c r="BX12" s="71">
        <v>14</v>
      </c>
      <c r="BY12" s="71">
        <v>7</v>
      </c>
      <c r="BZ12" s="72">
        <v>86</v>
      </c>
      <c r="CA12" s="73">
        <v>116</v>
      </c>
      <c r="CB12" s="70">
        <v>0</v>
      </c>
      <c r="CC12" s="71">
        <v>0</v>
      </c>
      <c r="CD12" s="72">
        <v>0</v>
      </c>
      <c r="CE12" s="244"/>
      <c r="CF12" s="71">
        <v>0</v>
      </c>
      <c r="CG12" s="71">
        <v>0</v>
      </c>
      <c r="CH12" s="71">
        <v>0</v>
      </c>
      <c r="CI12" s="71">
        <v>0</v>
      </c>
      <c r="CJ12" s="71">
        <v>0</v>
      </c>
      <c r="CK12" s="72">
        <v>0</v>
      </c>
      <c r="CL12" s="73">
        <v>0</v>
      </c>
      <c r="CM12" s="70">
        <v>52</v>
      </c>
      <c r="CN12" s="71">
        <v>27</v>
      </c>
      <c r="CO12" s="72">
        <v>79</v>
      </c>
      <c r="CP12" s="244"/>
      <c r="CQ12" s="71">
        <v>107</v>
      </c>
      <c r="CR12" s="71">
        <v>80</v>
      </c>
      <c r="CS12" s="71">
        <v>42</v>
      </c>
      <c r="CT12" s="71">
        <v>52</v>
      </c>
      <c r="CU12" s="71">
        <v>20</v>
      </c>
      <c r="CV12" s="72">
        <v>301</v>
      </c>
      <c r="CW12" s="73">
        <v>380</v>
      </c>
      <c r="CX12" s="123">
        <v>24</v>
      </c>
      <c r="CY12" s="82">
        <v>20</v>
      </c>
      <c r="CZ12" s="83">
        <v>44</v>
      </c>
      <c r="DA12" s="241"/>
      <c r="DB12" s="82">
        <v>40</v>
      </c>
      <c r="DC12" s="82">
        <v>36</v>
      </c>
      <c r="DD12" s="82">
        <v>20</v>
      </c>
      <c r="DE12" s="82">
        <v>19</v>
      </c>
      <c r="DF12" s="82">
        <v>16</v>
      </c>
      <c r="DG12" s="84">
        <v>131</v>
      </c>
      <c r="DH12" s="85">
        <v>175</v>
      </c>
      <c r="DI12" s="70">
        <v>1</v>
      </c>
      <c r="DJ12" s="71">
        <v>0</v>
      </c>
      <c r="DK12" s="72">
        <v>1</v>
      </c>
      <c r="DL12" s="244"/>
      <c r="DM12" s="71">
        <v>1</v>
      </c>
      <c r="DN12" s="71">
        <v>1</v>
      </c>
      <c r="DO12" s="71">
        <v>0</v>
      </c>
      <c r="DP12" s="71">
        <v>2</v>
      </c>
      <c r="DQ12" s="71">
        <v>0</v>
      </c>
      <c r="DR12" s="72">
        <v>4</v>
      </c>
      <c r="DS12" s="73">
        <v>5</v>
      </c>
      <c r="DT12" s="70">
        <v>3</v>
      </c>
      <c r="DU12" s="71">
        <v>3</v>
      </c>
      <c r="DV12" s="72">
        <v>6</v>
      </c>
      <c r="DW12" s="244"/>
      <c r="DX12" s="71">
        <v>3</v>
      </c>
      <c r="DY12" s="71">
        <v>0</v>
      </c>
      <c r="DZ12" s="71">
        <v>2</v>
      </c>
      <c r="EA12" s="71">
        <v>1</v>
      </c>
      <c r="EB12" s="71">
        <v>0</v>
      </c>
      <c r="EC12" s="72">
        <v>6</v>
      </c>
      <c r="ED12" s="73">
        <v>12</v>
      </c>
      <c r="EE12" s="70">
        <v>4</v>
      </c>
      <c r="EF12" s="71">
        <v>3</v>
      </c>
      <c r="EG12" s="72">
        <v>7</v>
      </c>
      <c r="EH12" s="244"/>
      <c r="EI12" s="71">
        <v>3</v>
      </c>
      <c r="EJ12" s="71">
        <v>4</v>
      </c>
      <c r="EK12" s="71">
        <v>2</v>
      </c>
      <c r="EL12" s="71">
        <v>1</v>
      </c>
      <c r="EM12" s="71">
        <v>1</v>
      </c>
      <c r="EN12" s="72">
        <v>11</v>
      </c>
      <c r="EO12" s="73">
        <v>18</v>
      </c>
      <c r="EP12" s="70">
        <v>9</v>
      </c>
      <c r="EQ12" s="71">
        <v>5</v>
      </c>
      <c r="ER12" s="72">
        <v>14</v>
      </c>
      <c r="ES12" s="244"/>
      <c r="ET12" s="71">
        <v>4</v>
      </c>
      <c r="EU12" s="71">
        <v>5</v>
      </c>
      <c r="EV12" s="71">
        <v>3</v>
      </c>
      <c r="EW12" s="71">
        <v>7</v>
      </c>
      <c r="EX12" s="71">
        <v>3</v>
      </c>
      <c r="EY12" s="72">
        <v>22</v>
      </c>
      <c r="EZ12" s="73">
        <v>36</v>
      </c>
      <c r="FA12" s="70">
        <v>4</v>
      </c>
      <c r="FB12" s="71">
        <v>4</v>
      </c>
      <c r="FC12" s="72">
        <v>8</v>
      </c>
      <c r="FD12" s="244"/>
      <c r="FE12" s="71">
        <v>16</v>
      </c>
      <c r="FF12" s="71">
        <v>13</v>
      </c>
      <c r="FG12" s="71">
        <v>3</v>
      </c>
      <c r="FH12" s="71">
        <v>1</v>
      </c>
      <c r="FI12" s="71">
        <v>2</v>
      </c>
      <c r="FJ12" s="72">
        <v>35</v>
      </c>
      <c r="FK12" s="73">
        <v>43</v>
      </c>
      <c r="FL12" s="70">
        <v>3</v>
      </c>
      <c r="FM12" s="71">
        <v>5</v>
      </c>
      <c r="FN12" s="72">
        <v>8</v>
      </c>
      <c r="FO12" s="244"/>
      <c r="FP12" s="71">
        <v>13</v>
      </c>
      <c r="FQ12" s="71">
        <v>13</v>
      </c>
      <c r="FR12" s="71">
        <v>10</v>
      </c>
      <c r="FS12" s="71">
        <v>7</v>
      </c>
      <c r="FT12" s="71">
        <v>10</v>
      </c>
      <c r="FU12" s="72">
        <v>53</v>
      </c>
      <c r="FV12" s="73">
        <v>61</v>
      </c>
      <c r="FW12" s="70">
        <v>0</v>
      </c>
      <c r="FX12" s="71">
        <v>0</v>
      </c>
      <c r="FY12" s="72">
        <v>0</v>
      </c>
      <c r="FZ12" s="244"/>
      <c r="GA12" s="71">
        <v>0</v>
      </c>
      <c r="GB12" s="71">
        <v>0</v>
      </c>
      <c r="GC12" s="71">
        <v>0</v>
      </c>
      <c r="GD12" s="71">
        <v>0</v>
      </c>
      <c r="GE12" s="71">
        <v>0</v>
      </c>
      <c r="GF12" s="72">
        <v>0</v>
      </c>
      <c r="GG12" s="73">
        <v>0</v>
      </c>
      <c r="GH12" s="70">
        <v>24</v>
      </c>
      <c r="GI12" s="71">
        <v>20</v>
      </c>
      <c r="GJ12" s="72">
        <v>44</v>
      </c>
      <c r="GK12" s="244"/>
      <c r="GL12" s="71">
        <v>40</v>
      </c>
      <c r="GM12" s="71">
        <v>36</v>
      </c>
      <c r="GN12" s="71">
        <v>20</v>
      </c>
      <c r="GO12" s="71">
        <v>19</v>
      </c>
      <c r="GP12" s="71">
        <v>16</v>
      </c>
      <c r="GQ12" s="72">
        <v>131</v>
      </c>
      <c r="GR12" s="73">
        <v>175</v>
      </c>
      <c r="GS12" s="123">
        <v>76</v>
      </c>
      <c r="GT12" s="82">
        <v>47</v>
      </c>
      <c r="GU12" s="83">
        <v>123</v>
      </c>
      <c r="GV12" s="241"/>
      <c r="GW12" s="82">
        <v>147</v>
      </c>
      <c r="GX12" s="82">
        <v>116</v>
      </c>
      <c r="GY12" s="82">
        <v>62</v>
      </c>
      <c r="GZ12" s="82">
        <v>71</v>
      </c>
      <c r="HA12" s="82">
        <v>36</v>
      </c>
      <c r="HB12" s="84">
        <v>432</v>
      </c>
      <c r="HC12" s="85">
        <v>555</v>
      </c>
      <c r="HD12" s="70">
        <v>4</v>
      </c>
      <c r="HE12" s="71">
        <v>4</v>
      </c>
      <c r="HF12" s="72">
        <v>8</v>
      </c>
      <c r="HG12" s="244"/>
      <c r="HH12" s="71">
        <v>4</v>
      </c>
      <c r="HI12" s="71">
        <v>2</v>
      </c>
      <c r="HJ12" s="71">
        <v>0</v>
      </c>
      <c r="HK12" s="71">
        <v>3</v>
      </c>
      <c r="HL12" s="71">
        <v>2</v>
      </c>
      <c r="HM12" s="72">
        <v>11</v>
      </c>
      <c r="HN12" s="73">
        <v>19</v>
      </c>
      <c r="HO12" s="70">
        <v>9</v>
      </c>
      <c r="HP12" s="71">
        <v>4</v>
      </c>
      <c r="HQ12" s="72">
        <v>13</v>
      </c>
      <c r="HR12" s="244"/>
      <c r="HS12" s="71">
        <v>11</v>
      </c>
      <c r="HT12" s="71">
        <v>13</v>
      </c>
      <c r="HU12" s="71">
        <v>8</v>
      </c>
      <c r="HV12" s="71">
        <v>7</v>
      </c>
      <c r="HW12" s="71">
        <v>2</v>
      </c>
      <c r="HX12" s="72">
        <v>41</v>
      </c>
      <c r="HY12" s="73">
        <v>54</v>
      </c>
      <c r="HZ12" s="70">
        <v>6</v>
      </c>
      <c r="IA12" s="71">
        <v>4</v>
      </c>
      <c r="IB12" s="72">
        <v>10</v>
      </c>
      <c r="IC12" s="244"/>
      <c r="ID12" s="71">
        <v>13</v>
      </c>
      <c r="IE12" s="71">
        <v>13</v>
      </c>
      <c r="IF12" s="71">
        <v>12</v>
      </c>
      <c r="IG12" s="71">
        <v>8</v>
      </c>
      <c r="IH12" s="71">
        <v>2</v>
      </c>
      <c r="II12" s="72">
        <v>48</v>
      </c>
      <c r="IJ12" s="73">
        <v>58</v>
      </c>
      <c r="IK12" s="70">
        <v>22</v>
      </c>
      <c r="IL12" s="71">
        <v>11</v>
      </c>
      <c r="IM12" s="72">
        <v>33</v>
      </c>
      <c r="IN12" s="244"/>
      <c r="IO12" s="71">
        <v>27</v>
      </c>
      <c r="IP12" s="71">
        <v>21</v>
      </c>
      <c r="IQ12" s="71">
        <v>4</v>
      </c>
      <c r="IR12" s="71">
        <v>18</v>
      </c>
      <c r="IS12" s="71">
        <v>5</v>
      </c>
      <c r="IT12" s="72">
        <v>75</v>
      </c>
      <c r="IU12" s="73">
        <v>108</v>
      </c>
      <c r="IV12" s="70">
        <v>15</v>
      </c>
      <c r="IW12" s="71">
        <v>6</v>
      </c>
      <c r="IX12" s="72">
        <v>21</v>
      </c>
      <c r="IY12" s="244"/>
      <c r="IZ12" s="71">
        <v>53</v>
      </c>
      <c r="JA12" s="71">
        <v>30</v>
      </c>
      <c r="JB12" s="71">
        <v>13</v>
      </c>
      <c r="JC12" s="71">
        <v>14</v>
      </c>
      <c r="JD12" s="71">
        <v>8</v>
      </c>
      <c r="JE12" s="72">
        <v>118</v>
      </c>
      <c r="JF12" s="73">
        <v>139</v>
      </c>
      <c r="JG12" s="70">
        <v>20</v>
      </c>
      <c r="JH12" s="71">
        <v>18</v>
      </c>
      <c r="JI12" s="72">
        <v>38</v>
      </c>
      <c r="JJ12" s="244"/>
      <c r="JK12" s="71">
        <v>39</v>
      </c>
      <c r="JL12" s="71">
        <v>37</v>
      </c>
      <c r="JM12" s="71">
        <v>25</v>
      </c>
      <c r="JN12" s="71">
        <v>21</v>
      </c>
      <c r="JO12" s="71">
        <v>17</v>
      </c>
      <c r="JP12" s="72">
        <v>139</v>
      </c>
      <c r="JQ12" s="73">
        <v>177</v>
      </c>
      <c r="JR12" s="70">
        <v>0</v>
      </c>
      <c r="JS12" s="71">
        <v>0</v>
      </c>
      <c r="JT12" s="72">
        <v>0</v>
      </c>
      <c r="JU12" s="244"/>
      <c r="JV12" s="71">
        <v>0</v>
      </c>
      <c r="JW12" s="71">
        <v>0</v>
      </c>
      <c r="JX12" s="71">
        <v>0</v>
      </c>
      <c r="JY12" s="71">
        <v>0</v>
      </c>
      <c r="JZ12" s="71">
        <v>0</v>
      </c>
      <c r="KA12" s="72">
        <v>0</v>
      </c>
      <c r="KB12" s="73">
        <v>0</v>
      </c>
      <c r="KC12" s="70">
        <v>76</v>
      </c>
      <c r="KD12" s="71">
        <v>47</v>
      </c>
      <c r="KE12" s="72">
        <v>123</v>
      </c>
      <c r="KF12" s="244"/>
      <c r="KG12" s="71">
        <v>147</v>
      </c>
      <c r="KH12" s="71">
        <v>116</v>
      </c>
      <c r="KI12" s="71">
        <v>62</v>
      </c>
      <c r="KJ12" s="71">
        <v>71</v>
      </c>
      <c r="KK12" s="71">
        <v>36</v>
      </c>
      <c r="KL12" s="72">
        <v>432</v>
      </c>
      <c r="KM12" s="73">
        <v>555</v>
      </c>
    </row>
    <row r="13" spans="2:299" ht="19.8" customHeight="1" x14ac:dyDescent="0.2">
      <c r="B13" s="126" t="s">
        <v>9</v>
      </c>
      <c r="C13" s="316">
        <v>181</v>
      </c>
      <c r="D13" s="82">
        <v>103</v>
      </c>
      <c r="E13" s="83">
        <v>284</v>
      </c>
      <c r="F13" s="241"/>
      <c r="G13" s="82">
        <v>223</v>
      </c>
      <c r="H13" s="82">
        <v>130</v>
      </c>
      <c r="I13" s="82">
        <v>90</v>
      </c>
      <c r="J13" s="82">
        <v>93</v>
      </c>
      <c r="K13" s="82">
        <v>54</v>
      </c>
      <c r="L13" s="84">
        <v>590</v>
      </c>
      <c r="M13" s="85">
        <v>874</v>
      </c>
      <c r="N13" s="70">
        <v>2</v>
      </c>
      <c r="O13" s="71">
        <v>3</v>
      </c>
      <c r="P13" s="72">
        <v>5</v>
      </c>
      <c r="Q13" s="244"/>
      <c r="R13" s="71">
        <v>3</v>
      </c>
      <c r="S13" s="71">
        <v>3</v>
      </c>
      <c r="T13" s="71">
        <v>1</v>
      </c>
      <c r="U13" s="71">
        <v>2</v>
      </c>
      <c r="V13" s="71">
        <v>6</v>
      </c>
      <c r="W13" s="72">
        <v>15</v>
      </c>
      <c r="X13" s="73">
        <v>20</v>
      </c>
      <c r="Y13" s="70">
        <v>8</v>
      </c>
      <c r="Z13" s="71">
        <v>9</v>
      </c>
      <c r="AA13" s="72">
        <v>17</v>
      </c>
      <c r="AB13" s="244"/>
      <c r="AC13" s="71">
        <v>6</v>
      </c>
      <c r="AD13" s="71">
        <v>6</v>
      </c>
      <c r="AE13" s="71">
        <v>3</v>
      </c>
      <c r="AF13" s="71">
        <v>4</v>
      </c>
      <c r="AG13" s="71">
        <v>5</v>
      </c>
      <c r="AH13" s="72">
        <v>24</v>
      </c>
      <c r="AI13" s="73">
        <v>41</v>
      </c>
      <c r="AJ13" s="70">
        <v>20</v>
      </c>
      <c r="AK13" s="71">
        <v>9</v>
      </c>
      <c r="AL13" s="72">
        <v>29</v>
      </c>
      <c r="AM13" s="244"/>
      <c r="AN13" s="71">
        <v>16</v>
      </c>
      <c r="AO13" s="71">
        <v>11</v>
      </c>
      <c r="AP13" s="71">
        <v>9</v>
      </c>
      <c r="AQ13" s="71">
        <v>8</v>
      </c>
      <c r="AR13" s="71">
        <v>3</v>
      </c>
      <c r="AS13" s="72">
        <v>47</v>
      </c>
      <c r="AT13" s="73">
        <v>76</v>
      </c>
      <c r="AU13" s="70">
        <v>34</v>
      </c>
      <c r="AV13" s="71">
        <v>16</v>
      </c>
      <c r="AW13" s="72">
        <v>50</v>
      </c>
      <c r="AX13" s="244"/>
      <c r="AY13" s="71">
        <v>57</v>
      </c>
      <c r="AZ13" s="71">
        <v>24</v>
      </c>
      <c r="BA13" s="71">
        <v>20</v>
      </c>
      <c r="BB13" s="71">
        <v>17</v>
      </c>
      <c r="BC13" s="71">
        <v>10</v>
      </c>
      <c r="BD13" s="72">
        <v>128</v>
      </c>
      <c r="BE13" s="73">
        <v>178</v>
      </c>
      <c r="BF13" s="70">
        <v>61</v>
      </c>
      <c r="BG13" s="71">
        <v>41</v>
      </c>
      <c r="BH13" s="72">
        <v>102</v>
      </c>
      <c r="BI13" s="244"/>
      <c r="BJ13" s="71">
        <v>76</v>
      </c>
      <c r="BK13" s="71">
        <v>43</v>
      </c>
      <c r="BL13" s="71">
        <v>25</v>
      </c>
      <c r="BM13" s="71">
        <v>29</v>
      </c>
      <c r="BN13" s="71">
        <v>9</v>
      </c>
      <c r="BO13" s="72">
        <v>182</v>
      </c>
      <c r="BP13" s="73">
        <v>284</v>
      </c>
      <c r="BQ13" s="70">
        <v>56</v>
      </c>
      <c r="BR13" s="71">
        <v>25</v>
      </c>
      <c r="BS13" s="72">
        <v>81</v>
      </c>
      <c r="BT13" s="244"/>
      <c r="BU13" s="71">
        <v>65</v>
      </c>
      <c r="BV13" s="71">
        <v>43</v>
      </c>
      <c r="BW13" s="71">
        <v>32</v>
      </c>
      <c r="BX13" s="71">
        <v>33</v>
      </c>
      <c r="BY13" s="71">
        <v>21</v>
      </c>
      <c r="BZ13" s="72">
        <v>194</v>
      </c>
      <c r="CA13" s="73">
        <v>275</v>
      </c>
      <c r="CB13" s="70">
        <v>0</v>
      </c>
      <c r="CC13" s="71">
        <v>0</v>
      </c>
      <c r="CD13" s="72">
        <v>0</v>
      </c>
      <c r="CE13" s="244"/>
      <c r="CF13" s="71">
        <v>0</v>
      </c>
      <c r="CG13" s="71">
        <v>0</v>
      </c>
      <c r="CH13" s="71">
        <v>0</v>
      </c>
      <c r="CI13" s="71">
        <v>0</v>
      </c>
      <c r="CJ13" s="71">
        <v>0</v>
      </c>
      <c r="CK13" s="72">
        <v>0</v>
      </c>
      <c r="CL13" s="73">
        <v>0</v>
      </c>
      <c r="CM13" s="70">
        <v>181</v>
      </c>
      <c r="CN13" s="71">
        <v>103</v>
      </c>
      <c r="CO13" s="72">
        <v>284</v>
      </c>
      <c r="CP13" s="244"/>
      <c r="CQ13" s="71">
        <v>223</v>
      </c>
      <c r="CR13" s="71">
        <v>130</v>
      </c>
      <c r="CS13" s="71">
        <v>90</v>
      </c>
      <c r="CT13" s="71">
        <v>93</v>
      </c>
      <c r="CU13" s="71">
        <v>54</v>
      </c>
      <c r="CV13" s="72">
        <v>590</v>
      </c>
      <c r="CW13" s="73">
        <v>874</v>
      </c>
      <c r="CX13" s="123">
        <v>65</v>
      </c>
      <c r="CY13" s="82">
        <v>37</v>
      </c>
      <c r="CZ13" s="83">
        <v>102</v>
      </c>
      <c r="DA13" s="241"/>
      <c r="DB13" s="82">
        <v>69</v>
      </c>
      <c r="DC13" s="82">
        <v>44</v>
      </c>
      <c r="DD13" s="82">
        <v>43</v>
      </c>
      <c r="DE13" s="82">
        <v>40</v>
      </c>
      <c r="DF13" s="82">
        <v>26</v>
      </c>
      <c r="DG13" s="84">
        <v>222</v>
      </c>
      <c r="DH13" s="85">
        <v>324</v>
      </c>
      <c r="DI13" s="70">
        <v>0</v>
      </c>
      <c r="DJ13" s="71">
        <v>0</v>
      </c>
      <c r="DK13" s="72">
        <v>0</v>
      </c>
      <c r="DL13" s="244"/>
      <c r="DM13" s="71">
        <v>1</v>
      </c>
      <c r="DN13" s="71">
        <v>0</v>
      </c>
      <c r="DO13" s="71">
        <v>0</v>
      </c>
      <c r="DP13" s="71">
        <v>0</v>
      </c>
      <c r="DQ13" s="71">
        <v>0</v>
      </c>
      <c r="DR13" s="72">
        <v>1</v>
      </c>
      <c r="DS13" s="73">
        <v>1</v>
      </c>
      <c r="DT13" s="70">
        <v>6</v>
      </c>
      <c r="DU13" s="71">
        <v>1</v>
      </c>
      <c r="DV13" s="72">
        <v>7</v>
      </c>
      <c r="DW13" s="244"/>
      <c r="DX13" s="71">
        <v>4</v>
      </c>
      <c r="DY13" s="71">
        <v>2</v>
      </c>
      <c r="DZ13" s="71">
        <v>2</v>
      </c>
      <c r="EA13" s="71">
        <v>2</v>
      </c>
      <c r="EB13" s="71">
        <v>0</v>
      </c>
      <c r="EC13" s="72">
        <v>10</v>
      </c>
      <c r="ED13" s="73">
        <v>17</v>
      </c>
      <c r="EE13" s="70">
        <v>8</v>
      </c>
      <c r="EF13" s="71">
        <v>7</v>
      </c>
      <c r="EG13" s="72">
        <v>15</v>
      </c>
      <c r="EH13" s="244"/>
      <c r="EI13" s="71">
        <v>8</v>
      </c>
      <c r="EJ13" s="71">
        <v>5</v>
      </c>
      <c r="EK13" s="71">
        <v>2</v>
      </c>
      <c r="EL13" s="71">
        <v>2</v>
      </c>
      <c r="EM13" s="71">
        <v>1</v>
      </c>
      <c r="EN13" s="72">
        <v>18</v>
      </c>
      <c r="EO13" s="73">
        <v>33</v>
      </c>
      <c r="EP13" s="70">
        <v>21</v>
      </c>
      <c r="EQ13" s="71">
        <v>9</v>
      </c>
      <c r="ER13" s="72">
        <v>30</v>
      </c>
      <c r="ES13" s="244"/>
      <c r="ET13" s="71">
        <v>15</v>
      </c>
      <c r="EU13" s="71">
        <v>5</v>
      </c>
      <c r="EV13" s="71">
        <v>7</v>
      </c>
      <c r="EW13" s="71">
        <v>4</v>
      </c>
      <c r="EX13" s="71">
        <v>3</v>
      </c>
      <c r="EY13" s="72">
        <v>34</v>
      </c>
      <c r="EZ13" s="73">
        <v>64</v>
      </c>
      <c r="FA13" s="70">
        <v>19</v>
      </c>
      <c r="FB13" s="71">
        <v>6</v>
      </c>
      <c r="FC13" s="72">
        <v>25</v>
      </c>
      <c r="FD13" s="244"/>
      <c r="FE13" s="71">
        <v>16</v>
      </c>
      <c r="FF13" s="71">
        <v>13</v>
      </c>
      <c r="FG13" s="71">
        <v>14</v>
      </c>
      <c r="FH13" s="71">
        <v>9</v>
      </c>
      <c r="FI13" s="71">
        <v>6</v>
      </c>
      <c r="FJ13" s="72">
        <v>58</v>
      </c>
      <c r="FK13" s="73">
        <v>83</v>
      </c>
      <c r="FL13" s="70">
        <v>11</v>
      </c>
      <c r="FM13" s="71">
        <v>14</v>
      </c>
      <c r="FN13" s="72">
        <v>25</v>
      </c>
      <c r="FO13" s="244"/>
      <c r="FP13" s="71">
        <v>25</v>
      </c>
      <c r="FQ13" s="71">
        <v>19</v>
      </c>
      <c r="FR13" s="71">
        <v>18</v>
      </c>
      <c r="FS13" s="71">
        <v>23</v>
      </c>
      <c r="FT13" s="71">
        <v>16</v>
      </c>
      <c r="FU13" s="72">
        <v>101</v>
      </c>
      <c r="FV13" s="73">
        <v>126</v>
      </c>
      <c r="FW13" s="70">
        <v>0</v>
      </c>
      <c r="FX13" s="71">
        <v>0</v>
      </c>
      <c r="FY13" s="72">
        <v>0</v>
      </c>
      <c r="FZ13" s="244"/>
      <c r="GA13" s="71">
        <v>0</v>
      </c>
      <c r="GB13" s="71">
        <v>0</v>
      </c>
      <c r="GC13" s="71">
        <v>0</v>
      </c>
      <c r="GD13" s="71">
        <v>0</v>
      </c>
      <c r="GE13" s="71">
        <v>0</v>
      </c>
      <c r="GF13" s="72">
        <v>0</v>
      </c>
      <c r="GG13" s="73">
        <v>0</v>
      </c>
      <c r="GH13" s="70">
        <v>65</v>
      </c>
      <c r="GI13" s="71">
        <v>37</v>
      </c>
      <c r="GJ13" s="72">
        <v>102</v>
      </c>
      <c r="GK13" s="244"/>
      <c r="GL13" s="71">
        <v>69</v>
      </c>
      <c r="GM13" s="71">
        <v>44</v>
      </c>
      <c r="GN13" s="71">
        <v>43</v>
      </c>
      <c r="GO13" s="71">
        <v>40</v>
      </c>
      <c r="GP13" s="71">
        <v>26</v>
      </c>
      <c r="GQ13" s="72">
        <v>222</v>
      </c>
      <c r="GR13" s="73">
        <v>324</v>
      </c>
      <c r="GS13" s="123">
        <v>246</v>
      </c>
      <c r="GT13" s="82">
        <v>140</v>
      </c>
      <c r="GU13" s="83">
        <v>386</v>
      </c>
      <c r="GV13" s="241"/>
      <c r="GW13" s="82">
        <v>292</v>
      </c>
      <c r="GX13" s="82">
        <v>174</v>
      </c>
      <c r="GY13" s="82">
        <v>133</v>
      </c>
      <c r="GZ13" s="82">
        <v>133</v>
      </c>
      <c r="HA13" s="82">
        <v>80</v>
      </c>
      <c r="HB13" s="84">
        <v>812</v>
      </c>
      <c r="HC13" s="85">
        <v>1198</v>
      </c>
      <c r="HD13" s="70">
        <v>2</v>
      </c>
      <c r="HE13" s="71">
        <v>3</v>
      </c>
      <c r="HF13" s="72">
        <v>5</v>
      </c>
      <c r="HG13" s="244"/>
      <c r="HH13" s="71">
        <v>4</v>
      </c>
      <c r="HI13" s="71">
        <v>3</v>
      </c>
      <c r="HJ13" s="71">
        <v>1</v>
      </c>
      <c r="HK13" s="71">
        <v>2</v>
      </c>
      <c r="HL13" s="71">
        <v>6</v>
      </c>
      <c r="HM13" s="72">
        <v>16</v>
      </c>
      <c r="HN13" s="73">
        <v>21</v>
      </c>
      <c r="HO13" s="70">
        <v>14</v>
      </c>
      <c r="HP13" s="71">
        <v>10</v>
      </c>
      <c r="HQ13" s="72">
        <v>24</v>
      </c>
      <c r="HR13" s="244"/>
      <c r="HS13" s="71">
        <v>10</v>
      </c>
      <c r="HT13" s="71">
        <v>8</v>
      </c>
      <c r="HU13" s="71">
        <v>5</v>
      </c>
      <c r="HV13" s="71">
        <v>6</v>
      </c>
      <c r="HW13" s="71">
        <v>5</v>
      </c>
      <c r="HX13" s="72">
        <v>34</v>
      </c>
      <c r="HY13" s="73">
        <v>58</v>
      </c>
      <c r="HZ13" s="70">
        <v>28</v>
      </c>
      <c r="IA13" s="71">
        <v>16</v>
      </c>
      <c r="IB13" s="72">
        <v>44</v>
      </c>
      <c r="IC13" s="244"/>
      <c r="ID13" s="71">
        <v>24</v>
      </c>
      <c r="IE13" s="71">
        <v>16</v>
      </c>
      <c r="IF13" s="71">
        <v>11</v>
      </c>
      <c r="IG13" s="71">
        <v>10</v>
      </c>
      <c r="IH13" s="71">
        <v>4</v>
      </c>
      <c r="II13" s="72">
        <v>65</v>
      </c>
      <c r="IJ13" s="73">
        <v>109</v>
      </c>
      <c r="IK13" s="70">
        <v>55</v>
      </c>
      <c r="IL13" s="71">
        <v>25</v>
      </c>
      <c r="IM13" s="72">
        <v>80</v>
      </c>
      <c r="IN13" s="244"/>
      <c r="IO13" s="71">
        <v>72</v>
      </c>
      <c r="IP13" s="71">
        <v>29</v>
      </c>
      <c r="IQ13" s="71">
        <v>27</v>
      </c>
      <c r="IR13" s="71">
        <v>21</v>
      </c>
      <c r="IS13" s="71">
        <v>13</v>
      </c>
      <c r="IT13" s="72">
        <v>162</v>
      </c>
      <c r="IU13" s="73">
        <v>242</v>
      </c>
      <c r="IV13" s="70">
        <v>80</v>
      </c>
      <c r="IW13" s="71">
        <v>47</v>
      </c>
      <c r="IX13" s="72">
        <v>127</v>
      </c>
      <c r="IY13" s="244"/>
      <c r="IZ13" s="71">
        <v>92</v>
      </c>
      <c r="JA13" s="71">
        <v>56</v>
      </c>
      <c r="JB13" s="71">
        <v>39</v>
      </c>
      <c r="JC13" s="71">
        <v>38</v>
      </c>
      <c r="JD13" s="71">
        <v>15</v>
      </c>
      <c r="JE13" s="72">
        <v>240</v>
      </c>
      <c r="JF13" s="73">
        <v>367</v>
      </c>
      <c r="JG13" s="70">
        <v>67</v>
      </c>
      <c r="JH13" s="71">
        <v>39</v>
      </c>
      <c r="JI13" s="72">
        <v>106</v>
      </c>
      <c r="JJ13" s="244"/>
      <c r="JK13" s="71">
        <v>90</v>
      </c>
      <c r="JL13" s="71">
        <v>62</v>
      </c>
      <c r="JM13" s="71">
        <v>50</v>
      </c>
      <c r="JN13" s="71">
        <v>56</v>
      </c>
      <c r="JO13" s="71">
        <v>37</v>
      </c>
      <c r="JP13" s="72">
        <v>295</v>
      </c>
      <c r="JQ13" s="73">
        <v>401</v>
      </c>
      <c r="JR13" s="70">
        <v>0</v>
      </c>
      <c r="JS13" s="71">
        <v>0</v>
      </c>
      <c r="JT13" s="72">
        <v>0</v>
      </c>
      <c r="JU13" s="244"/>
      <c r="JV13" s="71">
        <v>0</v>
      </c>
      <c r="JW13" s="71">
        <v>0</v>
      </c>
      <c r="JX13" s="71">
        <v>0</v>
      </c>
      <c r="JY13" s="71">
        <v>0</v>
      </c>
      <c r="JZ13" s="71">
        <v>0</v>
      </c>
      <c r="KA13" s="72">
        <v>0</v>
      </c>
      <c r="KB13" s="73">
        <v>0</v>
      </c>
      <c r="KC13" s="70">
        <v>246</v>
      </c>
      <c r="KD13" s="71">
        <v>140</v>
      </c>
      <c r="KE13" s="72">
        <v>386</v>
      </c>
      <c r="KF13" s="244"/>
      <c r="KG13" s="71">
        <v>292</v>
      </c>
      <c r="KH13" s="71">
        <v>174</v>
      </c>
      <c r="KI13" s="71">
        <v>133</v>
      </c>
      <c r="KJ13" s="71">
        <v>133</v>
      </c>
      <c r="KK13" s="71">
        <v>80</v>
      </c>
      <c r="KL13" s="72">
        <v>812</v>
      </c>
      <c r="KM13" s="73">
        <v>1198</v>
      </c>
    </row>
    <row r="14" spans="2:299" ht="19.8" customHeight="1" x14ac:dyDescent="0.2">
      <c r="B14" s="126" t="s">
        <v>10</v>
      </c>
      <c r="C14" s="316">
        <v>266</v>
      </c>
      <c r="D14" s="82">
        <v>180</v>
      </c>
      <c r="E14" s="83">
        <v>446</v>
      </c>
      <c r="F14" s="241"/>
      <c r="G14" s="82">
        <v>237</v>
      </c>
      <c r="H14" s="82">
        <v>148</v>
      </c>
      <c r="I14" s="82">
        <v>101</v>
      </c>
      <c r="J14" s="82">
        <v>84</v>
      </c>
      <c r="K14" s="82">
        <v>83</v>
      </c>
      <c r="L14" s="84">
        <v>653</v>
      </c>
      <c r="M14" s="85">
        <v>1099</v>
      </c>
      <c r="N14" s="70">
        <v>5</v>
      </c>
      <c r="O14" s="71">
        <v>10</v>
      </c>
      <c r="P14" s="72">
        <v>15</v>
      </c>
      <c r="Q14" s="244"/>
      <c r="R14" s="71">
        <v>8</v>
      </c>
      <c r="S14" s="71">
        <v>6</v>
      </c>
      <c r="T14" s="71">
        <v>3</v>
      </c>
      <c r="U14" s="71">
        <v>3</v>
      </c>
      <c r="V14" s="71">
        <v>3</v>
      </c>
      <c r="W14" s="72">
        <v>23</v>
      </c>
      <c r="X14" s="73">
        <v>38</v>
      </c>
      <c r="Y14" s="70">
        <v>17</v>
      </c>
      <c r="Z14" s="71">
        <v>14</v>
      </c>
      <c r="AA14" s="72">
        <v>31</v>
      </c>
      <c r="AB14" s="244"/>
      <c r="AC14" s="71">
        <v>21</v>
      </c>
      <c r="AD14" s="71">
        <v>15</v>
      </c>
      <c r="AE14" s="71">
        <v>2</v>
      </c>
      <c r="AF14" s="71">
        <v>3</v>
      </c>
      <c r="AG14" s="71">
        <v>11</v>
      </c>
      <c r="AH14" s="72">
        <v>52</v>
      </c>
      <c r="AI14" s="73">
        <v>83</v>
      </c>
      <c r="AJ14" s="70">
        <v>26</v>
      </c>
      <c r="AK14" s="71">
        <v>22</v>
      </c>
      <c r="AL14" s="72">
        <v>48</v>
      </c>
      <c r="AM14" s="244"/>
      <c r="AN14" s="71">
        <v>31</v>
      </c>
      <c r="AO14" s="71">
        <v>22</v>
      </c>
      <c r="AP14" s="71">
        <v>10</v>
      </c>
      <c r="AQ14" s="71">
        <v>10</v>
      </c>
      <c r="AR14" s="71">
        <v>12</v>
      </c>
      <c r="AS14" s="72">
        <v>85</v>
      </c>
      <c r="AT14" s="73">
        <v>133</v>
      </c>
      <c r="AU14" s="70">
        <v>60</v>
      </c>
      <c r="AV14" s="71">
        <v>35</v>
      </c>
      <c r="AW14" s="72">
        <v>95</v>
      </c>
      <c r="AX14" s="244"/>
      <c r="AY14" s="71">
        <v>50</v>
      </c>
      <c r="AZ14" s="71">
        <v>20</v>
      </c>
      <c r="BA14" s="71">
        <v>19</v>
      </c>
      <c r="BB14" s="71">
        <v>9</v>
      </c>
      <c r="BC14" s="71">
        <v>23</v>
      </c>
      <c r="BD14" s="72">
        <v>121</v>
      </c>
      <c r="BE14" s="73">
        <v>216</v>
      </c>
      <c r="BF14" s="70">
        <v>87</v>
      </c>
      <c r="BG14" s="71">
        <v>48</v>
      </c>
      <c r="BH14" s="72">
        <v>135</v>
      </c>
      <c r="BI14" s="244"/>
      <c r="BJ14" s="71">
        <v>66</v>
      </c>
      <c r="BK14" s="71">
        <v>40</v>
      </c>
      <c r="BL14" s="71">
        <v>30</v>
      </c>
      <c r="BM14" s="71">
        <v>31</v>
      </c>
      <c r="BN14" s="71">
        <v>12</v>
      </c>
      <c r="BO14" s="72">
        <v>179</v>
      </c>
      <c r="BP14" s="73">
        <v>314</v>
      </c>
      <c r="BQ14" s="70">
        <v>71</v>
      </c>
      <c r="BR14" s="71">
        <v>51</v>
      </c>
      <c r="BS14" s="72">
        <v>122</v>
      </c>
      <c r="BT14" s="244"/>
      <c r="BU14" s="71">
        <v>61</v>
      </c>
      <c r="BV14" s="71">
        <v>45</v>
      </c>
      <c r="BW14" s="71">
        <v>37</v>
      </c>
      <c r="BX14" s="71">
        <v>28</v>
      </c>
      <c r="BY14" s="71">
        <v>22</v>
      </c>
      <c r="BZ14" s="72">
        <v>193</v>
      </c>
      <c r="CA14" s="73">
        <v>315</v>
      </c>
      <c r="CB14" s="70">
        <v>0</v>
      </c>
      <c r="CC14" s="71">
        <v>0</v>
      </c>
      <c r="CD14" s="72">
        <v>0</v>
      </c>
      <c r="CE14" s="244"/>
      <c r="CF14" s="71">
        <v>0</v>
      </c>
      <c r="CG14" s="71">
        <v>0</v>
      </c>
      <c r="CH14" s="71">
        <v>0</v>
      </c>
      <c r="CI14" s="71">
        <v>0</v>
      </c>
      <c r="CJ14" s="71">
        <v>0</v>
      </c>
      <c r="CK14" s="72">
        <v>0</v>
      </c>
      <c r="CL14" s="73">
        <v>0</v>
      </c>
      <c r="CM14" s="70">
        <v>266</v>
      </c>
      <c r="CN14" s="71">
        <v>180</v>
      </c>
      <c r="CO14" s="72">
        <v>446</v>
      </c>
      <c r="CP14" s="244"/>
      <c r="CQ14" s="71">
        <v>237</v>
      </c>
      <c r="CR14" s="71">
        <v>148</v>
      </c>
      <c r="CS14" s="71">
        <v>101</v>
      </c>
      <c r="CT14" s="71">
        <v>84</v>
      </c>
      <c r="CU14" s="71">
        <v>83</v>
      </c>
      <c r="CV14" s="72">
        <v>653</v>
      </c>
      <c r="CW14" s="73">
        <v>1099</v>
      </c>
      <c r="CX14" s="123">
        <v>103</v>
      </c>
      <c r="CY14" s="82">
        <v>68</v>
      </c>
      <c r="CZ14" s="83">
        <v>171</v>
      </c>
      <c r="DA14" s="241"/>
      <c r="DB14" s="82">
        <v>112</v>
      </c>
      <c r="DC14" s="82">
        <v>55</v>
      </c>
      <c r="DD14" s="82">
        <v>45</v>
      </c>
      <c r="DE14" s="82">
        <v>39</v>
      </c>
      <c r="DF14" s="82">
        <v>36</v>
      </c>
      <c r="DG14" s="84">
        <v>287</v>
      </c>
      <c r="DH14" s="85">
        <v>458</v>
      </c>
      <c r="DI14" s="70">
        <v>7</v>
      </c>
      <c r="DJ14" s="71">
        <v>2</v>
      </c>
      <c r="DK14" s="72">
        <v>9</v>
      </c>
      <c r="DL14" s="244"/>
      <c r="DM14" s="71">
        <v>2</v>
      </c>
      <c r="DN14" s="71">
        <v>0</v>
      </c>
      <c r="DO14" s="71">
        <v>3</v>
      </c>
      <c r="DP14" s="71">
        <v>0</v>
      </c>
      <c r="DQ14" s="71">
        <v>0</v>
      </c>
      <c r="DR14" s="72">
        <v>5</v>
      </c>
      <c r="DS14" s="73">
        <v>14</v>
      </c>
      <c r="DT14" s="70">
        <v>8</v>
      </c>
      <c r="DU14" s="71">
        <v>6</v>
      </c>
      <c r="DV14" s="72">
        <v>14</v>
      </c>
      <c r="DW14" s="244"/>
      <c r="DX14" s="71">
        <v>3</v>
      </c>
      <c r="DY14" s="71">
        <v>2</v>
      </c>
      <c r="DZ14" s="71">
        <v>0</v>
      </c>
      <c r="EA14" s="71">
        <v>1</v>
      </c>
      <c r="EB14" s="71">
        <v>0</v>
      </c>
      <c r="EC14" s="72">
        <v>6</v>
      </c>
      <c r="ED14" s="73">
        <v>20</v>
      </c>
      <c r="EE14" s="70">
        <v>14</v>
      </c>
      <c r="EF14" s="71">
        <v>8</v>
      </c>
      <c r="EG14" s="72">
        <v>22</v>
      </c>
      <c r="EH14" s="244"/>
      <c r="EI14" s="71">
        <v>8</v>
      </c>
      <c r="EJ14" s="71">
        <v>4</v>
      </c>
      <c r="EK14" s="71">
        <v>6</v>
      </c>
      <c r="EL14" s="71">
        <v>2</v>
      </c>
      <c r="EM14" s="71">
        <v>2</v>
      </c>
      <c r="EN14" s="72">
        <v>22</v>
      </c>
      <c r="EO14" s="73">
        <v>44</v>
      </c>
      <c r="EP14" s="70">
        <v>27</v>
      </c>
      <c r="EQ14" s="71">
        <v>21</v>
      </c>
      <c r="ER14" s="72">
        <v>48</v>
      </c>
      <c r="ES14" s="244"/>
      <c r="ET14" s="71">
        <v>23</v>
      </c>
      <c r="EU14" s="71">
        <v>7</v>
      </c>
      <c r="EV14" s="71">
        <v>4</v>
      </c>
      <c r="EW14" s="71">
        <v>1</v>
      </c>
      <c r="EX14" s="71">
        <v>4</v>
      </c>
      <c r="EY14" s="72">
        <v>39</v>
      </c>
      <c r="EZ14" s="73">
        <v>87</v>
      </c>
      <c r="FA14" s="70">
        <v>29</v>
      </c>
      <c r="FB14" s="71">
        <v>14</v>
      </c>
      <c r="FC14" s="72">
        <v>43</v>
      </c>
      <c r="FD14" s="244"/>
      <c r="FE14" s="71">
        <v>38</v>
      </c>
      <c r="FF14" s="71">
        <v>11</v>
      </c>
      <c r="FG14" s="71">
        <v>13</v>
      </c>
      <c r="FH14" s="71">
        <v>8</v>
      </c>
      <c r="FI14" s="71">
        <v>8</v>
      </c>
      <c r="FJ14" s="72">
        <v>78</v>
      </c>
      <c r="FK14" s="73">
        <v>121</v>
      </c>
      <c r="FL14" s="70">
        <v>18</v>
      </c>
      <c r="FM14" s="71">
        <v>17</v>
      </c>
      <c r="FN14" s="72">
        <v>35</v>
      </c>
      <c r="FO14" s="244"/>
      <c r="FP14" s="71">
        <v>38</v>
      </c>
      <c r="FQ14" s="71">
        <v>31</v>
      </c>
      <c r="FR14" s="71">
        <v>19</v>
      </c>
      <c r="FS14" s="71">
        <v>27</v>
      </c>
      <c r="FT14" s="71">
        <v>22</v>
      </c>
      <c r="FU14" s="72">
        <v>137</v>
      </c>
      <c r="FV14" s="73">
        <v>172</v>
      </c>
      <c r="FW14" s="70">
        <v>0</v>
      </c>
      <c r="FX14" s="71">
        <v>0</v>
      </c>
      <c r="FY14" s="72">
        <v>0</v>
      </c>
      <c r="FZ14" s="244"/>
      <c r="GA14" s="71">
        <v>0</v>
      </c>
      <c r="GB14" s="71">
        <v>0</v>
      </c>
      <c r="GC14" s="71">
        <v>0</v>
      </c>
      <c r="GD14" s="71">
        <v>0</v>
      </c>
      <c r="GE14" s="71">
        <v>0</v>
      </c>
      <c r="GF14" s="72">
        <v>0</v>
      </c>
      <c r="GG14" s="73">
        <v>0</v>
      </c>
      <c r="GH14" s="70">
        <v>103</v>
      </c>
      <c r="GI14" s="71">
        <v>68</v>
      </c>
      <c r="GJ14" s="72">
        <v>171</v>
      </c>
      <c r="GK14" s="244"/>
      <c r="GL14" s="71">
        <v>112</v>
      </c>
      <c r="GM14" s="71">
        <v>55</v>
      </c>
      <c r="GN14" s="71">
        <v>45</v>
      </c>
      <c r="GO14" s="71">
        <v>39</v>
      </c>
      <c r="GP14" s="71">
        <v>36</v>
      </c>
      <c r="GQ14" s="72">
        <v>287</v>
      </c>
      <c r="GR14" s="73">
        <v>458</v>
      </c>
      <c r="GS14" s="123">
        <v>369</v>
      </c>
      <c r="GT14" s="82">
        <v>248</v>
      </c>
      <c r="GU14" s="83">
        <v>617</v>
      </c>
      <c r="GV14" s="241"/>
      <c r="GW14" s="82">
        <v>349</v>
      </c>
      <c r="GX14" s="82">
        <v>203</v>
      </c>
      <c r="GY14" s="82">
        <v>146</v>
      </c>
      <c r="GZ14" s="82">
        <v>123</v>
      </c>
      <c r="HA14" s="82">
        <v>119</v>
      </c>
      <c r="HB14" s="84">
        <v>940</v>
      </c>
      <c r="HC14" s="85">
        <v>1557</v>
      </c>
      <c r="HD14" s="70">
        <v>12</v>
      </c>
      <c r="HE14" s="71">
        <v>12</v>
      </c>
      <c r="HF14" s="72">
        <v>24</v>
      </c>
      <c r="HG14" s="244"/>
      <c r="HH14" s="71">
        <v>10</v>
      </c>
      <c r="HI14" s="71">
        <v>6</v>
      </c>
      <c r="HJ14" s="71">
        <v>6</v>
      </c>
      <c r="HK14" s="71">
        <v>3</v>
      </c>
      <c r="HL14" s="71">
        <v>3</v>
      </c>
      <c r="HM14" s="72">
        <v>28</v>
      </c>
      <c r="HN14" s="73">
        <v>52</v>
      </c>
      <c r="HO14" s="70">
        <v>25</v>
      </c>
      <c r="HP14" s="71">
        <v>20</v>
      </c>
      <c r="HQ14" s="72">
        <v>45</v>
      </c>
      <c r="HR14" s="244"/>
      <c r="HS14" s="71">
        <v>24</v>
      </c>
      <c r="HT14" s="71">
        <v>17</v>
      </c>
      <c r="HU14" s="71">
        <v>2</v>
      </c>
      <c r="HV14" s="71">
        <v>4</v>
      </c>
      <c r="HW14" s="71">
        <v>11</v>
      </c>
      <c r="HX14" s="72">
        <v>58</v>
      </c>
      <c r="HY14" s="73">
        <v>103</v>
      </c>
      <c r="HZ14" s="70">
        <v>40</v>
      </c>
      <c r="IA14" s="71">
        <v>30</v>
      </c>
      <c r="IB14" s="72">
        <v>70</v>
      </c>
      <c r="IC14" s="244"/>
      <c r="ID14" s="71">
        <v>39</v>
      </c>
      <c r="IE14" s="71">
        <v>26</v>
      </c>
      <c r="IF14" s="71">
        <v>16</v>
      </c>
      <c r="IG14" s="71">
        <v>12</v>
      </c>
      <c r="IH14" s="71">
        <v>14</v>
      </c>
      <c r="II14" s="72">
        <v>107</v>
      </c>
      <c r="IJ14" s="73">
        <v>177</v>
      </c>
      <c r="IK14" s="70">
        <v>87</v>
      </c>
      <c r="IL14" s="71">
        <v>56</v>
      </c>
      <c r="IM14" s="72">
        <v>143</v>
      </c>
      <c r="IN14" s="244"/>
      <c r="IO14" s="71">
        <v>73</v>
      </c>
      <c r="IP14" s="71">
        <v>27</v>
      </c>
      <c r="IQ14" s="71">
        <v>23</v>
      </c>
      <c r="IR14" s="71">
        <v>10</v>
      </c>
      <c r="IS14" s="71">
        <v>27</v>
      </c>
      <c r="IT14" s="72">
        <v>160</v>
      </c>
      <c r="IU14" s="73">
        <v>303</v>
      </c>
      <c r="IV14" s="70">
        <v>116</v>
      </c>
      <c r="IW14" s="71">
        <v>62</v>
      </c>
      <c r="IX14" s="72">
        <v>178</v>
      </c>
      <c r="IY14" s="244"/>
      <c r="IZ14" s="71">
        <v>104</v>
      </c>
      <c r="JA14" s="71">
        <v>51</v>
      </c>
      <c r="JB14" s="71">
        <v>43</v>
      </c>
      <c r="JC14" s="71">
        <v>39</v>
      </c>
      <c r="JD14" s="71">
        <v>20</v>
      </c>
      <c r="JE14" s="72">
        <v>257</v>
      </c>
      <c r="JF14" s="73">
        <v>435</v>
      </c>
      <c r="JG14" s="70">
        <v>89</v>
      </c>
      <c r="JH14" s="71">
        <v>68</v>
      </c>
      <c r="JI14" s="72">
        <v>157</v>
      </c>
      <c r="JJ14" s="244"/>
      <c r="JK14" s="71">
        <v>99</v>
      </c>
      <c r="JL14" s="71">
        <v>76</v>
      </c>
      <c r="JM14" s="71">
        <v>56</v>
      </c>
      <c r="JN14" s="71">
        <v>55</v>
      </c>
      <c r="JO14" s="71">
        <v>44</v>
      </c>
      <c r="JP14" s="72">
        <v>330</v>
      </c>
      <c r="JQ14" s="73">
        <v>487</v>
      </c>
      <c r="JR14" s="70">
        <v>0</v>
      </c>
      <c r="JS14" s="71">
        <v>0</v>
      </c>
      <c r="JT14" s="72">
        <v>0</v>
      </c>
      <c r="JU14" s="244"/>
      <c r="JV14" s="71">
        <v>0</v>
      </c>
      <c r="JW14" s="71">
        <v>0</v>
      </c>
      <c r="JX14" s="71">
        <v>0</v>
      </c>
      <c r="JY14" s="71">
        <v>0</v>
      </c>
      <c r="JZ14" s="71">
        <v>0</v>
      </c>
      <c r="KA14" s="72">
        <v>0</v>
      </c>
      <c r="KB14" s="73">
        <v>0</v>
      </c>
      <c r="KC14" s="70">
        <v>369</v>
      </c>
      <c r="KD14" s="71">
        <v>248</v>
      </c>
      <c r="KE14" s="72">
        <v>617</v>
      </c>
      <c r="KF14" s="244"/>
      <c r="KG14" s="71">
        <v>349</v>
      </c>
      <c r="KH14" s="71">
        <v>203</v>
      </c>
      <c r="KI14" s="71">
        <v>146</v>
      </c>
      <c r="KJ14" s="71">
        <v>123</v>
      </c>
      <c r="KK14" s="71">
        <v>119</v>
      </c>
      <c r="KL14" s="72">
        <v>940</v>
      </c>
      <c r="KM14" s="73">
        <v>1557</v>
      </c>
    </row>
    <row r="15" spans="2:299" ht="19.8" customHeight="1" x14ac:dyDescent="0.2">
      <c r="B15" s="126" t="s">
        <v>11</v>
      </c>
      <c r="C15" s="316">
        <v>48</v>
      </c>
      <c r="D15" s="82">
        <v>32</v>
      </c>
      <c r="E15" s="83">
        <v>80</v>
      </c>
      <c r="F15" s="241"/>
      <c r="G15" s="82">
        <v>100</v>
      </c>
      <c r="H15" s="82">
        <v>33</v>
      </c>
      <c r="I15" s="82">
        <v>32</v>
      </c>
      <c r="J15" s="82">
        <v>27</v>
      </c>
      <c r="K15" s="82">
        <v>19</v>
      </c>
      <c r="L15" s="84">
        <v>211</v>
      </c>
      <c r="M15" s="85">
        <v>291</v>
      </c>
      <c r="N15" s="70">
        <v>0</v>
      </c>
      <c r="O15" s="71">
        <v>2</v>
      </c>
      <c r="P15" s="72">
        <v>2</v>
      </c>
      <c r="Q15" s="244"/>
      <c r="R15" s="71">
        <v>5</v>
      </c>
      <c r="S15" s="71">
        <v>1</v>
      </c>
      <c r="T15" s="71">
        <v>1</v>
      </c>
      <c r="U15" s="71">
        <v>1</v>
      </c>
      <c r="V15" s="71">
        <v>0</v>
      </c>
      <c r="W15" s="72">
        <v>8</v>
      </c>
      <c r="X15" s="73">
        <v>10</v>
      </c>
      <c r="Y15" s="70">
        <v>5</v>
      </c>
      <c r="Z15" s="71">
        <v>1</v>
      </c>
      <c r="AA15" s="72">
        <v>6</v>
      </c>
      <c r="AB15" s="244"/>
      <c r="AC15" s="71">
        <v>12</v>
      </c>
      <c r="AD15" s="71">
        <v>3</v>
      </c>
      <c r="AE15" s="71">
        <v>2</v>
      </c>
      <c r="AF15" s="71">
        <v>0</v>
      </c>
      <c r="AG15" s="71">
        <v>0</v>
      </c>
      <c r="AH15" s="72">
        <v>17</v>
      </c>
      <c r="AI15" s="73">
        <v>23</v>
      </c>
      <c r="AJ15" s="70">
        <v>4</v>
      </c>
      <c r="AK15" s="71">
        <v>3</v>
      </c>
      <c r="AL15" s="72">
        <v>7</v>
      </c>
      <c r="AM15" s="244"/>
      <c r="AN15" s="71">
        <v>19</v>
      </c>
      <c r="AO15" s="71">
        <v>4</v>
      </c>
      <c r="AP15" s="71">
        <v>4</v>
      </c>
      <c r="AQ15" s="71">
        <v>7</v>
      </c>
      <c r="AR15" s="71">
        <v>3</v>
      </c>
      <c r="AS15" s="72">
        <v>37</v>
      </c>
      <c r="AT15" s="73">
        <v>44</v>
      </c>
      <c r="AU15" s="70">
        <v>10</v>
      </c>
      <c r="AV15" s="71">
        <v>6</v>
      </c>
      <c r="AW15" s="72">
        <v>16</v>
      </c>
      <c r="AX15" s="244"/>
      <c r="AY15" s="71">
        <v>24</v>
      </c>
      <c r="AZ15" s="71">
        <v>10</v>
      </c>
      <c r="BA15" s="71">
        <v>8</v>
      </c>
      <c r="BB15" s="71">
        <v>6</v>
      </c>
      <c r="BC15" s="71">
        <v>3</v>
      </c>
      <c r="BD15" s="72">
        <v>51</v>
      </c>
      <c r="BE15" s="73">
        <v>67</v>
      </c>
      <c r="BF15" s="70">
        <v>22</v>
      </c>
      <c r="BG15" s="71">
        <v>13</v>
      </c>
      <c r="BH15" s="72">
        <v>35</v>
      </c>
      <c r="BI15" s="244"/>
      <c r="BJ15" s="71">
        <v>19</v>
      </c>
      <c r="BK15" s="71">
        <v>5</v>
      </c>
      <c r="BL15" s="71">
        <v>5</v>
      </c>
      <c r="BM15" s="71">
        <v>6</v>
      </c>
      <c r="BN15" s="71">
        <v>5</v>
      </c>
      <c r="BO15" s="72">
        <v>40</v>
      </c>
      <c r="BP15" s="73">
        <v>75</v>
      </c>
      <c r="BQ15" s="70">
        <v>7</v>
      </c>
      <c r="BR15" s="71">
        <v>7</v>
      </c>
      <c r="BS15" s="72">
        <v>14</v>
      </c>
      <c r="BT15" s="244"/>
      <c r="BU15" s="71">
        <v>21</v>
      </c>
      <c r="BV15" s="71">
        <v>10</v>
      </c>
      <c r="BW15" s="71">
        <v>12</v>
      </c>
      <c r="BX15" s="71">
        <v>7</v>
      </c>
      <c r="BY15" s="71">
        <v>8</v>
      </c>
      <c r="BZ15" s="72">
        <v>58</v>
      </c>
      <c r="CA15" s="73">
        <v>72</v>
      </c>
      <c r="CB15" s="70">
        <v>0</v>
      </c>
      <c r="CC15" s="71">
        <v>0</v>
      </c>
      <c r="CD15" s="72">
        <v>0</v>
      </c>
      <c r="CE15" s="244"/>
      <c r="CF15" s="71">
        <v>0</v>
      </c>
      <c r="CG15" s="71">
        <v>0</v>
      </c>
      <c r="CH15" s="71">
        <v>0</v>
      </c>
      <c r="CI15" s="71">
        <v>0</v>
      </c>
      <c r="CJ15" s="71">
        <v>0</v>
      </c>
      <c r="CK15" s="72">
        <v>0</v>
      </c>
      <c r="CL15" s="73">
        <v>0</v>
      </c>
      <c r="CM15" s="70">
        <v>48</v>
      </c>
      <c r="CN15" s="71">
        <v>32</v>
      </c>
      <c r="CO15" s="72">
        <v>80</v>
      </c>
      <c r="CP15" s="244"/>
      <c r="CQ15" s="71">
        <v>100</v>
      </c>
      <c r="CR15" s="71">
        <v>33</v>
      </c>
      <c r="CS15" s="71">
        <v>32</v>
      </c>
      <c r="CT15" s="71">
        <v>27</v>
      </c>
      <c r="CU15" s="71">
        <v>19</v>
      </c>
      <c r="CV15" s="72">
        <v>211</v>
      </c>
      <c r="CW15" s="73">
        <v>291</v>
      </c>
      <c r="CX15" s="123">
        <v>23</v>
      </c>
      <c r="CY15" s="82">
        <v>20</v>
      </c>
      <c r="CZ15" s="83">
        <v>43</v>
      </c>
      <c r="DA15" s="241"/>
      <c r="DB15" s="82">
        <v>40</v>
      </c>
      <c r="DC15" s="82">
        <v>27</v>
      </c>
      <c r="DD15" s="82">
        <v>23</v>
      </c>
      <c r="DE15" s="82">
        <v>33</v>
      </c>
      <c r="DF15" s="82">
        <v>14</v>
      </c>
      <c r="DG15" s="84">
        <v>137</v>
      </c>
      <c r="DH15" s="85">
        <v>180</v>
      </c>
      <c r="DI15" s="70">
        <v>0</v>
      </c>
      <c r="DJ15" s="71">
        <v>1</v>
      </c>
      <c r="DK15" s="72">
        <v>1</v>
      </c>
      <c r="DL15" s="244"/>
      <c r="DM15" s="71">
        <v>0</v>
      </c>
      <c r="DN15" s="71">
        <v>0</v>
      </c>
      <c r="DO15" s="71">
        <v>0</v>
      </c>
      <c r="DP15" s="71">
        <v>0</v>
      </c>
      <c r="DQ15" s="71">
        <v>0</v>
      </c>
      <c r="DR15" s="72">
        <v>0</v>
      </c>
      <c r="DS15" s="73">
        <v>1</v>
      </c>
      <c r="DT15" s="70">
        <v>2</v>
      </c>
      <c r="DU15" s="71">
        <v>0</v>
      </c>
      <c r="DV15" s="72">
        <v>2</v>
      </c>
      <c r="DW15" s="244"/>
      <c r="DX15" s="71">
        <v>6</v>
      </c>
      <c r="DY15" s="71">
        <v>2</v>
      </c>
      <c r="DZ15" s="71">
        <v>0</v>
      </c>
      <c r="EA15" s="71">
        <v>1</v>
      </c>
      <c r="EB15" s="71">
        <v>1</v>
      </c>
      <c r="EC15" s="72">
        <v>10</v>
      </c>
      <c r="ED15" s="73">
        <v>12</v>
      </c>
      <c r="EE15" s="70">
        <v>3</v>
      </c>
      <c r="EF15" s="71">
        <v>5</v>
      </c>
      <c r="EG15" s="72">
        <v>8</v>
      </c>
      <c r="EH15" s="244"/>
      <c r="EI15" s="71">
        <v>4</v>
      </c>
      <c r="EJ15" s="71">
        <v>3</v>
      </c>
      <c r="EK15" s="71">
        <v>2</v>
      </c>
      <c r="EL15" s="71">
        <v>1</v>
      </c>
      <c r="EM15" s="71">
        <v>0</v>
      </c>
      <c r="EN15" s="72">
        <v>10</v>
      </c>
      <c r="EO15" s="73">
        <v>18</v>
      </c>
      <c r="EP15" s="70">
        <v>3</v>
      </c>
      <c r="EQ15" s="71">
        <v>2</v>
      </c>
      <c r="ER15" s="72">
        <v>5</v>
      </c>
      <c r="ES15" s="244"/>
      <c r="ET15" s="71">
        <v>4</v>
      </c>
      <c r="EU15" s="71">
        <v>6</v>
      </c>
      <c r="EV15" s="71">
        <v>1</v>
      </c>
      <c r="EW15" s="71">
        <v>4</v>
      </c>
      <c r="EX15" s="71">
        <v>2</v>
      </c>
      <c r="EY15" s="72">
        <v>17</v>
      </c>
      <c r="EZ15" s="73">
        <v>22</v>
      </c>
      <c r="FA15" s="70">
        <v>10</v>
      </c>
      <c r="FB15" s="71">
        <v>3</v>
      </c>
      <c r="FC15" s="72">
        <v>13</v>
      </c>
      <c r="FD15" s="244"/>
      <c r="FE15" s="71">
        <v>15</v>
      </c>
      <c r="FF15" s="71">
        <v>11</v>
      </c>
      <c r="FG15" s="71">
        <v>9</v>
      </c>
      <c r="FH15" s="71">
        <v>10</v>
      </c>
      <c r="FI15" s="71">
        <v>4</v>
      </c>
      <c r="FJ15" s="72">
        <v>49</v>
      </c>
      <c r="FK15" s="73">
        <v>62</v>
      </c>
      <c r="FL15" s="70">
        <v>5</v>
      </c>
      <c r="FM15" s="71">
        <v>9</v>
      </c>
      <c r="FN15" s="72">
        <v>14</v>
      </c>
      <c r="FO15" s="244"/>
      <c r="FP15" s="71">
        <v>11</v>
      </c>
      <c r="FQ15" s="71">
        <v>5</v>
      </c>
      <c r="FR15" s="71">
        <v>11</v>
      </c>
      <c r="FS15" s="71">
        <v>17</v>
      </c>
      <c r="FT15" s="71">
        <v>7</v>
      </c>
      <c r="FU15" s="72">
        <v>51</v>
      </c>
      <c r="FV15" s="73">
        <v>65</v>
      </c>
      <c r="FW15" s="70">
        <v>0</v>
      </c>
      <c r="FX15" s="71">
        <v>0</v>
      </c>
      <c r="FY15" s="72">
        <v>0</v>
      </c>
      <c r="FZ15" s="244"/>
      <c r="GA15" s="71">
        <v>0</v>
      </c>
      <c r="GB15" s="71">
        <v>0</v>
      </c>
      <c r="GC15" s="71">
        <v>0</v>
      </c>
      <c r="GD15" s="71">
        <v>0</v>
      </c>
      <c r="GE15" s="71">
        <v>0</v>
      </c>
      <c r="GF15" s="72">
        <v>0</v>
      </c>
      <c r="GG15" s="73">
        <v>0</v>
      </c>
      <c r="GH15" s="70">
        <v>23</v>
      </c>
      <c r="GI15" s="71">
        <v>20</v>
      </c>
      <c r="GJ15" s="72">
        <v>43</v>
      </c>
      <c r="GK15" s="244"/>
      <c r="GL15" s="71">
        <v>40</v>
      </c>
      <c r="GM15" s="71">
        <v>27</v>
      </c>
      <c r="GN15" s="71">
        <v>23</v>
      </c>
      <c r="GO15" s="71">
        <v>33</v>
      </c>
      <c r="GP15" s="71">
        <v>14</v>
      </c>
      <c r="GQ15" s="72">
        <v>137</v>
      </c>
      <c r="GR15" s="73">
        <v>180</v>
      </c>
      <c r="GS15" s="123">
        <v>71</v>
      </c>
      <c r="GT15" s="82">
        <v>52</v>
      </c>
      <c r="GU15" s="83">
        <v>123</v>
      </c>
      <c r="GV15" s="241"/>
      <c r="GW15" s="82">
        <v>140</v>
      </c>
      <c r="GX15" s="82">
        <v>60</v>
      </c>
      <c r="GY15" s="82">
        <v>55</v>
      </c>
      <c r="GZ15" s="82">
        <v>60</v>
      </c>
      <c r="HA15" s="82">
        <v>33</v>
      </c>
      <c r="HB15" s="84">
        <v>348</v>
      </c>
      <c r="HC15" s="85">
        <v>471</v>
      </c>
      <c r="HD15" s="70">
        <v>0</v>
      </c>
      <c r="HE15" s="71">
        <v>3</v>
      </c>
      <c r="HF15" s="72">
        <v>3</v>
      </c>
      <c r="HG15" s="244"/>
      <c r="HH15" s="71">
        <v>5</v>
      </c>
      <c r="HI15" s="71">
        <v>1</v>
      </c>
      <c r="HJ15" s="71">
        <v>1</v>
      </c>
      <c r="HK15" s="71">
        <v>1</v>
      </c>
      <c r="HL15" s="71">
        <v>0</v>
      </c>
      <c r="HM15" s="72">
        <v>8</v>
      </c>
      <c r="HN15" s="73">
        <v>11</v>
      </c>
      <c r="HO15" s="70">
        <v>7</v>
      </c>
      <c r="HP15" s="71">
        <v>1</v>
      </c>
      <c r="HQ15" s="72">
        <v>8</v>
      </c>
      <c r="HR15" s="244"/>
      <c r="HS15" s="71">
        <v>18</v>
      </c>
      <c r="HT15" s="71">
        <v>5</v>
      </c>
      <c r="HU15" s="71">
        <v>2</v>
      </c>
      <c r="HV15" s="71">
        <v>1</v>
      </c>
      <c r="HW15" s="71">
        <v>1</v>
      </c>
      <c r="HX15" s="72">
        <v>27</v>
      </c>
      <c r="HY15" s="73">
        <v>35</v>
      </c>
      <c r="HZ15" s="70">
        <v>7</v>
      </c>
      <c r="IA15" s="71">
        <v>8</v>
      </c>
      <c r="IB15" s="72">
        <v>15</v>
      </c>
      <c r="IC15" s="244"/>
      <c r="ID15" s="71">
        <v>23</v>
      </c>
      <c r="IE15" s="71">
        <v>7</v>
      </c>
      <c r="IF15" s="71">
        <v>6</v>
      </c>
      <c r="IG15" s="71">
        <v>8</v>
      </c>
      <c r="IH15" s="71">
        <v>3</v>
      </c>
      <c r="II15" s="72">
        <v>47</v>
      </c>
      <c r="IJ15" s="73">
        <v>62</v>
      </c>
      <c r="IK15" s="70">
        <v>13</v>
      </c>
      <c r="IL15" s="71">
        <v>8</v>
      </c>
      <c r="IM15" s="72">
        <v>21</v>
      </c>
      <c r="IN15" s="244"/>
      <c r="IO15" s="71">
        <v>28</v>
      </c>
      <c r="IP15" s="71">
        <v>16</v>
      </c>
      <c r="IQ15" s="71">
        <v>9</v>
      </c>
      <c r="IR15" s="71">
        <v>10</v>
      </c>
      <c r="IS15" s="71">
        <v>5</v>
      </c>
      <c r="IT15" s="72">
        <v>68</v>
      </c>
      <c r="IU15" s="73">
        <v>89</v>
      </c>
      <c r="IV15" s="70">
        <v>32</v>
      </c>
      <c r="IW15" s="71">
        <v>16</v>
      </c>
      <c r="IX15" s="72">
        <v>48</v>
      </c>
      <c r="IY15" s="244"/>
      <c r="IZ15" s="71">
        <v>34</v>
      </c>
      <c r="JA15" s="71">
        <v>16</v>
      </c>
      <c r="JB15" s="71">
        <v>14</v>
      </c>
      <c r="JC15" s="71">
        <v>16</v>
      </c>
      <c r="JD15" s="71">
        <v>9</v>
      </c>
      <c r="JE15" s="72">
        <v>89</v>
      </c>
      <c r="JF15" s="73">
        <v>137</v>
      </c>
      <c r="JG15" s="70">
        <v>12</v>
      </c>
      <c r="JH15" s="71">
        <v>16</v>
      </c>
      <c r="JI15" s="72">
        <v>28</v>
      </c>
      <c r="JJ15" s="244"/>
      <c r="JK15" s="71">
        <v>32</v>
      </c>
      <c r="JL15" s="71">
        <v>15</v>
      </c>
      <c r="JM15" s="71">
        <v>23</v>
      </c>
      <c r="JN15" s="71">
        <v>24</v>
      </c>
      <c r="JO15" s="71">
        <v>15</v>
      </c>
      <c r="JP15" s="72">
        <v>109</v>
      </c>
      <c r="JQ15" s="73">
        <v>137</v>
      </c>
      <c r="JR15" s="70">
        <v>0</v>
      </c>
      <c r="JS15" s="71">
        <v>0</v>
      </c>
      <c r="JT15" s="72">
        <v>0</v>
      </c>
      <c r="JU15" s="244"/>
      <c r="JV15" s="71">
        <v>0</v>
      </c>
      <c r="JW15" s="71">
        <v>0</v>
      </c>
      <c r="JX15" s="71">
        <v>0</v>
      </c>
      <c r="JY15" s="71">
        <v>0</v>
      </c>
      <c r="JZ15" s="71">
        <v>0</v>
      </c>
      <c r="KA15" s="72">
        <v>0</v>
      </c>
      <c r="KB15" s="73">
        <v>0</v>
      </c>
      <c r="KC15" s="70">
        <v>71</v>
      </c>
      <c r="KD15" s="71">
        <v>52</v>
      </c>
      <c r="KE15" s="72">
        <v>123</v>
      </c>
      <c r="KF15" s="244"/>
      <c r="KG15" s="71">
        <v>140</v>
      </c>
      <c r="KH15" s="71">
        <v>60</v>
      </c>
      <c r="KI15" s="71">
        <v>55</v>
      </c>
      <c r="KJ15" s="71">
        <v>60</v>
      </c>
      <c r="KK15" s="71">
        <v>33</v>
      </c>
      <c r="KL15" s="72">
        <v>348</v>
      </c>
      <c r="KM15" s="73">
        <v>471</v>
      </c>
    </row>
    <row r="16" spans="2:299" ht="19.8" customHeight="1" x14ac:dyDescent="0.2">
      <c r="B16" s="126" t="s">
        <v>12</v>
      </c>
      <c r="C16" s="316">
        <v>145</v>
      </c>
      <c r="D16" s="82">
        <v>85</v>
      </c>
      <c r="E16" s="83">
        <v>230</v>
      </c>
      <c r="F16" s="241"/>
      <c r="G16" s="82">
        <v>98</v>
      </c>
      <c r="H16" s="82">
        <v>72</v>
      </c>
      <c r="I16" s="82">
        <v>52</v>
      </c>
      <c r="J16" s="82">
        <v>65</v>
      </c>
      <c r="K16" s="82">
        <v>35</v>
      </c>
      <c r="L16" s="84">
        <v>322</v>
      </c>
      <c r="M16" s="85">
        <v>552</v>
      </c>
      <c r="N16" s="86">
        <v>3</v>
      </c>
      <c r="O16" s="71">
        <v>6</v>
      </c>
      <c r="P16" s="72">
        <v>9</v>
      </c>
      <c r="Q16" s="244"/>
      <c r="R16" s="71">
        <v>0</v>
      </c>
      <c r="S16" s="71">
        <v>3</v>
      </c>
      <c r="T16" s="71">
        <v>1</v>
      </c>
      <c r="U16" s="71">
        <v>1</v>
      </c>
      <c r="V16" s="71">
        <v>2</v>
      </c>
      <c r="W16" s="72">
        <v>7</v>
      </c>
      <c r="X16" s="73">
        <v>16</v>
      </c>
      <c r="Y16" s="70">
        <v>8</v>
      </c>
      <c r="Z16" s="71">
        <v>4</v>
      </c>
      <c r="AA16" s="72">
        <v>12</v>
      </c>
      <c r="AB16" s="244"/>
      <c r="AC16" s="71">
        <v>6</v>
      </c>
      <c r="AD16" s="71">
        <v>4</v>
      </c>
      <c r="AE16" s="71">
        <v>1</v>
      </c>
      <c r="AF16" s="71">
        <v>2</v>
      </c>
      <c r="AG16" s="71">
        <v>4</v>
      </c>
      <c r="AH16" s="72">
        <v>17</v>
      </c>
      <c r="AI16" s="73">
        <v>29</v>
      </c>
      <c r="AJ16" s="86">
        <v>13</v>
      </c>
      <c r="AK16" s="71">
        <v>10</v>
      </c>
      <c r="AL16" s="72">
        <v>23</v>
      </c>
      <c r="AM16" s="244"/>
      <c r="AN16" s="71">
        <v>4</v>
      </c>
      <c r="AO16" s="71">
        <v>8</v>
      </c>
      <c r="AP16" s="71">
        <v>5</v>
      </c>
      <c r="AQ16" s="71">
        <v>6</v>
      </c>
      <c r="AR16" s="71">
        <v>5</v>
      </c>
      <c r="AS16" s="72">
        <v>28</v>
      </c>
      <c r="AT16" s="73">
        <v>51</v>
      </c>
      <c r="AU16" s="70">
        <v>37</v>
      </c>
      <c r="AV16" s="71">
        <v>20</v>
      </c>
      <c r="AW16" s="72">
        <v>57</v>
      </c>
      <c r="AX16" s="244"/>
      <c r="AY16" s="71">
        <v>26</v>
      </c>
      <c r="AZ16" s="71">
        <v>22</v>
      </c>
      <c r="BA16" s="71">
        <v>11</v>
      </c>
      <c r="BB16" s="71">
        <v>12</v>
      </c>
      <c r="BC16" s="71">
        <v>8</v>
      </c>
      <c r="BD16" s="72">
        <v>79</v>
      </c>
      <c r="BE16" s="73">
        <v>136</v>
      </c>
      <c r="BF16" s="86">
        <v>48</v>
      </c>
      <c r="BG16" s="71">
        <v>23</v>
      </c>
      <c r="BH16" s="72">
        <v>71</v>
      </c>
      <c r="BI16" s="244"/>
      <c r="BJ16" s="71">
        <v>33</v>
      </c>
      <c r="BK16" s="71">
        <v>20</v>
      </c>
      <c r="BL16" s="71">
        <v>17</v>
      </c>
      <c r="BM16" s="71">
        <v>24</v>
      </c>
      <c r="BN16" s="71">
        <v>10</v>
      </c>
      <c r="BO16" s="72">
        <v>104</v>
      </c>
      <c r="BP16" s="73">
        <v>175</v>
      </c>
      <c r="BQ16" s="70">
        <v>36</v>
      </c>
      <c r="BR16" s="71">
        <v>22</v>
      </c>
      <c r="BS16" s="72">
        <v>58</v>
      </c>
      <c r="BT16" s="244"/>
      <c r="BU16" s="71">
        <v>29</v>
      </c>
      <c r="BV16" s="71">
        <v>15</v>
      </c>
      <c r="BW16" s="71">
        <v>17</v>
      </c>
      <c r="BX16" s="71">
        <v>20</v>
      </c>
      <c r="BY16" s="71">
        <v>6</v>
      </c>
      <c r="BZ16" s="72">
        <v>87</v>
      </c>
      <c r="CA16" s="73">
        <v>145</v>
      </c>
      <c r="CB16" s="70">
        <v>0</v>
      </c>
      <c r="CC16" s="71">
        <v>0</v>
      </c>
      <c r="CD16" s="72">
        <v>0</v>
      </c>
      <c r="CE16" s="244"/>
      <c r="CF16" s="71">
        <v>0</v>
      </c>
      <c r="CG16" s="71">
        <v>0</v>
      </c>
      <c r="CH16" s="71">
        <v>0</v>
      </c>
      <c r="CI16" s="71">
        <v>0</v>
      </c>
      <c r="CJ16" s="71">
        <v>0</v>
      </c>
      <c r="CK16" s="72">
        <v>0</v>
      </c>
      <c r="CL16" s="73">
        <v>0</v>
      </c>
      <c r="CM16" s="70">
        <v>145</v>
      </c>
      <c r="CN16" s="71">
        <v>85</v>
      </c>
      <c r="CO16" s="72">
        <v>230</v>
      </c>
      <c r="CP16" s="244"/>
      <c r="CQ16" s="71">
        <v>98</v>
      </c>
      <c r="CR16" s="71">
        <v>72</v>
      </c>
      <c r="CS16" s="71">
        <v>52</v>
      </c>
      <c r="CT16" s="71">
        <v>65</v>
      </c>
      <c r="CU16" s="71">
        <v>35</v>
      </c>
      <c r="CV16" s="72">
        <v>322</v>
      </c>
      <c r="CW16" s="73">
        <v>552</v>
      </c>
      <c r="CX16" s="123">
        <v>38</v>
      </c>
      <c r="CY16" s="82">
        <v>35</v>
      </c>
      <c r="CZ16" s="83">
        <v>73</v>
      </c>
      <c r="DA16" s="241"/>
      <c r="DB16" s="82">
        <v>37</v>
      </c>
      <c r="DC16" s="82">
        <v>23</v>
      </c>
      <c r="DD16" s="82">
        <v>27</v>
      </c>
      <c r="DE16" s="82">
        <v>28</v>
      </c>
      <c r="DF16" s="82">
        <v>10</v>
      </c>
      <c r="DG16" s="84">
        <v>125</v>
      </c>
      <c r="DH16" s="85">
        <v>198</v>
      </c>
      <c r="DI16" s="86">
        <v>1</v>
      </c>
      <c r="DJ16" s="71">
        <v>0</v>
      </c>
      <c r="DK16" s="72">
        <v>1</v>
      </c>
      <c r="DL16" s="244"/>
      <c r="DM16" s="71">
        <v>2</v>
      </c>
      <c r="DN16" s="71">
        <v>0</v>
      </c>
      <c r="DO16" s="71">
        <v>1</v>
      </c>
      <c r="DP16" s="71">
        <v>0</v>
      </c>
      <c r="DQ16" s="71">
        <v>0</v>
      </c>
      <c r="DR16" s="72">
        <v>3</v>
      </c>
      <c r="DS16" s="73">
        <v>4</v>
      </c>
      <c r="DT16" s="70">
        <v>2</v>
      </c>
      <c r="DU16" s="71">
        <v>3</v>
      </c>
      <c r="DV16" s="72">
        <v>5</v>
      </c>
      <c r="DW16" s="244"/>
      <c r="DX16" s="71">
        <v>1</v>
      </c>
      <c r="DY16" s="71">
        <v>0</v>
      </c>
      <c r="DZ16" s="71">
        <v>0</v>
      </c>
      <c r="EA16" s="71">
        <v>1</v>
      </c>
      <c r="EB16" s="71">
        <v>0</v>
      </c>
      <c r="EC16" s="72">
        <v>2</v>
      </c>
      <c r="ED16" s="73">
        <v>7</v>
      </c>
      <c r="EE16" s="86">
        <v>5</v>
      </c>
      <c r="EF16" s="71">
        <v>4</v>
      </c>
      <c r="EG16" s="72">
        <v>9</v>
      </c>
      <c r="EH16" s="244"/>
      <c r="EI16" s="71">
        <v>1</v>
      </c>
      <c r="EJ16" s="71">
        <v>2</v>
      </c>
      <c r="EK16" s="71">
        <v>2</v>
      </c>
      <c r="EL16" s="71">
        <v>1</v>
      </c>
      <c r="EM16" s="71">
        <v>2</v>
      </c>
      <c r="EN16" s="72">
        <v>8</v>
      </c>
      <c r="EO16" s="73">
        <v>17</v>
      </c>
      <c r="EP16" s="70">
        <v>9</v>
      </c>
      <c r="EQ16" s="71">
        <v>11</v>
      </c>
      <c r="ER16" s="72">
        <v>20</v>
      </c>
      <c r="ES16" s="244"/>
      <c r="ET16" s="71">
        <v>7</v>
      </c>
      <c r="EU16" s="71">
        <v>2</v>
      </c>
      <c r="EV16" s="71">
        <v>3</v>
      </c>
      <c r="EW16" s="71">
        <v>4</v>
      </c>
      <c r="EX16" s="71">
        <v>2</v>
      </c>
      <c r="EY16" s="72">
        <v>18</v>
      </c>
      <c r="EZ16" s="73">
        <v>38</v>
      </c>
      <c r="FA16" s="86">
        <v>13</v>
      </c>
      <c r="FB16" s="71">
        <v>8</v>
      </c>
      <c r="FC16" s="72">
        <v>21</v>
      </c>
      <c r="FD16" s="244"/>
      <c r="FE16" s="71">
        <v>11</v>
      </c>
      <c r="FF16" s="71">
        <v>6</v>
      </c>
      <c r="FG16" s="71">
        <v>12</v>
      </c>
      <c r="FH16" s="71">
        <v>4</v>
      </c>
      <c r="FI16" s="71">
        <v>1</v>
      </c>
      <c r="FJ16" s="72">
        <v>34</v>
      </c>
      <c r="FK16" s="73">
        <v>55</v>
      </c>
      <c r="FL16" s="70">
        <v>8</v>
      </c>
      <c r="FM16" s="71">
        <v>9</v>
      </c>
      <c r="FN16" s="72">
        <v>17</v>
      </c>
      <c r="FO16" s="244"/>
      <c r="FP16" s="71">
        <v>15</v>
      </c>
      <c r="FQ16" s="71">
        <v>13</v>
      </c>
      <c r="FR16" s="71">
        <v>9</v>
      </c>
      <c r="FS16" s="71">
        <v>18</v>
      </c>
      <c r="FT16" s="71">
        <v>5</v>
      </c>
      <c r="FU16" s="72">
        <v>60</v>
      </c>
      <c r="FV16" s="73">
        <v>77</v>
      </c>
      <c r="FW16" s="70">
        <v>0</v>
      </c>
      <c r="FX16" s="71">
        <v>0</v>
      </c>
      <c r="FY16" s="72">
        <v>0</v>
      </c>
      <c r="FZ16" s="244"/>
      <c r="GA16" s="71">
        <v>0</v>
      </c>
      <c r="GB16" s="71">
        <v>0</v>
      </c>
      <c r="GC16" s="71">
        <v>0</v>
      </c>
      <c r="GD16" s="71">
        <v>0</v>
      </c>
      <c r="GE16" s="71">
        <v>0</v>
      </c>
      <c r="GF16" s="72">
        <v>0</v>
      </c>
      <c r="GG16" s="73">
        <v>0</v>
      </c>
      <c r="GH16" s="70">
        <v>38</v>
      </c>
      <c r="GI16" s="71">
        <v>35</v>
      </c>
      <c r="GJ16" s="72">
        <v>73</v>
      </c>
      <c r="GK16" s="244"/>
      <c r="GL16" s="71">
        <v>37</v>
      </c>
      <c r="GM16" s="71">
        <v>23</v>
      </c>
      <c r="GN16" s="71">
        <v>27</v>
      </c>
      <c r="GO16" s="71">
        <v>28</v>
      </c>
      <c r="GP16" s="71">
        <v>10</v>
      </c>
      <c r="GQ16" s="72">
        <v>125</v>
      </c>
      <c r="GR16" s="73">
        <v>198</v>
      </c>
      <c r="GS16" s="123">
        <v>183</v>
      </c>
      <c r="GT16" s="82">
        <v>120</v>
      </c>
      <c r="GU16" s="83">
        <v>303</v>
      </c>
      <c r="GV16" s="241"/>
      <c r="GW16" s="82">
        <v>135</v>
      </c>
      <c r="GX16" s="82">
        <v>95</v>
      </c>
      <c r="GY16" s="82">
        <v>79</v>
      </c>
      <c r="GZ16" s="82">
        <v>93</v>
      </c>
      <c r="HA16" s="82">
        <v>45</v>
      </c>
      <c r="HB16" s="84">
        <v>447</v>
      </c>
      <c r="HC16" s="85">
        <v>750</v>
      </c>
      <c r="HD16" s="86">
        <v>4</v>
      </c>
      <c r="HE16" s="71">
        <v>6</v>
      </c>
      <c r="HF16" s="72">
        <v>10</v>
      </c>
      <c r="HG16" s="244"/>
      <c r="HH16" s="71">
        <v>2</v>
      </c>
      <c r="HI16" s="71">
        <v>3</v>
      </c>
      <c r="HJ16" s="71">
        <v>2</v>
      </c>
      <c r="HK16" s="71">
        <v>1</v>
      </c>
      <c r="HL16" s="71">
        <v>2</v>
      </c>
      <c r="HM16" s="72">
        <v>10</v>
      </c>
      <c r="HN16" s="73">
        <v>20</v>
      </c>
      <c r="HO16" s="70">
        <v>10</v>
      </c>
      <c r="HP16" s="71">
        <v>7</v>
      </c>
      <c r="HQ16" s="72">
        <v>17</v>
      </c>
      <c r="HR16" s="244"/>
      <c r="HS16" s="71">
        <v>7</v>
      </c>
      <c r="HT16" s="71">
        <v>4</v>
      </c>
      <c r="HU16" s="71">
        <v>1</v>
      </c>
      <c r="HV16" s="71">
        <v>3</v>
      </c>
      <c r="HW16" s="71">
        <v>4</v>
      </c>
      <c r="HX16" s="72">
        <v>19</v>
      </c>
      <c r="HY16" s="73">
        <v>36</v>
      </c>
      <c r="HZ16" s="86">
        <v>18</v>
      </c>
      <c r="IA16" s="71">
        <v>14</v>
      </c>
      <c r="IB16" s="72">
        <v>32</v>
      </c>
      <c r="IC16" s="244"/>
      <c r="ID16" s="71">
        <v>5</v>
      </c>
      <c r="IE16" s="71">
        <v>10</v>
      </c>
      <c r="IF16" s="71">
        <v>7</v>
      </c>
      <c r="IG16" s="71">
        <v>7</v>
      </c>
      <c r="IH16" s="71">
        <v>7</v>
      </c>
      <c r="II16" s="72">
        <v>36</v>
      </c>
      <c r="IJ16" s="73">
        <v>68</v>
      </c>
      <c r="IK16" s="70">
        <v>46</v>
      </c>
      <c r="IL16" s="71">
        <v>31</v>
      </c>
      <c r="IM16" s="72">
        <v>77</v>
      </c>
      <c r="IN16" s="244"/>
      <c r="IO16" s="71">
        <v>33</v>
      </c>
      <c r="IP16" s="71">
        <v>24</v>
      </c>
      <c r="IQ16" s="71">
        <v>14</v>
      </c>
      <c r="IR16" s="71">
        <v>16</v>
      </c>
      <c r="IS16" s="71">
        <v>10</v>
      </c>
      <c r="IT16" s="72">
        <v>97</v>
      </c>
      <c r="IU16" s="73">
        <v>174</v>
      </c>
      <c r="IV16" s="86">
        <v>61</v>
      </c>
      <c r="IW16" s="71">
        <v>31</v>
      </c>
      <c r="IX16" s="72">
        <v>92</v>
      </c>
      <c r="IY16" s="244"/>
      <c r="IZ16" s="71">
        <v>44</v>
      </c>
      <c r="JA16" s="71">
        <v>26</v>
      </c>
      <c r="JB16" s="71">
        <v>29</v>
      </c>
      <c r="JC16" s="71">
        <v>28</v>
      </c>
      <c r="JD16" s="71">
        <v>11</v>
      </c>
      <c r="JE16" s="72">
        <v>138</v>
      </c>
      <c r="JF16" s="73">
        <v>230</v>
      </c>
      <c r="JG16" s="70">
        <v>44</v>
      </c>
      <c r="JH16" s="71">
        <v>31</v>
      </c>
      <c r="JI16" s="72">
        <v>75</v>
      </c>
      <c r="JJ16" s="244"/>
      <c r="JK16" s="71">
        <v>44</v>
      </c>
      <c r="JL16" s="71">
        <v>28</v>
      </c>
      <c r="JM16" s="71">
        <v>26</v>
      </c>
      <c r="JN16" s="71">
        <v>38</v>
      </c>
      <c r="JO16" s="71">
        <v>11</v>
      </c>
      <c r="JP16" s="72">
        <v>147</v>
      </c>
      <c r="JQ16" s="73">
        <v>222</v>
      </c>
      <c r="JR16" s="70">
        <v>0</v>
      </c>
      <c r="JS16" s="71">
        <v>0</v>
      </c>
      <c r="JT16" s="72">
        <v>0</v>
      </c>
      <c r="JU16" s="244"/>
      <c r="JV16" s="71">
        <v>0</v>
      </c>
      <c r="JW16" s="71">
        <v>0</v>
      </c>
      <c r="JX16" s="71">
        <v>0</v>
      </c>
      <c r="JY16" s="71">
        <v>0</v>
      </c>
      <c r="JZ16" s="71">
        <v>0</v>
      </c>
      <c r="KA16" s="72">
        <v>0</v>
      </c>
      <c r="KB16" s="73">
        <v>0</v>
      </c>
      <c r="KC16" s="70">
        <v>183</v>
      </c>
      <c r="KD16" s="71">
        <v>120</v>
      </c>
      <c r="KE16" s="72">
        <v>303</v>
      </c>
      <c r="KF16" s="244"/>
      <c r="KG16" s="71">
        <v>135</v>
      </c>
      <c r="KH16" s="71">
        <v>95</v>
      </c>
      <c r="KI16" s="71">
        <v>79</v>
      </c>
      <c r="KJ16" s="71">
        <v>93</v>
      </c>
      <c r="KK16" s="71">
        <v>45</v>
      </c>
      <c r="KL16" s="72">
        <v>447</v>
      </c>
      <c r="KM16" s="73">
        <v>750</v>
      </c>
    </row>
    <row r="17" spans="2:299" ht="19.8" customHeight="1" x14ac:dyDescent="0.2">
      <c r="B17" s="126" t="s">
        <v>13</v>
      </c>
      <c r="C17" s="316">
        <v>39</v>
      </c>
      <c r="D17" s="82">
        <v>42</v>
      </c>
      <c r="E17" s="83">
        <v>81</v>
      </c>
      <c r="F17" s="241"/>
      <c r="G17" s="82">
        <v>53</v>
      </c>
      <c r="H17" s="82">
        <v>55</v>
      </c>
      <c r="I17" s="82">
        <v>41</v>
      </c>
      <c r="J17" s="82">
        <v>20</v>
      </c>
      <c r="K17" s="82">
        <v>17</v>
      </c>
      <c r="L17" s="84">
        <v>186</v>
      </c>
      <c r="M17" s="85">
        <v>267</v>
      </c>
      <c r="N17" s="70">
        <v>1</v>
      </c>
      <c r="O17" s="71">
        <v>1</v>
      </c>
      <c r="P17" s="72">
        <v>2</v>
      </c>
      <c r="Q17" s="244"/>
      <c r="R17" s="71">
        <v>2</v>
      </c>
      <c r="S17" s="71">
        <v>0</v>
      </c>
      <c r="T17" s="71">
        <v>0</v>
      </c>
      <c r="U17" s="71">
        <v>0</v>
      </c>
      <c r="V17" s="71">
        <v>0</v>
      </c>
      <c r="W17" s="72">
        <v>2</v>
      </c>
      <c r="X17" s="73">
        <v>4</v>
      </c>
      <c r="Y17" s="70">
        <v>3</v>
      </c>
      <c r="Z17" s="71">
        <v>3</v>
      </c>
      <c r="AA17" s="72">
        <v>6</v>
      </c>
      <c r="AB17" s="244"/>
      <c r="AC17" s="71">
        <v>4</v>
      </c>
      <c r="AD17" s="71">
        <v>1</v>
      </c>
      <c r="AE17" s="71">
        <v>1</v>
      </c>
      <c r="AF17" s="71">
        <v>0</v>
      </c>
      <c r="AG17" s="71">
        <v>2</v>
      </c>
      <c r="AH17" s="72">
        <v>8</v>
      </c>
      <c r="AI17" s="73">
        <v>14</v>
      </c>
      <c r="AJ17" s="70">
        <v>2</v>
      </c>
      <c r="AK17" s="71">
        <v>1</v>
      </c>
      <c r="AL17" s="72">
        <v>3</v>
      </c>
      <c r="AM17" s="244"/>
      <c r="AN17" s="71">
        <v>4</v>
      </c>
      <c r="AO17" s="71">
        <v>7</v>
      </c>
      <c r="AP17" s="71">
        <v>3</v>
      </c>
      <c r="AQ17" s="71">
        <v>3</v>
      </c>
      <c r="AR17" s="71">
        <v>0</v>
      </c>
      <c r="AS17" s="72">
        <v>17</v>
      </c>
      <c r="AT17" s="73">
        <v>20</v>
      </c>
      <c r="AU17" s="70">
        <v>8</v>
      </c>
      <c r="AV17" s="71">
        <v>12</v>
      </c>
      <c r="AW17" s="72">
        <v>20</v>
      </c>
      <c r="AX17" s="244"/>
      <c r="AY17" s="71">
        <v>13</v>
      </c>
      <c r="AZ17" s="71">
        <v>8</v>
      </c>
      <c r="BA17" s="71">
        <v>8</v>
      </c>
      <c r="BB17" s="71">
        <v>5</v>
      </c>
      <c r="BC17" s="71">
        <v>3</v>
      </c>
      <c r="BD17" s="72">
        <v>37</v>
      </c>
      <c r="BE17" s="73">
        <v>57</v>
      </c>
      <c r="BF17" s="70">
        <v>15</v>
      </c>
      <c r="BG17" s="71">
        <v>13</v>
      </c>
      <c r="BH17" s="72">
        <v>28</v>
      </c>
      <c r="BI17" s="244"/>
      <c r="BJ17" s="71">
        <v>14</v>
      </c>
      <c r="BK17" s="71">
        <v>18</v>
      </c>
      <c r="BL17" s="71">
        <v>12</v>
      </c>
      <c r="BM17" s="71">
        <v>5</v>
      </c>
      <c r="BN17" s="71">
        <v>4</v>
      </c>
      <c r="BO17" s="72">
        <v>53</v>
      </c>
      <c r="BP17" s="73">
        <v>81</v>
      </c>
      <c r="BQ17" s="70">
        <v>10</v>
      </c>
      <c r="BR17" s="71">
        <v>12</v>
      </c>
      <c r="BS17" s="72">
        <v>22</v>
      </c>
      <c r="BT17" s="244"/>
      <c r="BU17" s="71">
        <v>16</v>
      </c>
      <c r="BV17" s="71">
        <v>21</v>
      </c>
      <c r="BW17" s="71">
        <v>17</v>
      </c>
      <c r="BX17" s="71">
        <v>7</v>
      </c>
      <c r="BY17" s="71">
        <v>8</v>
      </c>
      <c r="BZ17" s="72">
        <v>69</v>
      </c>
      <c r="CA17" s="73">
        <v>91</v>
      </c>
      <c r="CB17" s="70">
        <v>0</v>
      </c>
      <c r="CC17" s="71">
        <v>0</v>
      </c>
      <c r="CD17" s="72">
        <v>0</v>
      </c>
      <c r="CE17" s="244"/>
      <c r="CF17" s="71">
        <v>0</v>
      </c>
      <c r="CG17" s="71">
        <v>0</v>
      </c>
      <c r="CH17" s="71">
        <v>0</v>
      </c>
      <c r="CI17" s="71">
        <v>0</v>
      </c>
      <c r="CJ17" s="71">
        <v>0</v>
      </c>
      <c r="CK17" s="72">
        <v>0</v>
      </c>
      <c r="CL17" s="73">
        <v>0</v>
      </c>
      <c r="CM17" s="70">
        <v>39</v>
      </c>
      <c r="CN17" s="71">
        <v>42</v>
      </c>
      <c r="CO17" s="72">
        <v>81</v>
      </c>
      <c r="CP17" s="244"/>
      <c r="CQ17" s="71">
        <v>53</v>
      </c>
      <c r="CR17" s="71">
        <v>55</v>
      </c>
      <c r="CS17" s="71">
        <v>41</v>
      </c>
      <c r="CT17" s="71">
        <v>20</v>
      </c>
      <c r="CU17" s="71">
        <v>17</v>
      </c>
      <c r="CV17" s="72">
        <v>186</v>
      </c>
      <c r="CW17" s="73">
        <v>267</v>
      </c>
      <c r="CX17" s="123">
        <v>15</v>
      </c>
      <c r="CY17" s="82">
        <v>13</v>
      </c>
      <c r="CZ17" s="83">
        <v>28</v>
      </c>
      <c r="DA17" s="241"/>
      <c r="DB17" s="82">
        <v>31</v>
      </c>
      <c r="DC17" s="82">
        <v>23</v>
      </c>
      <c r="DD17" s="82">
        <v>14</v>
      </c>
      <c r="DE17" s="82">
        <v>12</v>
      </c>
      <c r="DF17" s="82">
        <v>11</v>
      </c>
      <c r="DG17" s="84">
        <v>91</v>
      </c>
      <c r="DH17" s="85">
        <v>119</v>
      </c>
      <c r="DI17" s="70">
        <v>0</v>
      </c>
      <c r="DJ17" s="71">
        <v>0</v>
      </c>
      <c r="DK17" s="72">
        <v>0</v>
      </c>
      <c r="DL17" s="244"/>
      <c r="DM17" s="71">
        <v>0</v>
      </c>
      <c r="DN17" s="71">
        <v>0</v>
      </c>
      <c r="DO17" s="71">
        <v>0</v>
      </c>
      <c r="DP17" s="71">
        <v>0</v>
      </c>
      <c r="DQ17" s="71">
        <v>0</v>
      </c>
      <c r="DR17" s="72">
        <v>0</v>
      </c>
      <c r="DS17" s="73">
        <v>0</v>
      </c>
      <c r="DT17" s="70">
        <v>1</v>
      </c>
      <c r="DU17" s="71">
        <v>0</v>
      </c>
      <c r="DV17" s="72">
        <v>1</v>
      </c>
      <c r="DW17" s="244"/>
      <c r="DX17" s="71">
        <v>3</v>
      </c>
      <c r="DY17" s="71">
        <v>1</v>
      </c>
      <c r="DZ17" s="71">
        <v>2</v>
      </c>
      <c r="EA17" s="71">
        <v>0</v>
      </c>
      <c r="EB17" s="71">
        <v>1</v>
      </c>
      <c r="EC17" s="72">
        <v>7</v>
      </c>
      <c r="ED17" s="73">
        <v>8</v>
      </c>
      <c r="EE17" s="70">
        <v>1</v>
      </c>
      <c r="EF17" s="71">
        <v>0</v>
      </c>
      <c r="EG17" s="72">
        <v>1</v>
      </c>
      <c r="EH17" s="244"/>
      <c r="EI17" s="71">
        <v>3</v>
      </c>
      <c r="EJ17" s="71">
        <v>2</v>
      </c>
      <c r="EK17" s="71">
        <v>1</v>
      </c>
      <c r="EL17" s="71">
        <v>1</v>
      </c>
      <c r="EM17" s="71">
        <v>0</v>
      </c>
      <c r="EN17" s="72">
        <v>7</v>
      </c>
      <c r="EO17" s="73">
        <v>8</v>
      </c>
      <c r="EP17" s="70">
        <v>4</v>
      </c>
      <c r="EQ17" s="71">
        <v>3</v>
      </c>
      <c r="ER17" s="72">
        <v>7</v>
      </c>
      <c r="ES17" s="244"/>
      <c r="ET17" s="71">
        <v>7</v>
      </c>
      <c r="EU17" s="71">
        <v>5</v>
      </c>
      <c r="EV17" s="71">
        <v>2</v>
      </c>
      <c r="EW17" s="71">
        <v>1</v>
      </c>
      <c r="EX17" s="71">
        <v>1</v>
      </c>
      <c r="EY17" s="72">
        <v>16</v>
      </c>
      <c r="EZ17" s="73">
        <v>23</v>
      </c>
      <c r="FA17" s="70">
        <v>5</v>
      </c>
      <c r="FB17" s="71">
        <v>5</v>
      </c>
      <c r="FC17" s="72">
        <v>10</v>
      </c>
      <c r="FD17" s="244"/>
      <c r="FE17" s="71">
        <v>8</v>
      </c>
      <c r="FF17" s="71">
        <v>8</v>
      </c>
      <c r="FG17" s="71">
        <v>2</v>
      </c>
      <c r="FH17" s="71">
        <v>5</v>
      </c>
      <c r="FI17" s="71">
        <v>0</v>
      </c>
      <c r="FJ17" s="72">
        <v>23</v>
      </c>
      <c r="FK17" s="73">
        <v>33</v>
      </c>
      <c r="FL17" s="70">
        <v>4</v>
      </c>
      <c r="FM17" s="71">
        <v>5</v>
      </c>
      <c r="FN17" s="72">
        <v>9</v>
      </c>
      <c r="FO17" s="244"/>
      <c r="FP17" s="71">
        <v>10</v>
      </c>
      <c r="FQ17" s="71">
        <v>7</v>
      </c>
      <c r="FR17" s="71">
        <v>7</v>
      </c>
      <c r="FS17" s="71">
        <v>5</v>
      </c>
      <c r="FT17" s="71">
        <v>9</v>
      </c>
      <c r="FU17" s="72">
        <v>38</v>
      </c>
      <c r="FV17" s="73">
        <v>47</v>
      </c>
      <c r="FW17" s="70">
        <v>0</v>
      </c>
      <c r="FX17" s="71">
        <v>0</v>
      </c>
      <c r="FY17" s="72">
        <v>0</v>
      </c>
      <c r="FZ17" s="244"/>
      <c r="GA17" s="71">
        <v>0</v>
      </c>
      <c r="GB17" s="71">
        <v>0</v>
      </c>
      <c r="GC17" s="71">
        <v>0</v>
      </c>
      <c r="GD17" s="71">
        <v>0</v>
      </c>
      <c r="GE17" s="71">
        <v>0</v>
      </c>
      <c r="GF17" s="72">
        <v>0</v>
      </c>
      <c r="GG17" s="73">
        <v>0</v>
      </c>
      <c r="GH17" s="70">
        <v>15</v>
      </c>
      <c r="GI17" s="71">
        <v>13</v>
      </c>
      <c r="GJ17" s="72">
        <v>28</v>
      </c>
      <c r="GK17" s="244"/>
      <c r="GL17" s="71">
        <v>31</v>
      </c>
      <c r="GM17" s="71">
        <v>23</v>
      </c>
      <c r="GN17" s="71">
        <v>14</v>
      </c>
      <c r="GO17" s="71">
        <v>12</v>
      </c>
      <c r="GP17" s="71">
        <v>11</v>
      </c>
      <c r="GQ17" s="72">
        <v>91</v>
      </c>
      <c r="GR17" s="73">
        <v>119</v>
      </c>
      <c r="GS17" s="123">
        <v>54</v>
      </c>
      <c r="GT17" s="82">
        <v>55</v>
      </c>
      <c r="GU17" s="83">
        <v>109</v>
      </c>
      <c r="GV17" s="241"/>
      <c r="GW17" s="82">
        <v>84</v>
      </c>
      <c r="GX17" s="82">
        <v>78</v>
      </c>
      <c r="GY17" s="82">
        <v>55</v>
      </c>
      <c r="GZ17" s="82">
        <v>32</v>
      </c>
      <c r="HA17" s="82">
        <v>28</v>
      </c>
      <c r="HB17" s="84">
        <v>277</v>
      </c>
      <c r="HC17" s="85">
        <v>386</v>
      </c>
      <c r="HD17" s="70">
        <v>1</v>
      </c>
      <c r="HE17" s="71">
        <v>1</v>
      </c>
      <c r="HF17" s="72">
        <v>2</v>
      </c>
      <c r="HG17" s="244"/>
      <c r="HH17" s="71">
        <v>2</v>
      </c>
      <c r="HI17" s="71">
        <v>0</v>
      </c>
      <c r="HJ17" s="71">
        <v>0</v>
      </c>
      <c r="HK17" s="71">
        <v>0</v>
      </c>
      <c r="HL17" s="71">
        <v>0</v>
      </c>
      <c r="HM17" s="72">
        <v>2</v>
      </c>
      <c r="HN17" s="73">
        <v>4</v>
      </c>
      <c r="HO17" s="70">
        <v>4</v>
      </c>
      <c r="HP17" s="71">
        <v>3</v>
      </c>
      <c r="HQ17" s="72">
        <v>7</v>
      </c>
      <c r="HR17" s="244"/>
      <c r="HS17" s="71">
        <v>7</v>
      </c>
      <c r="HT17" s="71">
        <v>2</v>
      </c>
      <c r="HU17" s="71">
        <v>3</v>
      </c>
      <c r="HV17" s="71">
        <v>0</v>
      </c>
      <c r="HW17" s="71">
        <v>3</v>
      </c>
      <c r="HX17" s="72">
        <v>15</v>
      </c>
      <c r="HY17" s="73">
        <v>22</v>
      </c>
      <c r="HZ17" s="70">
        <v>3</v>
      </c>
      <c r="IA17" s="71">
        <v>1</v>
      </c>
      <c r="IB17" s="72">
        <v>4</v>
      </c>
      <c r="IC17" s="244"/>
      <c r="ID17" s="71">
        <v>7</v>
      </c>
      <c r="IE17" s="71">
        <v>9</v>
      </c>
      <c r="IF17" s="71">
        <v>4</v>
      </c>
      <c r="IG17" s="71">
        <v>4</v>
      </c>
      <c r="IH17" s="71">
        <v>0</v>
      </c>
      <c r="II17" s="72">
        <v>24</v>
      </c>
      <c r="IJ17" s="73">
        <v>28</v>
      </c>
      <c r="IK17" s="70">
        <v>12</v>
      </c>
      <c r="IL17" s="71">
        <v>15</v>
      </c>
      <c r="IM17" s="72">
        <v>27</v>
      </c>
      <c r="IN17" s="244"/>
      <c r="IO17" s="71">
        <v>20</v>
      </c>
      <c r="IP17" s="71">
        <v>13</v>
      </c>
      <c r="IQ17" s="71">
        <v>10</v>
      </c>
      <c r="IR17" s="71">
        <v>6</v>
      </c>
      <c r="IS17" s="71">
        <v>4</v>
      </c>
      <c r="IT17" s="72">
        <v>53</v>
      </c>
      <c r="IU17" s="73">
        <v>80</v>
      </c>
      <c r="IV17" s="70">
        <v>20</v>
      </c>
      <c r="IW17" s="71">
        <v>18</v>
      </c>
      <c r="IX17" s="72">
        <v>38</v>
      </c>
      <c r="IY17" s="244"/>
      <c r="IZ17" s="71">
        <v>22</v>
      </c>
      <c r="JA17" s="71">
        <v>26</v>
      </c>
      <c r="JB17" s="71">
        <v>14</v>
      </c>
      <c r="JC17" s="71">
        <v>10</v>
      </c>
      <c r="JD17" s="71">
        <v>4</v>
      </c>
      <c r="JE17" s="72">
        <v>76</v>
      </c>
      <c r="JF17" s="73">
        <v>114</v>
      </c>
      <c r="JG17" s="70">
        <v>14</v>
      </c>
      <c r="JH17" s="71">
        <v>17</v>
      </c>
      <c r="JI17" s="72">
        <v>31</v>
      </c>
      <c r="JJ17" s="244"/>
      <c r="JK17" s="71">
        <v>26</v>
      </c>
      <c r="JL17" s="71">
        <v>28</v>
      </c>
      <c r="JM17" s="71">
        <v>24</v>
      </c>
      <c r="JN17" s="71">
        <v>12</v>
      </c>
      <c r="JO17" s="71">
        <v>17</v>
      </c>
      <c r="JP17" s="72">
        <v>107</v>
      </c>
      <c r="JQ17" s="73">
        <v>138</v>
      </c>
      <c r="JR17" s="70">
        <v>0</v>
      </c>
      <c r="JS17" s="71">
        <v>0</v>
      </c>
      <c r="JT17" s="72">
        <v>0</v>
      </c>
      <c r="JU17" s="244"/>
      <c r="JV17" s="71">
        <v>0</v>
      </c>
      <c r="JW17" s="71">
        <v>0</v>
      </c>
      <c r="JX17" s="71">
        <v>0</v>
      </c>
      <c r="JY17" s="71">
        <v>0</v>
      </c>
      <c r="JZ17" s="71">
        <v>0</v>
      </c>
      <c r="KA17" s="72">
        <v>0</v>
      </c>
      <c r="KB17" s="73">
        <v>0</v>
      </c>
      <c r="KC17" s="70">
        <v>54</v>
      </c>
      <c r="KD17" s="71">
        <v>55</v>
      </c>
      <c r="KE17" s="72">
        <v>109</v>
      </c>
      <c r="KF17" s="244"/>
      <c r="KG17" s="71">
        <v>84</v>
      </c>
      <c r="KH17" s="71">
        <v>78</v>
      </c>
      <c r="KI17" s="71">
        <v>55</v>
      </c>
      <c r="KJ17" s="71">
        <v>32</v>
      </c>
      <c r="KK17" s="71">
        <v>28</v>
      </c>
      <c r="KL17" s="72">
        <v>277</v>
      </c>
      <c r="KM17" s="73">
        <v>386</v>
      </c>
    </row>
    <row r="18" spans="2:299" ht="19.8" customHeight="1" x14ac:dyDescent="0.2">
      <c r="B18" s="126" t="s">
        <v>15</v>
      </c>
      <c r="C18" s="316">
        <v>8</v>
      </c>
      <c r="D18" s="82">
        <v>11</v>
      </c>
      <c r="E18" s="83">
        <v>19</v>
      </c>
      <c r="F18" s="241"/>
      <c r="G18" s="82">
        <v>16</v>
      </c>
      <c r="H18" s="82">
        <v>14</v>
      </c>
      <c r="I18" s="82">
        <v>4</v>
      </c>
      <c r="J18" s="82">
        <v>8</v>
      </c>
      <c r="K18" s="82">
        <v>8</v>
      </c>
      <c r="L18" s="84">
        <v>50</v>
      </c>
      <c r="M18" s="85">
        <v>69</v>
      </c>
      <c r="N18" s="70">
        <v>0</v>
      </c>
      <c r="O18" s="71">
        <v>1</v>
      </c>
      <c r="P18" s="72">
        <v>1</v>
      </c>
      <c r="Q18" s="244"/>
      <c r="R18" s="71">
        <v>1</v>
      </c>
      <c r="S18" s="71">
        <v>0</v>
      </c>
      <c r="T18" s="71">
        <v>0</v>
      </c>
      <c r="U18" s="71">
        <v>1</v>
      </c>
      <c r="V18" s="71">
        <v>0</v>
      </c>
      <c r="W18" s="72">
        <v>2</v>
      </c>
      <c r="X18" s="73">
        <v>3</v>
      </c>
      <c r="Y18" s="70">
        <v>1</v>
      </c>
      <c r="Z18" s="71">
        <v>0</v>
      </c>
      <c r="AA18" s="72">
        <v>1</v>
      </c>
      <c r="AB18" s="244"/>
      <c r="AC18" s="71">
        <v>0</v>
      </c>
      <c r="AD18" s="71">
        <v>1</v>
      </c>
      <c r="AE18" s="71">
        <v>2</v>
      </c>
      <c r="AF18" s="71">
        <v>1</v>
      </c>
      <c r="AG18" s="71">
        <v>1</v>
      </c>
      <c r="AH18" s="72">
        <v>5</v>
      </c>
      <c r="AI18" s="73">
        <v>6</v>
      </c>
      <c r="AJ18" s="70">
        <v>1</v>
      </c>
      <c r="AK18" s="71">
        <v>2</v>
      </c>
      <c r="AL18" s="72">
        <v>3</v>
      </c>
      <c r="AM18" s="244"/>
      <c r="AN18" s="71">
        <v>4</v>
      </c>
      <c r="AO18" s="71">
        <v>1</v>
      </c>
      <c r="AP18" s="71">
        <v>1</v>
      </c>
      <c r="AQ18" s="71">
        <v>0</v>
      </c>
      <c r="AR18" s="71">
        <v>1</v>
      </c>
      <c r="AS18" s="72">
        <v>7</v>
      </c>
      <c r="AT18" s="73">
        <v>10</v>
      </c>
      <c r="AU18" s="70">
        <v>2</v>
      </c>
      <c r="AV18" s="71">
        <v>3</v>
      </c>
      <c r="AW18" s="72">
        <v>5</v>
      </c>
      <c r="AX18" s="244"/>
      <c r="AY18" s="71">
        <v>2</v>
      </c>
      <c r="AZ18" s="71">
        <v>4</v>
      </c>
      <c r="BA18" s="71">
        <v>0</v>
      </c>
      <c r="BB18" s="71">
        <v>2</v>
      </c>
      <c r="BC18" s="71">
        <v>2</v>
      </c>
      <c r="BD18" s="72">
        <v>10</v>
      </c>
      <c r="BE18" s="73">
        <v>15</v>
      </c>
      <c r="BF18" s="70">
        <v>1</v>
      </c>
      <c r="BG18" s="71">
        <v>3</v>
      </c>
      <c r="BH18" s="72">
        <v>4</v>
      </c>
      <c r="BI18" s="244"/>
      <c r="BJ18" s="71">
        <v>6</v>
      </c>
      <c r="BK18" s="71">
        <v>4</v>
      </c>
      <c r="BL18" s="71">
        <v>0</v>
      </c>
      <c r="BM18" s="71">
        <v>3</v>
      </c>
      <c r="BN18" s="71">
        <v>3</v>
      </c>
      <c r="BO18" s="72">
        <v>16</v>
      </c>
      <c r="BP18" s="73">
        <v>20</v>
      </c>
      <c r="BQ18" s="70">
        <v>3</v>
      </c>
      <c r="BR18" s="71">
        <v>2</v>
      </c>
      <c r="BS18" s="72">
        <v>5</v>
      </c>
      <c r="BT18" s="244"/>
      <c r="BU18" s="71">
        <v>3</v>
      </c>
      <c r="BV18" s="71">
        <v>4</v>
      </c>
      <c r="BW18" s="71">
        <v>1</v>
      </c>
      <c r="BX18" s="71">
        <v>1</v>
      </c>
      <c r="BY18" s="71">
        <v>1</v>
      </c>
      <c r="BZ18" s="72">
        <v>10</v>
      </c>
      <c r="CA18" s="73">
        <v>15</v>
      </c>
      <c r="CB18" s="70">
        <v>0</v>
      </c>
      <c r="CC18" s="71">
        <v>0</v>
      </c>
      <c r="CD18" s="72">
        <v>0</v>
      </c>
      <c r="CE18" s="244"/>
      <c r="CF18" s="71">
        <v>0</v>
      </c>
      <c r="CG18" s="71">
        <v>0</v>
      </c>
      <c r="CH18" s="71">
        <v>0</v>
      </c>
      <c r="CI18" s="71">
        <v>0</v>
      </c>
      <c r="CJ18" s="71">
        <v>0</v>
      </c>
      <c r="CK18" s="72">
        <v>0</v>
      </c>
      <c r="CL18" s="73">
        <v>0</v>
      </c>
      <c r="CM18" s="70">
        <v>8</v>
      </c>
      <c r="CN18" s="71">
        <v>11</v>
      </c>
      <c r="CO18" s="72">
        <v>19</v>
      </c>
      <c r="CP18" s="244"/>
      <c r="CQ18" s="71">
        <v>16</v>
      </c>
      <c r="CR18" s="71">
        <v>14</v>
      </c>
      <c r="CS18" s="71">
        <v>4</v>
      </c>
      <c r="CT18" s="71">
        <v>8</v>
      </c>
      <c r="CU18" s="71">
        <v>8</v>
      </c>
      <c r="CV18" s="72">
        <v>50</v>
      </c>
      <c r="CW18" s="73">
        <v>69</v>
      </c>
      <c r="CX18" s="123">
        <v>2</v>
      </c>
      <c r="CY18" s="82">
        <v>9</v>
      </c>
      <c r="CZ18" s="83">
        <v>11</v>
      </c>
      <c r="DA18" s="241"/>
      <c r="DB18" s="82">
        <v>11</v>
      </c>
      <c r="DC18" s="82">
        <v>8</v>
      </c>
      <c r="DD18" s="82">
        <v>6</v>
      </c>
      <c r="DE18" s="82">
        <v>2</v>
      </c>
      <c r="DF18" s="82">
        <v>2</v>
      </c>
      <c r="DG18" s="84">
        <v>29</v>
      </c>
      <c r="DH18" s="85">
        <v>40</v>
      </c>
      <c r="DI18" s="70">
        <v>0</v>
      </c>
      <c r="DJ18" s="71">
        <v>0</v>
      </c>
      <c r="DK18" s="72">
        <v>0</v>
      </c>
      <c r="DL18" s="244"/>
      <c r="DM18" s="71">
        <v>0</v>
      </c>
      <c r="DN18" s="71">
        <v>0</v>
      </c>
      <c r="DO18" s="71">
        <v>1</v>
      </c>
      <c r="DP18" s="71">
        <v>0</v>
      </c>
      <c r="DQ18" s="71">
        <v>0</v>
      </c>
      <c r="DR18" s="72">
        <v>1</v>
      </c>
      <c r="DS18" s="73">
        <v>1</v>
      </c>
      <c r="DT18" s="70">
        <v>0</v>
      </c>
      <c r="DU18" s="71">
        <v>1</v>
      </c>
      <c r="DV18" s="72">
        <v>1</v>
      </c>
      <c r="DW18" s="244"/>
      <c r="DX18" s="71">
        <v>0</v>
      </c>
      <c r="DY18" s="71">
        <v>0</v>
      </c>
      <c r="DZ18" s="71">
        <v>0</v>
      </c>
      <c r="EA18" s="71">
        <v>0</v>
      </c>
      <c r="EB18" s="71">
        <v>0</v>
      </c>
      <c r="EC18" s="72">
        <v>0</v>
      </c>
      <c r="ED18" s="73">
        <v>1</v>
      </c>
      <c r="EE18" s="70">
        <v>0</v>
      </c>
      <c r="EF18" s="71">
        <v>3</v>
      </c>
      <c r="EG18" s="72">
        <v>3</v>
      </c>
      <c r="EH18" s="244"/>
      <c r="EI18" s="71">
        <v>3</v>
      </c>
      <c r="EJ18" s="71">
        <v>1</v>
      </c>
      <c r="EK18" s="71">
        <v>2</v>
      </c>
      <c r="EL18" s="71">
        <v>0</v>
      </c>
      <c r="EM18" s="71">
        <v>1</v>
      </c>
      <c r="EN18" s="72">
        <v>7</v>
      </c>
      <c r="EO18" s="73">
        <v>10</v>
      </c>
      <c r="EP18" s="70">
        <v>0</v>
      </c>
      <c r="EQ18" s="71">
        <v>1</v>
      </c>
      <c r="ER18" s="72">
        <v>1</v>
      </c>
      <c r="ES18" s="244"/>
      <c r="ET18" s="71">
        <v>2</v>
      </c>
      <c r="EU18" s="71">
        <v>0</v>
      </c>
      <c r="EV18" s="71">
        <v>0</v>
      </c>
      <c r="EW18" s="71">
        <v>0</v>
      </c>
      <c r="EX18" s="71">
        <v>0</v>
      </c>
      <c r="EY18" s="72">
        <v>2</v>
      </c>
      <c r="EZ18" s="73">
        <v>3</v>
      </c>
      <c r="FA18" s="70">
        <v>0</v>
      </c>
      <c r="FB18" s="71">
        <v>1</v>
      </c>
      <c r="FC18" s="72">
        <v>1</v>
      </c>
      <c r="FD18" s="244"/>
      <c r="FE18" s="71">
        <v>4</v>
      </c>
      <c r="FF18" s="71">
        <v>3</v>
      </c>
      <c r="FG18" s="71">
        <v>0</v>
      </c>
      <c r="FH18" s="71">
        <v>0</v>
      </c>
      <c r="FI18" s="71">
        <v>1</v>
      </c>
      <c r="FJ18" s="72">
        <v>8</v>
      </c>
      <c r="FK18" s="73">
        <v>9</v>
      </c>
      <c r="FL18" s="70">
        <v>2</v>
      </c>
      <c r="FM18" s="71">
        <v>3</v>
      </c>
      <c r="FN18" s="72">
        <v>5</v>
      </c>
      <c r="FO18" s="244"/>
      <c r="FP18" s="71">
        <v>2</v>
      </c>
      <c r="FQ18" s="71">
        <v>4</v>
      </c>
      <c r="FR18" s="71">
        <v>3</v>
      </c>
      <c r="FS18" s="71">
        <v>2</v>
      </c>
      <c r="FT18" s="71">
        <v>0</v>
      </c>
      <c r="FU18" s="72">
        <v>11</v>
      </c>
      <c r="FV18" s="73">
        <v>16</v>
      </c>
      <c r="FW18" s="70">
        <v>0</v>
      </c>
      <c r="FX18" s="71">
        <v>0</v>
      </c>
      <c r="FY18" s="72">
        <v>0</v>
      </c>
      <c r="FZ18" s="244"/>
      <c r="GA18" s="71">
        <v>0</v>
      </c>
      <c r="GB18" s="71">
        <v>0</v>
      </c>
      <c r="GC18" s="71">
        <v>0</v>
      </c>
      <c r="GD18" s="71">
        <v>0</v>
      </c>
      <c r="GE18" s="71">
        <v>0</v>
      </c>
      <c r="GF18" s="72">
        <v>0</v>
      </c>
      <c r="GG18" s="73">
        <v>0</v>
      </c>
      <c r="GH18" s="70">
        <v>2</v>
      </c>
      <c r="GI18" s="71">
        <v>9</v>
      </c>
      <c r="GJ18" s="72">
        <v>11</v>
      </c>
      <c r="GK18" s="244"/>
      <c r="GL18" s="71">
        <v>11</v>
      </c>
      <c r="GM18" s="71">
        <v>8</v>
      </c>
      <c r="GN18" s="71">
        <v>6</v>
      </c>
      <c r="GO18" s="71">
        <v>2</v>
      </c>
      <c r="GP18" s="71">
        <v>2</v>
      </c>
      <c r="GQ18" s="72">
        <v>29</v>
      </c>
      <c r="GR18" s="73">
        <v>40</v>
      </c>
      <c r="GS18" s="123">
        <v>10</v>
      </c>
      <c r="GT18" s="82">
        <v>20</v>
      </c>
      <c r="GU18" s="83">
        <v>30</v>
      </c>
      <c r="GV18" s="241"/>
      <c r="GW18" s="82">
        <v>27</v>
      </c>
      <c r="GX18" s="82">
        <v>22</v>
      </c>
      <c r="GY18" s="82">
        <v>10</v>
      </c>
      <c r="GZ18" s="82">
        <v>10</v>
      </c>
      <c r="HA18" s="82">
        <v>10</v>
      </c>
      <c r="HB18" s="84">
        <v>79</v>
      </c>
      <c r="HC18" s="85">
        <v>109</v>
      </c>
      <c r="HD18" s="70">
        <v>0</v>
      </c>
      <c r="HE18" s="71">
        <v>1</v>
      </c>
      <c r="HF18" s="72">
        <v>1</v>
      </c>
      <c r="HG18" s="244"/>
      <c r="HH18" s="71">
        <v>1</v>
      </c>
      <c r="HI18" s="71">
        <v>0</v>
      </c>
      <c r="HJ18" s="71">
        <v>1</v>
      </c>
      <c r="HK18" s="71">
        <v>1</v>
      </c>
      <c r="HL18" s="71">
        <v>0</v>
      </c>
      <c r="HM18" s="72">
        <v>3</v>
      </c>
      <c r="HN18" s="73">
        <v>4</v>
      </c>
      <c r="HO18" s="70">
        <v>1</v>
      </c>
      <c r="HP18" s="71">
        <v>1</v>
      </c>
      <c r="HQ18" s="72">
        <v>2</v>
      </c>
      <c r="HR18" s="244"/>
      <c r="HS18" s="71">
        <v>0</v>
      </c>
      <c r="HT18" s="71">
        <v>1</v>
      </c>
      <c r="HU18" s="71">
        <v>2</v>
      </c>
      <c r="HV18" s="71">
        <v>1</v>
      </c>
      <c r="HW18" s="71">
        <v>1</v>
      </c>
      <c r="HX18" s="72">
        <v>5</v>
      </c>
      <c r="HY18" s="73">
        <v>7</v>
      </c>
      <c r="HZ18" s="70">
        <v>1</v>
      </c>
      <c r="IA18" s="71">
        <v>5</v>
      </c>
      <c r="IB18" s="72">
        <v>6</v>
      </c>
      <c r="IC18" s="244"/>
      <c r="ID18" s="71">
        <v>7</v>
      </c>
      <c r="IE18" s="71">
        <v>2</v>
      </c>
      <c r="IF18" s="71">
        <v>3</v>
      </c>
      <c r="IG18" s="71">
        <v>0</v>
      </c>
      <c r="IH18" s="71">
        <v>2</v>
      </c>
      <c r="II18" s="72">
        <v>14</v>
      </c>
      <c r="IJ18" s="73">
        <v>20</v>
      </c>
      <c r="IK18" s="70">
        <v>2</v>
      </c>
      <c r="IL18" s="71">
        <v>4</v>
      </c>
      <c r="IM18" s="72">
        <v>6</v>
      </c>
      <c r="IN18" s="244"/>
      <c r="IO18" s="71">
        <v>4</v>
      </c>
      <c r="IP18" s="71">
        <v>4</v>
      </c>
      <c r="IQ18" s="71">
        <v>0</v>
      </c>
      <c r="IR18" s="71">
        <v>2</v>
      </c>
      <c r="IS18" s="71">
        <v>2</v>
      </c>
      <c r="IT18" s="72">
        <v>12</v>
      </c>
      <c r="IU18" s="73">
        <v>18</v>
      </c>
      <c r="IV18" s="70">
        <v>1</v>
      </c>
      <c r="IW18" s="71">
        <v>4</v>
      </c>
      <c r="IX18" s="72">
        <v>5</v>
      </c>
      <c r="IY18" s="244"/>
      <c r="IZ18" s="71">
        <v>10</v>
      </c>
      <c r="JA18" s="71">
        <v>7</v>
      </c>
      <c r="JB18" s="71">
        <v>0</v>
      </c>
      <c r="JC18" s="71">
        <v>3</v>
      </c>
      <c r="JD18" s="71">
        <v>4</v>
      </c>
      <c r="JE18" s="72">
        <v>24</v>
      </c>
      <c r="JF18" s="73">
        <v>29</v>
      </c>
      <c r="JG18" s="70">
        <v>5</v>
      </c>
      <c r="JH18" s="71">
        <v>5</v>
      </c>
      <c r="JI18" s="72">
        <v>10</v>
      </c>
      <c r="JJ18" s="244"/>
      <c r="JK18" s="71">
        <v>5</v>
      </c>
      <c r="JL18" s="71">
        <v>8</v>
      </c>
      <c r="JM18" s="71">
        <v>4</v>
      </c>
      <c r="JN18" s="71">
        <v>3</v>
      </c>
      <c r="JO18" s="71">
        <v>1</v>
      </c>
      <c r="JP18" s="72">
        <v>21</v>
      </c>
      <c r="JQ18" s="73">
        <v>31</v>
      </c>
      <c r="JR18" s="70">
        <v>0</v>
      </c>
      <c r="JS18" s="71">
        <v>0</v>
      </c>
      <c r="JT18" s="72">
        <v>0</v>
      </c>
      <c r="JU18" s="244"/>
      <c r="JV18" s="71">
        <v>0</v>
      </c>
      <c r="JW18" s="71">
        <v>0</v>
      </c>
      <c r="JX18" s="71">
        <v>0</v>
      </c>
      <c r="JY18" s="71">
        <v>0</v>
      </c>
      <c r="JZ18" s="71">
        <v>0</v>
      </c>
      <c r="KA18" s="72">
        <v>0</v>
      </c>
      <c r="KB18" s="73">
        <v>0</v>
      </c>
      <c r="KC18" s="70">
        <v>10</v>
      </c>
      <c r="KD18" s="71">
        <v>20</v>
      </c>
      <c r="KE18" s="72">
        <v>30</v>
      </c>
      <c r="KF18" s="244"/>
      <c r="KG18" s="71">
        <v>27</v>
      </c>
      <c r="KH18" s="71">
        <v>22</v>
      </c>
      <c r="KI18" s="71">
        <v>10</v>
      </c>
      <c r="KJ18" s="71">
        <v>10</v>
      </c>
      <c r="KK18" s="71">
        <v>10</v>
      </c>
      <c r="KL18" s="72">
        <v>79</v>
      </c>
      <c r="KM18" s="73">
        <v>109</v>
      </c>
    </row>
    <row r="19" spans="2:299" ht="19.8" customHeight="1" x14ac:dyDescent="0.2">
      <c r="B19" s="126" t="s">
        <v>16</v>
      </c>
      <c r="C19" s="316">
        <v>31</v>
      </c>
      <c r="D19" s="82">
        <v>31</v>
      </c>
      <c r="E19" s="83">
        <v>62</v>
      </c>
      <c r="F19" s="241"/>
      <c r="G19" s="82">
        <v>55</v>
      </c>
      <c r="H19" s="82">
        <v>57</v>
      </c>
      <c r="I19" s="82">
        <v>39</v>
      </c>
      <c r="J19" s="82">
        <v>27</v>
      </c>
      <c r="K19" s="82">
        <v>14</v>
      </c>
      <c r="L19" s="84">
        <v>192</v>
      </c>
      <c r="M19" s="85">
        <v>254</v>
      </c>
      <c r="N19" s="70">
        <v>1</v>
      </c>
      <c r="O19" s="71">
        <v>1</v>
      </c>
      <c r="P19" s="72">
        <v>2</v>
      </c>
      <c r="Q19" s="244"/>
      <c r="R19" s="71">
        <v>1</v>
      </c>
      <c r="S19" s="71">
        <v>2</v>
      </c>
      <c r="T19" s="71">
        <v>0</v>
      </c>
      <c r="U19" s="71">
        <v>0</v>
      </c>
      <c r="V19" s="71">
        <v>3</v>
      </c>
      <c r="W19" s="72">
        <v>6</v>
      </c>
      <c r="X19" s="73">
        <v>8</v>
      </c>
      <c r="Y19" s="70">
        <v>4</v>
      </c>
      <c r="Z19" s="71">
        <v>7</v>
      </c>
      <c r="AA19" s="72">
        <v>11</v>
      </c>
      <c r="AB19" s="244"/>
      <c r="AC19" s="71">
        <v>5</v>
      </c>
      <c r="AD19" s="71">
        <v>8</v>
      </c>
      <c r="AE19" s="71">
        <v>4</v>
      </c>
      <c r="AF19" s="71">
        <v>5</v>
      </c>
      <c r="AG19" s="71">
        <v>1</v>
      </c>
      <c r="AH19" s="72">
        <v>23</v>
      </c>
      <c r="AI19" s="73">
        <v>34</v>
      </c>
      <c r="AJ19" s="70">
        <v>6</v>
      </c>
      <c r="AK19" s="71">
        <v>3</v>
      </c>
      <c r="AL19" s="72">
        <v>9</v>
      </c>
      <c r="AM19" s="244"/>
      <c r="AN19" s="71">
        <v>9</v>
      </c>
      <c r="AO19" s="71">
        <v>7</v>
      </c>
      <c r="AP19" s="71">
        <v>6</v>
      </c>
      <c r="AQ19" s="71">
        <v>5</v>
      </c>
      <c r="AR19" s="71">
        <v>1</v>
      </c>
      <c r="AS19" s="72">
        <v>28</v>
      </c>
      <c r="AT19" s="73">
        <v>37</v>
      </c>
      <c r="AU19" s="70">
        <v>8</v>
      </c>
      <c r="AV19" s="71">
        <v>5</v>
      </c>
      <c r="AW19" s="72">
        <v>13</v>
      </c>
      <c r="AX19" s="244"/>
      <c r="AY19" s="71">
        <v>16</v>
      </c>
      <c r="AZ19" s="71">
        <v>16</v>
      </c>
      <c r="BA19" s="71">
        <v>11</v>
      </c>
      <c r="BB19" s="71">
        <v>3</v>
      </c>
      <c r="BC19" s="71">
        <v>4</v>
      </c>
      <c r="BD19" s="72">
        <v>50</v>
      </c>
      <c r="BE19" s="73">
        <v>63</v>
      </c>
      <c r="BF19" s="70">
        <v>8</v>
      </c>
      <c r="BG19" s="71">
        <v>11</v>
      </c>
      <c r="BH19" s="72">
        <v>19</v>
      </c>
      <c r="BI19" s="244"/>
      <c r="BJ19" s="71">
        <v>9</v>
      </c>
      <c r="BK19" s="71">
        <v>12</v>
      </c>
      <c r="BL19" s="71">
        <v>9</v>
      </c>
      <c r="BM19" s="71">
        <v>3</v>
      </c>
      <c r="BN19" s="71">
        <v>3</v>
      </c>
      <c r="BO19" s="72">
        <v>36</v>
      </c>
      <c r="BP19" s="73">
        <v>55</v>
      </c>
      <c r="BQ19" s="70">
        <v>4</v>
      </c>
      <c r="BR19" s="71">
        <v>4</v>
      </c>
      <c r="BS19" s="72">
        <v>8</v>
      </c>
      <c r="BT19" s="244"/>
      <c r="BU19" s="71">
        <v>15</v>
      </c>
      <c r="BV19" s="71">
        <v>12</v>
      </c>
      <c r="BW19" s="71">
        <v>9</v>
      </c>
      <c r="BX19" s="71">
        <v>11</v>
      </c>
      <c r="BY19" s="71">
        <v>2</v>
      </c>
      <c r="BZ19" s="72">
        <v>49</v>
      </c>
      <c r="CA19" s="73">
        <v>57</v>
      </c>
      <c r="CB19" s="70">
        <v>0</v>
      </c>
      <c r="CC19" s="71">
        <v>0</v>
      </c>
      <c r="CD19" s="72">
        <v>0</v>
      </c>
      <c r="CE19" s="244"/>
      <c r="CF19" s="71">
        <v>0</v>
      </c>
      <c r="CG19" s="71">
        <v>0</v>
      </c>
      <c r="CH19" s="71">
        <v>0</v>
      </c>
      <c r="CI19" s="71">
        <v>0</v>
      </c>
      <c r="CJ19" s="71">
        <v>0</v>
      </c>
      <c r="CK19" s="72">
        <v>0</v>
      </c>
      <c r="CL19" s="73">
        <v>0</v>
      </c>
      <c r="CM19" s="70">
        <v>31</v>
      </c>
      <c r="CN19" s="71">
        <v>31</v>
      </c>
      <c r="CO19" s="72">
        <v>62</v>
      </c>
      <c r="CP19" s="244"/>
      <c r="CQ19" s="71">
        <v>55</v>
      </c>
      <c r="CR19" s="71">
        <v>57</v>
      </c>
      <c r="CS19" s="71">
        <v>39</v>
      </c>
      <c r="CT19" s="71">
        <v>27</v>
      </c>
      <c r="CU19" s="71">
        <v>14</v>
      </c>
      <c r="CV19" s="72">
        <v>192</v>
      </c>
      <c r="CW19" s="73">
        <v>254</v>
      </c>
      <c r="CX19" s="123">
        <v>10</v>
      </c>
      <c r="CY19" s="82">
        <v>15</v>
      </c>
      <c r="CZ19" s="83">
        <v>25</v>
      </c>
      <c r="DA19" s="241"/>
      <c r="DB19" s="82">
        <v>20</v>
      </c>
      <c r="DC19" s="82">
        <v>23</v>
      </c>
      <c r="DD19" s="82">
        <v>14</v>
      </c>
      <c r="DE19" s="82">
        <v>18</v>
      </c>
      <c r="DF19" s="82">
        <v>11</v>
      </c>
      <c r="DG19" s="84">
        <v>86</v>
      </c>
      <c r="DH19" s="85">
        <v>111</v>
      </c>
      <c r="DI19" s="70">
        <v>0</v>
      </c>
      <c r="DJ19" s="71">
        <v>0</v>
      </c>
      <c r="DK19" s="72">
        <v>0</v>
      </c>
      <c r="DL19" s="244"/>
      <c r="DM19" s="71">
        <v>0</v>
      </c>
      <c r="DN19" s="71">
        <v>0</v>
      </c>
      <c r="DO19" s="71">
        <v>0</v>
      </c>
      <c r="DP19" s="71">
        <v>1</v>
      </c>
      <c r="DQ19" s="71">
        <v>0</v>
      </c>
      <c r="DR19" s="72">
        <v>1</v>
      </c>
      <c r="DS19" s="73">
        <v>1</v>
      </c>
      <c r="DT19" s="70">
        <v>1</v>
      </c>
      <c r="DU19" s="71">
        <v>3</v>
      </c>
      <c r="DV19" s="72">
        <v>4</v>
      </c>
      <c r="DW19" s="244"/>
      <c r="DX19" s="71">
        <v>2</v>
      </c>
      <c r="DY19" s="71">
        <v>4</v>
      </c>
      <c r="DZ19" s="71">
        <v>0</v>
      </c>
      <c r="EA19" s="71">
        <v>0</v>
      </c>
      <c r="EB19" s="71">
        <v>0</v>
      </c>
      <c r="EC19" s="72">
        <v>6</v>
      </c>
      <c r="ED19" s="73">
        <v>10</v>
      </c>
      <c r="EE19" s="70">
        <v>1</v>
      </c>
      <c r="EF19" s="71">
        <v>1</v>
      </c>
      <c r="EG19" s="72">
        <v>2</v>
      </c>
      <c r="EH19" s="244"/>
      <c r="EI19" s="71">
        <v>1</v>
      </c>
      <c r="EJ19" s="71">
        <v>2</v>
      </c>
      <c r="EK19" s="71">
        <v>1</v>
      </c>
      <c r="EL19" s="71">
        <v>2</v>
      </c>
      <c r="EM19" s="71">
        <v>0</v>
      </c>
      <c r="EN19" s="72">
        <v>6</v>
      </c>
      <c r="EO19" s="73">
        <v>8</v>
      </c>
      <c r="EP19" s="70">
        <v>6</v>
      </c>
      <c r="EQ19" s="71">
        <v>4</v>
      </c>
      <c r="ER19" s="72">
        <v>10</v>
      </c>
      <c r="ES19" s="244"/>
      <c r="ET19" s="71">
        <v>3</v>
      </c>
      <c r="EU19" s="71">
        <v>4</v>
      </c>
      <c r="EV19" s="71">
        <v>1</v>
      </c>
      <c r="EW19" s="71">
        <v>0</v>
      </c>
      <c r="EX19" s="71">
        <v>1</v>
      </c>
      <c r="EY19" s="72">
        <v>9</v>
      </c>
      <c r="EZ19" s="73">
        <v>19</v>
      </c>
      <c r="FA19" s="70">
        <v>1</v>
      </c>
      <c r="FB19" s="71">
        <v>6</v>
      </c>
      <c r="FC19" s="72">
        <v>7</v>
      </c>
      <c r="FD19" s="244"/>
      <c r="FE19" s="71">
        <v>9</v>
      </c>
      <c r="FF19" s="71">
        <v>7</v>
      </c>
      <c r="FG19" s="71">
        <v>4</v>
      </c>
      <c r="FH19" s="71">
        <v>4</v>
      </c>
      <c r="FI19" s="71">
        <v>3</v>
      </c>
      <c r="FJ19" s="72">
        <v>27</v>
      </c>
      <c r="FK19" s="73">
        <v>34</v>
      </c>
      <c r="FL19" s="70">
        <v>1</v>
      </c>
      <c r="FM19" s="71">
        <v>1</v>
      </c>
      <c r="FN19" s="72">
        <v>2</v>
      </c>
      <c r="FO19" s="244"/>
      <c r="FP19" s="71">
        <v>5</v>
      </c>
      <c r="FQ19" s="71">
        <v>6</v>
      </c>
      <c r="FR19" s="71">
        <v>8</v>
      </c>
      <c r="FS19" s="71">
        <v>11</v>
      </c>
      <c r="FT19" s="71">
        <v>7</v>
      </c>
      <c r="FU19" s="72">
        <v>37</v>
      </c>
      <c r="FV19" s="73">
        <v>39</v>
      </c>
      <c r="FW19" s="70">
        <v>0</v>
      </c>
      <c r="FX19" s="71">
        <v>0</v>
      </c>
      <c r="FY19" s="72">
        <v>0</v>
      </c>
      <c r="FZ19" s="244"/>
      <c r="GA19" s="71">
        <v>0</v>
      </c>
      <c r="GB19" s="71">
        <v>0</v>
      </c>
      <c r="GC19" s="71">
        <v>0</v>
      </c>
      <c r="GD19" s="71">
        <v>0</v>
      </c>
      <c r="GE19" s="71">
        <v>0</v>
      </c>
      <c r="GF19" s="72">
        <v>0</v>
      </c>
      <c r="GG19" s="73">
        <v>0</v>
      </c>
      <c r="GH19" s="70">
        <v>10</v>
      </c>
      <c r="GI19" s="71">
        <v>15</v>
      </c>
      <c r="GJ19" s="72">
        <v>25</v>
      </c>
      <c r="GK19" s="244"/>
      <c r="GL19" s="71">
        <v>20</v>
      </c>
      <c r="GM19" s="71">
        <v>23</v>
      </c>
      <c r="GN19" s="71">
        <v>14</v>
      </c>
      <c r="GO19" s="71">
        <v>18</v>
      </c>
      <c r="GP19" s="71">
        <v>11</v>
      </c>
      <c r="GQ19" s="72">
        <v>86</v>
      </c>
      <c r="GR19" s="73">
        <v>111</v>
      </c>
      <c r="GS19" s="123">
        <v>41</v>
      </c>
      <c r="GT19" s="82">
        <v>46</v>
      </c>
      <c r="GU19" s="83">
        <v>87</v>
      </c>
      <c r="GV19" s="241"/>
      <c r="GW19" s="82">
        <v>75</v>
      </c>
      <c r="GX19" s="82">
        <v>80</v>
      </c>
      <c r="GY19" s="82">
        <v>53</v>
      </c>
      <c r="GZ19" s="82">
        <v>45</v>
      </c>
      <c r="HA19" s="82">
        <v>25</v>
      </c>
      <c r="HB19" s="84">
        <v>278</v>
      </c>
      <c r="HC19" s="85">
        <v>365</v>
      </c>
      <c r="HD19" s="70">
        <v>1</v>
      </c>
      <c r="HE19" s="71">
        <v>1</v>
      </c>
      <c r="HF19" s="72">
        <v>2</v>
      </c>
      <c r="HG19" s="244"/>
      <c r="HH19" s="71">
        <v>1</v>
      </c>
      <c r="HI19" s="71">
        <v>2</v>
      </c>
      <c r="HJ19" s="71">
        <v>0</v>
      </c>
      <c r="HK19" s="71">
        <v>1</v>
      </c>
      <c r="HL19" s="71">
        <v>3</v>
      </c>
      <c r="HM19" s="72">
        <v>7</v>
      </c>
      <c r="HN19" s="73">
        <v>9</v>
      </c>
      <c r="HO19" s="70">
        <v>5</v>
      </c>
      <c r="HP19" s="71">
        <v>10</v>
      </c>
      <c r="HQ19" s="72">
        <v>15</v>
      </c>
      <c r="HR19" s="244"/>
      <c r="HS19" s="71">
        <v>7</v>
      </c>
      <c r="HT19" s="71">
        <v>12</v>
      </c>
      <c r="HU19" s="71">
        <v>4</v>
      </c>
      <c r="HV19" s="71">
        <v>5</v>
      </c>
      <c r="HW19" s="71">
        <v>1</v>
      </c>
      <c r="HX19" s="72">
        <v>29</v>
      </c>
      <c r="HY19" s="73">
        <v>44</v>
      </c>
      <c r="HZ19" s="70">
        <v>7</v>
      </c>
      <c r="IA19" s="71">
        <v>4</v>
      </c>
      <c r="IB19" s="72">
        <v>11</v>
      </c>
      <c r="IC19" s="244"/>
      <c r="ID19" s="71">
        <v>10</v>
      </c>
      <c r="IE19" s="71">
        <v>9</v>
      </c>
      <c r="IF19" s="71">
        <v>7</v>
      </c>
      <c r="IG19" s="71">
        <v>7</v>
      </c>
      <c r="IH19" s="71">
        <v>1</v>
      </c>
      <c r="II19" s="72">
        <v>34</v>
      </c>
      <c r="IJ19" s="73">
        <v>45</v>
      </c>
      <c r="IK19" s="70">
        <v>14</v>
      </c>
      <c r="IL19" s="71">
        <v>9</v>
      </c>
      <c r="IM19" s="72">
        <v>23</v>
      </c>
      <c r="IN19" s="244"/>
      <c r="IO19" s="71">
        <v>19</v>
      </c>
      <c r="IP19" s="71">
        <v>20</v>
      </c>
      <c r="IQ19" s="71">
        <v>12</v>
      </c>
      <c r="IR19" s="71">
        <v>3</v>
      </c>
      <c r="IS19" s="71">
        <v>5</v>
      </c>
      <c r="IT19" s="72">
        <v>59</v>
      </c>
      <c r="IU19" s="73">
        <v>82</v>
      </c>
      <c r="IV19" s="70">
        <v>9</v>
      </c>
      <c r="IW19" s="71">
        <v>17</v>
      </c>
      <c r="IX19" s="72">
        <v>26</v>
      </c>
      <c r="IY19" s="244"/>
      <c r="IZ19" s="71">
        <v>18</v>
      </c>
      <c r="JA19" s="71">
        <v>19</v>
      </c>
      <c r="JB19" s="71">
        <v>13</v>
      </c>
      <c r="JC19" s="71">
        <v>7</v>
      </c>
      <c r="JD19" s="71">
        <v>6</v>
      </c>
      <c r="JE19" s="72">
        <v>63</v>
      </c>
      <c r="JF19" s="73">
        <v>89</v>
      </c>
      <c r="JG19" s="70">
        <v>5</v>
      </c>
      <c r="JH19" s="71">
        <v>5</v>
      </c>
      <c r="JI19" s="72">
        <v>10</v>
      </c>
      <c r="JJ19" s="244"/>
      <c r="JK19" s="71">
        <v>20</v>
      </c>
      <c r="JL19" s="71">
        <v>18</v>
      </c>
      <c r="JM19" s="71">
        <v>17</v>
      </c>
      <c r="JN19" s="71">
        <v>22</v>
      </c>
      <c r="JO19" s="71">
        <v>9</v>
      </c>
      <c r="JP19" s="72">
        <v>86</v>
      </c>
      <c r="JQ19" s="73">
        <v>96</v>
      </c>
      <c r="JR19" s="70">
        <v>0</v>
      </c>
      <c r="JS19" s="71">
        <v>0</v>
      </c>
      <c r="JT19" s="72">
        <v>0</v>
      </c>
      <c r="JU19" s="244"/>
      <c r="JV19" s="71">
        <v>0</v>
      </c>
      <c r="JW19" s="71">
        <v>0</v>
      </c>
      <c r="JX19" s="71">
        <v>0</v>
      </c>
      <c r="JY19" s="71">
        <v>0</v>
      </c>
      <c r="JZ19" s="71">
        <v>0</v>
      </c>
      <c r="KA19" s="72">
        <v>0</v>
      </c>
      <c r="KB19" s="73">
        <v>0</v>
      </c>
      <c r="KC19" s="70">
        <v>41</v>
      </c>
      <c r="KD19" s="71">
        <v>46</v>
      </c>
      <c r="KE19" s="72">
        <v>87</v>
      </c>
      <c r="KF19" s="244"/>
      <c r="KG19" s="71">
        <v>75</v>
      </c>
      <c r="KH19" s="71">
        <v>80</v>
      </c>
      <c r="KI19" s="71">
        <v>53</v>
      </c>
      <c r="KJ19" s="71">
        <v>45</v>
      </c>
      <c r="KK19" s="71">
        <v>25</v>
      </c>
      <c r="KL19" s="72">
        <v>278</v>
      </c>
      <c r="KM19" s="73">
        <v>365</v>
      </c>
    </row>
    <row r="20" spans="2:299" ht="19.8" customHeight="1" x14ac:dyDescent="0.2">
      <c r="B20" s="126" t="s">
        <v>17</v>
      </c>
      <c r="C20" s="316">
        <v>44</v>
      </c>
      <c r="D20" s="82">
        <v>43</v>
      </c>
      <c r="E20" s="83">
        <v>87</v>
      </c>
      <c r="F20" s="241"/>
      <c r="G20" s="82">
        <v>69</v>
      </c>
      <c r="H20" s="82">
        <v>86</v>
      </c>
      <c r="I20" s="82">
        <v>48</v>
      </c>
      <c r="J20" s="82">
        <v>46</v>
      </c>
      <c r="K20" s="82">
        <v>29</v>
      </c>
      <c r="L20" s="84">
        <v>278</v>
      </c>
      <c r="M20" s="85">
        <v>365</v>
      </c>
      <c r="N20" s="70">
        <v>0</v>
      </c>
      <c r="O20" s="71">
        <v>2</v>
      </c>
      <c r="P20" s="72">
        <v>2</v>
      </c>
      <c r="Q20" s="244"/>
      <c r="R20" s="71">
        <v>2</v>
      </c>
      <c r="S20" s="71">
        <v>7</v>
      </c>
      <c r="T20" s="71">
        <v>2</v>
      </c>
      <c r="U20" s="71">
        <v>3</v>
      </c>
      <c r="V20" s="71">
        <v>0</v>
      </c>
      <c r="W20" s="72">
        <v>14</v>
      </c>
      <c r="X20" s="73">
        <v>16</v>
      </c>
      <c r="Y20" s="70">
        <v>7</v>
      </c>
      <c r="Z20" s="71">
        <v>7</v>
      </c>
      <c r="AA20" s="72">
        <v>14</v>
      </c>
      <c r="AB20" s="244"/>
      <c r="AC20" s="71">
        <v>6</v>
      </c>
      <c r="AD20" s="71">
        <v>8</v>
      </c>
      <c r="AE20" s="71">
        <v>7</v>
      </c>
      <c r="AF20" s="71">
        <v>4</v>
      </c>
      <c r="AG20" s="71">
        <v>5</v>
      </c>
      <c r="AH20" s="72">
        <v>30</v>
      </c>
      <c r="AI20" s="73">
        <v>44</v>
      </c>
      <c r="AJ20" s="70">
        <v>8</v>
      </c>
      <c r="AK20" s="71">
        <v>5</v>
      </c>
      <c r="AL20" s="72">
        <v>13</v>
      </c>
      <c r="AM20" s="244"/>
      <c r="AN20" s="71">
        <v>9</v>
      </c>
      <c r="AO20" s="71">
        <v>13</v>
      </c>
      <c r="AP20" s="71">
        <v>7</v>
      </c>
      <c r="AQ20" s="71">
        <v>6</v>
      </c>
      <c r="AR20" s="71">
        <v>3</v>
      </c>
      <c r="AS20" s="72">
        <v>38</v>
      </c>
      <c r="AT20" s="73">
        <v>51</v>
      </c>
      <c r="AU20" s="70">
        <v>6</v>
      </c>
      <c r="AV20" s="71">
        <v>9</v>
      </c>
      <c r="AW20" s="72">
        <v>15</v>
      </c>
      <c r="AX20" s="244"/>
      <c r="AY20" s="71">
        <v>17</v>
      </c>
      <c r="AZ20" s="71">
        <v>17</v>
      </c>
      <c r="BA20" s="71">
        <v>12</v>
      </c>
      <c r="BB20" s="71">
        <v>11</v>
      </c>
      <c r="BC20" s="71">
        <v>5</v>
      </c>
      <c r="BD20" s="72">
        <v>62</v>
      </c>
      <c r="BE20" s="73">
        <v>77</v>
      </c>
      <c r="BF20" s="70">
        <v>10</v>
      </c>
      <c r="BG20" s="71">
        <v>12</v>
      </c>
      <c r="BH20" s="72">
        <v>22</v>
      </c>
      <c r="BI20" s="244"/>
      <c r="BJ20" s="71">
        <v>20</v>
      </c>
      <c r="BK20" s="71">
        <v>23</v>
      </c>
      <c r="BL20" s="71">
        <v>8</v>
      </c>
      <c r="BM20" s="71">
        <v>12</v>
      </c>
      <c r="BN20" s="71">
        <v>9</v>
      </c>
      <c r="BO20" s="72">
        <v>72</v>
      </c>
      <c r="BP20" s="73">
        <v>94</v>
      </c>
      <c r="BQ20" s="70">
        <v>13</v>
      </c>
      <c r="BR20" s="71">
        <v>8</v>
      </c>
      <c r="BS20" s="72">
        <v>21</v>
      </c>
      <c r="BT20" s="244"/>
      <c r="BU20" s="71">
        <v>15</v>
      </c>
      <c r="BV20" s="71">
        <v>18</v>
      </c>
      <c r="BW20" s="71">
        <v>12</v>
      </c>
      <c r="BX20" s="71">
        <v>10</v>
      </c>
      <c r="BY20" s="71">
        <v>7</v>
      </c>
      <c r="BZ20" s="72">
        <v>62</v>
      </c>
      <c r="CA20" s="73">
        <v>83</v>
      </c>
      <c r="CB20" s="70">
        <v>0</v>
      </c>
      <c r="CC20" s="71">
        <v>0</v>
      </c>
      <c r="CD20" s="72">
        <v>0</v>
      </c>
      <c r="CE20" s="244"/>
      <c r="CF20" s="71">
        <v>0</v>
      </c>
      <c r="CG20" s="71">
        <v>0</v>
      </c>
      <c r="CH20" s="71">
        <v>0</v>
      </c>
      <c r="CI20" s="71">
        <v>0</v>
      </c>
      <c r="CJ20" s="71">
        <v>0</v>
      </c>
      <c r="CK20" s="72">
        <v>0</v>
      </c>
      <c r="CL20" s="73">
        <v>0</v>
      </c>
      <c r="CM20" s="70">
        <v>44</v>
      </c>
      <c r="CN20" s="71">
        <v>43</v>
      </c>
      <c r="CO20" s="72">
        <v>87</v>
      </c>
      <c r="CP20" s="244"/>
      <c r="CQ20" s="71">
        <v>69</v>
      </c>
      <c r="CR20" s="71">
        <v>86</v>
      </c>
      <c r="CS20" s="71">
        <v>48</v>
      </c>
      <c r="CT20" s="71">
        <v>46</v>
      </c>
      <c r="CU20" s="71">
        <v>29</v>
      </c>
      <c r="CV20" s="72">
        <v>278</v>
      </c>
      <c r="CW20" s="73">
        <v>365</v>
      </c>
      <c r="CX20" s="123">
        <v>19</v>
      </c>
      <c r="CY20" s="82">
        <v>19</v>
      </c>
      <c r="CZ20" s="83">
        <v>38</v>
      </c>
      <c r="DA20" s="241"/>
      <c r="DB20" s="82">
        <v>35</v>
      </c>
      <c r="DC20" s="82">
        <v>32</v>
      </c>
      <c r="DD20" s="82">
        <v>34</v>
      </c>
      <c r="DE20" s="82">
        <v>20</v>
      </c>
      <c r="DF20" s="82">
        <v>24</v>
      </c>
      <c r="DG20" s="84">
        <v>145</v>
      </c>
      <c r="DH20" s="85">
        <v>183</v>
      </c>
      <c r="DI20" s="70">
        <v>1</v>
      </c>
      <c r="DJ20" s="71">
        <v>0</v>
      </c>
      <c r="DK20" s="72">
        <v>1</v>
      </c>
      <c r="DL20" s="244"/>
      <c r="DM20" s="71">
        <v>0</v>
      </c>
      <c r="DN20" s="71">
        <v>1</v>
      </c>
      <c r="DO20" s="71">
        <v>0</v>
      </c>
      <c r="DP20" s="71">
        <v>0</v>
      </c>
      <c r="DQ20" s="71">
        <v>1</v>
      </c>
      <c r="DR20" s="72">
        <v>2</v>
      </c>
      <c r="DS20" s="73">
        <v>3</v>
      </c>
      <c r="DT20" s="70">
        <v>3</v>
      </c>
      <c r="DU20" s="71">
        <v>1</v>
      </c>
      <c r="DV20" s="72">
        <v>4</v>
      </c>
      <c r="DW20" s="244"/>
      <c r="DX20" s="71">
        <v>4</v>
      </c>
      <c r="DY20" s="71">
        <v>4</v>
      </c>
      <c r="DZ20" s="71">
        <v>0</v>
      </c>
      <c r="EA20" s="71">
        <v>2</v>
      </c>
      <c r="EB20" s="71">
        <v>0</v>
      </c>
      <c r="EC20" s="72">
        <v>10</v>
      </c>
      <c r="ED20" s="73">
        <v>14</v>
      </c>
      <c r="EE20" s="70">
        <v>3</v>
      </c>
      <c r="EF20" s="71">
        <v>2</v>
      </c>
      <c r="EG20" s="72">
        <v>5</v>
      </c>
      <c r="EH20" s="244"/>
      <c r="EI20" s="71">
        <v>5</v>
      </c>
      <c r="EJ20" s="71">
        <v>5</v>
      </c>
      <c r="EK20" s="71">
        <v>2</v>
      </c>
      <c r="EL20" s="71">
        <v>1</v>
      </c>
      <c r="EM20" s="71">
        <v>0</v>
      </c>
      <c r="EN20" s="72">
        <v>13</v>
      </c>
      <c r="EO20" s="73">
        <v>18</v>
      </c>
      <c r="EP20" s="70">
        <v>4</v>
      </c>
      <c r="EQ20" s="71">
        <v>9</v>
      </c>
      <c r="ER20" s="72">
        <v>13</v>
      </c>
      <c r="ES20" s="244"/>
      <c r="ET20" s="71">
        <v>12</v>
      </c>
      <c r="EU20" s="71">
        <v>5</v>
      </c>
      <c r="EV20" s="71">
        <v>7</v>
      </c>
      <c r="EW20" s="71">
        <v>3</v>
      </c>
      <c r="EX20" s="71">
        <v>6</v>
      </c>
      <c r="EY20" s="72">
        <v>33</v>
      </c>
      <c r="EZ20" s="73">
        <v>46</v>
      </c>
      <c r="FA20" s="70">
        <v>3</v>
      </c>
      <c r="FB20" s="71">
        <v>7</v>
      </c>
      <c r="FC20" s="72">
        <v>10</v>
      </c>
      <c r="FD20" s="244"/>
      <c r="FE20" s="71">
        <v>5</v>
      </c>
      <c r="FF20" s="71">
        <v>3</v>
      </c>
      <c r="FG20" s="71">
        <v>12</v>
      </c>
      <c r="FH20" s="71">
        <v>3</v>
      </c>
      <c r="FI20" s="71">
        <v>4</v>
      </c>
      <c r="FJ20" s="72">
        <v>27</v>
      </c>
      <c r="FK20" s="73">
        <v>37</v>
      </c>
      <c r="FL20" s="70">
        <v>5</v>
      </c>
      <c r="FM20" s="71">
        <v>0</v>
      </c>
      <c r="FN20" s="72">
        <v>5</v>
      </c>
      <c r="FO20" s="244"/>
      <c r="FP20" s="71">
        <v>9</v>
      </c>
      <c r="FQ20" s="71">
        <v>14</v>
      </c>
      <c r="FR20" s="71">
        <v>13</v>
      </c>
      <c r="FS20" s="71">
        <v>11</v>
      </c>
      <c r="FT20" s="71">
        <v>13</v>
      </c>
      <c r="FU20" s="72">
        <v>60</v>
      </c>
      <c r="FV20" s="73">
        <v>65</v>
      </c>
      <c r="FW20" s="70">
        <v>0</v>
      </c>
      <c r="FX20" s="71">
        <v>0</v>
      </c>
      <c r="FY20" s="72">
        <v>0</v>
      </c>
      <c r="FZ20" s="244"/>
      <c r="GA20" s="71">
        <v>0</v>
      </c>
      <c r="GB20" s="71">
        <v>0</v>
      </c>
      <c r="GC20" s="71">
        <v>0</v>
      </c>
      <c r="GD20" s="71">
        <v>0</v>
      </c>
      <c r="GE20" s="71">
        <v>0</v>
      </c>
      <c r="GF20" s="72">
        <v>0</v>
      </c>
      <c r="GG20" s="73">
        <v>0</v>
      </c>
      <c r="GH20" s="70">
        <v>19</v>
      </c>
      <c r="GI20" s="71">
        <v>19</v>
      </c>
      <c r="GJ20" s="72">
        <v>38</v>
      </c>
      <c r="GK20" s="244"/>
      <c r="GL20" s="71">
        <v>35</v>
      </c>
      <c r="GM20" s="71">
        <v>32</v>
      </c>
      <c r="GN20" s="71">
        <v>34</v>
      </c>
      <c r="GO20" s="71">
        <v>20</v>
      </c>
      <c r="GP20" s="71">
        <v>24</v>
      </c>
      <c r="GQ20" s="72">
        <v>145</v>
      </c>
      <c r="GR20" s="73">
        <v>183</v>
      </c>
      <c r="GS20" s="123">
        <v>63</v>
      </c>
      <c r="GT20" s="82">
        <v>62</v>
      </c>
      <c r="GU20" s="83">
        <v>125</v>
      </c>
      <c r="GV20" s="241"/>
      <c r="GW20" s="82">
        <v>104</v>
      </c>
      <c r="GX20" s="82">
        <v>118</v>
      </c>
      <c r="GY20" s="82">
        <v>82</v>
      </c>
      <c r="GZ20" s="82">
        <v>66</v>
      </c>
      <c r="HA20" s="82">
        <v>53</v>
      </c>
      <c r="HB20" s="84">
        <v>423</v>
      </c>
      <c r="HC20" s="85">
        <v>548</v>
      </c>
      <c r="HD20" s="70">
        <v>1</v>
      </c>
      <c r="HE20" s="71">
        <v>2</v>
      </c>
      <c r="HF20" s="72">
        <v>3</v>
      </c>
      <c r="HG20" s="244"/>
      <c r="HH20" s="71">
        <v>2</v>
      </c>
      <c r="HI20" s="71">
        <v>8</v>
      </c>
      <c r="HJ20" s="71">
        <v>2</v>
      </c>
      <c r="HK20" s="71">
        <v>3</v>
      </c>
      <c r="HL20" s="71">
        <v>1</v>
      </c>
      <c r="HM20" s="72">
        <v>16</v>
      </c>
      <c r="HN20" s="73">
        <v>19</v>
      </c>
      <c r="HO20" s="70">
        <v>10</v>
      </c>
      <c r="HP20" s="71">
        <v>8</v>
      </c>
      <c r="HQ20" s="72">
        <v>18</v>
      </c>
      <c r="HR20" s="244"/>
      <c r="HS20" s="71">
        <v>10</v>
      </c>
      <c r="HT20" s="71">
        <v>12</v>
      </c>
      <c r="HU20" s="71">
        <v>7</v>
      </c>
      <c r="HV20" s="71">
        <v>6</v>
      </c>
      <c r="HW20" s="71">
        <v>5</v>
      </c>
      <c r="HX20" s="72">
        <v>40</v>
      </c>
      <c r="HY20" s="73">
        <v>58</v>
      </c>
      <c r="HZ20" s="70">
        <v>11</v>
      </c>
      <c r="IA20" s="71">
        <v>7</v>
      </c>
      <c r="IB20" s="72">
        <v>18</v>
      </c>
      <c r="IC20" s="244"/>
      <c r="ID20" s="71">
        <v>14</v>
      </c>
      <c r="IE20" s="71">
        <v>18</v>
      </c>
      <c r="IF20" s="71">
        <v>9</v>
      </c>
      <c r="IG20" s="71">
        <v>7</v>
      </c>
      <c r="IH20" s="71">
        <v>3</v>
      </c>
      <c r="II20" s="72">
        <v>51</v>
      </c>
      <c r="IJ20" s="73">
        <v>69</v>
      </c>
      <c r="IK20" s="70">
        <v>10</v>
      </c>
      <c r="IL20" s="71">
        <v>18</v>
      </c>
      <c r="IM20" s="72">
        <v>28</v>
      </c>
      <c r="IN20" s="244"/>
      <c r="IO20" s="71">
        <v>29</v>
      </c>
      <c r="IP20" s="71">
        <v>22</v>
      </c>
      <c r="IQ20" s="71">
        <v>19</v>
      </c>
      <c r="IR20" s="71">
        <v>14</v>
      </c>
      <c r="IS20" s="71">
        <v>11</v>
      </c>
      <c r="IT20" s="72">
        <v>95</v>
      </c>
      <c r="IU20" s="73">
        <v>123</v>
      </c>
      <c r="IV20" s="70">
        <v>13</v>
      </c>
      <c r="IW20" s="71">
        <v>19</v>
      </c>
      <c r="IX20" s="72">
        <v>32</v>
      </c>
      <c r="IY20" s="244"/>
      <c r="IZ20" s="71">
        <v>25</v>
      </c>
      <c r="JA20" s="71">
        <v>26</v>
      </c>
      <c r="JB20" s="71">
        <v>20</v>
      </c>
      <c r="JC20" s="71">
        <v>15</v>
      </c>
      <c r="JD20" s="71">
        <v>13</v>
      </c>
      <c r="JE20" s="72">
        <v>99</v>
      </c>
      <c r="JF20" s="73">
        <v>131</v>
      </c>
      <c r="JG20" s="70">
        <v>18</v>
      </c>
      <c r="JH20" s="71">
        <v>8</v>
      </c>
      <c r="JI20" s="72">
        <v>26</v>
      </c>
      <c r="JJ20" s="244"/>
      <c r="JK20" s="71">
        <v>24</v>
      </c>
      <c r="JL20" s="71">
        <v>32</v>
      </c>
      <c r="JM20" s="71">
        <v>25</v>
      </c>
      <c r="JN20" s="71">
        <v>21</v>
      </c>
      <c r="JO20" s="71">
        <v>20</v>
      </c>
      <c r="JP20" s="72">
        <v>122</v>
      </c>
      <c r="JQ20" s="73">
        <v>148</v>
      </c>
      <c r="JR20" s="70">
        <v>0</v>
      </c>
      <c r="JS20" s="71">
        <v>0</v>
      </c>
      <c r="JT20" s="72">
        <v>0</v>
      </c>
      <c r="JU20" s="244"/>
      <c r="JV20" s="71">
        <v>0</v>
      </c>
      <c r="JW20" s="71">
        <v>0</v>
      </c>
      <c r="JX20" s="71">
        <v>0</v>
      </c>
      <c r="JY20" s="71">
        <v>0</v>
      </c>
      <c r="JZ20" s="71">
        <v>0</v>
      </c>
      <c r="KA20" s="72">
        <v>0</v>
      </c>
      <c r="KB20" s="73">
        <v>0</v>
      </c>
      <c r="KC20" s="70">
        <v>63</v>
      </c>
      <c r="KD20" s="71">
        <v>62</v>
      </c>
      <c r="KE20" s="72">
        <v>125</v>
      </c>
      <c r="KF20" s="244"/>
      <c r="KG20" s="71">
        <v>104</v>
      </c>
      <c r="KH20" s="71">
        <v>118</v>
      </c>
      <c r="KI20" s="71">
        <v>82</v>
      </c>
      <c r="KJ20" s="71">
        <v>66</v>
      </c>
      <c r="KK20" s="71">
        <v>53</v>
      </c>
      <c r="KL20" s="72">
        <v>423</v>
      </c>
      <c r="KM20" s="73">
        <v>548</v>
      </c>
    </row>
    <row r="21" spans="2:299" ht="19.8" customHeight="1" x14ac:dyDescent="0.2">
      <c r="B21" s="126" t="s">
        <v>18</v>
      </c>
      <c r="C21" s="316">
        <v>56</v>
      </c>
      <c r="D21" s="82">
        <v>58</v>
      </c>
      <c r="E21" s="83">
        <v>114</v>
      </c>
      <c r="F21" s="241"/>
      <c r="G21" s="82">
        <v>110</v>
      </c>
      <c r="H21" s="82">
        <v>84</v>
      </c>
      <c r="I21" s="82">
        <v>48</v>
      </c>
      <c r="J21" s="82">
        <v>48</v>
      </c>
      <c r="K21" s="82">
        <v>29</v>
      </c>
      <c r="L21" s="84">
        <v>319</v>
      </c>
      <c r="M21" s="85">
        <v>433</v>
      </c>
      <c r="N21" s="70">
        <v>2</v>
      </c>
      <c r="O21" s="71">
        <v>4</v>
      </c>
      <c r="P21" s="72">
        <v>6</v>
      </c>
      <c r="Q21" s="244"/>
      <c r="R21" s="71">
        <v>5</v>
      </c>
      <c r="S21" s="71">
        <v>6</v>
      </c>
      <c r="T21" s="71">
        <v>4</v>
      </c>
      <c r="U21" s="71">
        <v>2</v>
      </c>
      <c r="V21" s="71">
        <v>0</v>
      </c>
      <c r="W21" s="72">
        <v>17</v>
      </c>
      <c r="X21" s="73">
        <v>23</v>
      </c>
      <c r="Y21" s="70">
        <v>10</v>
      </c>
      <c r="Z21" s="71">
        <v>6</v>
      </c>
      <c r="AA21" s="72">
        <v>16</v>
      </c>
      <c r="AB21" s="244"/>
      <c r="AC21" s="71">
        <v>11</v>
      </c>
      <c r="AD21" s="71">
        <v>13</v>
      </c>
      <c r="AE21" s="71">
        <v>6</v>
      </c>
      <c r="AF21" s="71">
        <v>5</v>
      </c>
      <c r="AG21" s="71">
        <v>3</v>
      </c>
      <c r="AH21" s="72">
        <v>38</v>
      </c>
      <c r="AI21" s="73">
        <v>54</v>
      </c>
      <c r="AJ21" s="70">
        <v>8</v>
      </c>
      <c r="AK21" s="71">
        <v>5</v>
      </c>
      <c r="AL21" s="72">
        <v>13</v>
      </c>
      <c r="AM21" s="244"/>
      <c r="AN21" s="71">
        <v>13</v>
      </c>
      <c r="AO21" s="71">
        <v>10</v>
      </c>
      <c r="AP21" s="71">
        <v>9</v>
      </c>
      <c r="AQ21" s="71">
        <v>5</v>
      </c>
      <c r="AR21" s="71">
        <v>6</v>
      </c>
      <c r="AS21" s="72">
        <v>43</v>
      </c>
      <c r="AT21" s="73">
        <v>56</v>
      </c>
      <c r="AU21" s="70">
        <v>13</v>
      </c>
      <c r="AV21" s="71">
        <v>9</v>
      </c>
      <c r="AW21" s="72">
        <v>22</v>
      </c>
      <c r="AX21" s="244"/>
      <c r="AY21" s="71">
        <v>22</v>
      </c>
      <c r="AZ21" s="71">
        <v>18</v>
      </c>
      <c r="BA21" s="71">
        <v>11</v>
      </c>
      <c r="BB21" s="71">
        <v>11</v>
      </c>
      <c r="BC21" s="71">
        <v>6</v>
      </c>
      <c r="BD21" s="72">
        <v>68</v>
      </c>
      <c r="BE21" s="73">
        <v>90</v>
      </c>
      <c r="BF21" s="70">
        <v>12</v>
      </c>
      <c r="BG21" s="71">
        <v>18</v>
      </c>
      <c r="BH21" s="72">
        <v>30</v>
      </c>
      <c r="BI21" s="244"/>
      <c r="BJ21" s="71">
        <v>35</v>
      </c>
      <c r="BK21" s="71">
        <v>20</v>
      </c>
      <c r="BL21" s="71">
        <v>8</v>
      </c>
      <c r="BM21" s="71">
        <v>12</v>
      </c>
      <c r="BN21" s="71">
        <v>9</v>
      </c>
      <c r="BO21" s="72">
        <v>84</v>
      </c>
      <c r="BP21" s="73">
        <v>114</v>
      </c>
      <c r="BQ21" s="70">
        <v>11</v>
      </c>
      <c r="BR21" s="71">
        <v>16</v>
      </c>
      <c r="BS21" s="72">
        <v>27</v>
      </c>
      <c r="BT21" s="244"/>
      <c r="BU21" s="71">
        <v>24</v>
      </c>
      <c r="BV21" s="71">
        <v>17</v>
      </c>
      <c r="BW21" s="71">
        <v>10</v>
      </c>
      <c r="BX21" s="71">
        <v>13</v>
      </c>
      <c r="BY21" s="71">
        <v>5</v>
      </c>
      <c r="BZ21" s="72">
        <v>69</v>
      </c>
      <c r="CA21" s="73">
        <v>96</v>
      </c>
      <c r="CB21" s="70">
        <v>0</v>
      </c>
      <c r="CC21" s="71">
        <v>0</v>
      </c>
      <c r="CD21" s="72">
        <v>0</v>
      </c>
      <c r="CE21" s="244"/>
      <c r="CF21" s="71">
        <v>0</v>
      </c>
      <c r="CG21" s="71">
        <v>0</v>
      </c>
      <c r="CH21" s="71">
        <v>0</v>
      </c>
      <c r="CI21" s="71">
        <v>0</v>
      </c>
      <c r="CJ21" s="71">
        <v>0</v>
      </c>
      <c r="CK21" s="72">
        <v>0</v>
      </c>
      <c r="CL21" s="73">
        <v>0</v>
      </c>
      <c r="CM21" s="70">
        <v>56</v>
      </c>
      <c r="CN21" s="71">
        <v>58</v>
      </c>
      <c r="CO21" s="72">
        <v>114</v>
      </c>
      <c r="CP21" s="244"/>
      <c r="CQ21" s="71">
        <v>110</v>
      </c>
      <c r="CR21" s="71">
        <v>84</v>
      </c>
      <c r="CS21" s="71">
        <v>48</v>
      </c>
      <c r="CT21" s="71">
        <v>48</v>
      </c>
      <c r="CU21" s="71">
        <v>29</v>
      </c>
      <c r="CV21" s="72">
        <v>319</v>
      </c>
      <c r="CW21" s="73">
        <v>433</v>
      </c>
      <c r="CX21" s="123">
        <v>21</v>
      </c>
      <c r="CY21" s="82">
        <v>29</v>
      </c>
      <c r="CZ21" s="83">
        <v>50</v>
      </c>
      <c r="DA21" s="241"/>
      <c r="DB21" s="82">
        <v>38</v>
      </c>
      <c r="DC21" s="82">
        <v>52</v>
      </c>
      <c r="DD21" s="82">
        <v>28</v>
      </c>
      <c r="DE21" s="82">
        <v>23</v>
      </c>
      <c r="DF21" s="82">
        <v>22</v>
      </c>
      <c r="DG21" s="84">
        <v>163</v>
      </c>
      <c r="DH21" s="85">
        <v>213</v>
      </c>
      <c r="DI21" s="70">
        <v>1</v>
      </c>
      <c r="DJ21" s="71">
        <v>1</v>
      </c>
      <c r="DK21" s="72">
        <v>2</v>
      </c>
      <c r="DL21" s="244"/>
      <c r="DM21" s="71">
        <v>2</v>
      </c>
      <c r="DN21" s="71">
        <v>1</v>
      </c>
      <c r="DO21" s="71">
        <v>0</v>
      </c>
      <c r="DP21" s="71">
        <v>0</v>
      </c>
      <c r="DQ21" s="71">
        <v>2</v>
      </c>
      <c r="DR21" s="72">
        <v>5</v>
      </c>
      <c r="DS21" s="73">
        <v>7</v>
      </c>
      <c r="DT21" s="70">
        <v>2</v>
      </c>
      <c r="DU21" s="71">
        <v>3</v>
      </c>
      <c r="DV21" s="72">
        <v>5</v>
      </c>
      <c r="DW21" s="244"/>
      <c r="DX21" s="71">
        <v>0</v>
      </c>
      <c r="DY21" s="71">
        <v>4</v>
      </c>
      <c r="DZ21" s="71">
        <v>1</v>
      </c>
      <c r="EA21" s="71">
        <v>0</v>
      </c>
      <c r="EB21" s="71">
        <v>0</v>
      </c>
      <c r="EC21" s="72">
        <v>5</v>
      </c>
      <c r="ED21" s="73">
        <v>10</v>
      </c>
      <c r="EE21" s="70">
        <v>8</v>
      </c>
      <c r="EF21" s="71">
        <v>6</v>
      </c>
      <c r="EG21" s="72">
        <v>14</v>
      </c>
      <c r="EH21" s="244"/>
      <c r="EI21" s="71">
        <v>5</v>
      </c>
      <c r="EJ21" s="71">
        <v>5</v>
      </c>
      <c r="EK21" s="71">
        <v>4</v>
      </c>
      <c r="EL21" s="71">
        <v>1</v>
      </c>
      <c r="EM21" s="71">
        <v>2</v>
      </c>
      <c r="EN21" s="72">
        <v>17</v>
      </c>
      <c r="EO21" s="73">
        <v>31</v>
      </c>
      <c r="EP21" s="70">
        <v>6</v>
      </c>
      <c r="EQ21" s="71">
        <v>3</v>
      </c>
      <c r="ER21" s="72">
        <v>9</v>
      </c>
      <c r="ES21" s="244"/>
      <c r="ET21" s="71">
        <v>9</v>
      </c>
      <c r="EU21" s="71">
        <v>9</v>
      </c>
      <c r="EV21" s="71">
        <v>4</v>
      </c>
      <c r="EW21" s="71">
        <v>3</v>
      </c>
      <c r="EX21" s="71">
        <v>3</v>
      </c>
      <c r="EY21" s="72">
        <v>28</v>
      </c>
      <c r="EZ21" s="73">
        <v>37</v>
      </c>
      <c r="FA21" s="70">
        <v>4</v>
      </c>
      <c r="FB21" s="71">
        <v>13</v>
      </c>
      <c r="FC21" s="72">
        <v>17</v>
      </c>
      <c r="FD21" s="244"/>
      <c r="FE21" s="71">
        <v>16</v>
      </c>
      <c r="FF21" s="71">
        <v>15</v>
      </c>
      <c r="FG21" s="71">
        <v>7</v>
      </c>
      <c r="FH21" s="71">
        <v>6</v>
      </c>
      <c r="FI21" s="71">
        <v>6</v>
      </c>
      <c r="FJ21" s="72">
        <v>50</v>
      </c>
      <c r="FK21" s="73">
        <v>67</v>
      </c>
      <c r="FL21" s="70">
        <v>0</v>
      </c>
      <c r="FM21" s="71">
        <v>3</v>
      </c>
      <c r="FN21" s="72">
        <v>3</v>
      </c>
      <c r="FO21" s="244"/>
      <c r="FP21" s="71">
        <v>6</v>
      </c>
      <c r="FQ21" s="71">
        <v>18</v>
      </c>
      <c r="FR21" s="71">
        <v>12</v>
      </c>
      <c r="FS21" s="71">
        <v>13</v>
      </c>
      <c r="FT21" s="71">
        <v>9</v>
      </c>
      <c r="FU21" s="72">
        <v>58</v>
      </c>
      <c r="FV21" s="73">
        <v>61</v>
      </c>
      <c r="FW21" s="70">
        <v>0</v>
      </c>
      <c r="FX21" s="71">
        <v>0</v>
      </c>
      <c r="FY21" s="72">
        <v>0</v>
      </c>
      <c r="FZ21" s="244"/>
      <c r="GA21" s="71">
        <v>0</v>
      </c>
      <c r="GB21" s="71">
        <v>0</v>
      </c>
      <c r="GC21" s="71">
        <v>0</v>
      </c>
      <c r="GD21" s="71">
        <v>0</v>
      </c>
      <c r="GE21" s="71">
        <v>0</v>
      </c>
      <c r="GF21" s="72">
        <v>0</v>
      </c>
      <c r="GG21" s="73">
        <v>0</v>
      </c>
      <c r="GH21" s="70">
        <v>21</v>
      </c>
      <c r="GI21" s="71">
        <v>29</v>
      </c>
      <c r="GJ21" s="72">
        <v>50</v>
      </c>
      <c r="GK21" s="244"/>
      <c r="GL21" s="71">
        <v>38</v>
      </c>
      <c r="GM21" s="71">
        <v>52</v>
      </c>
      <c r="GN21" s="71">
        <v>28</v>
      </c>
      <c r="GO21" s="71">
        <v>23</v>
      </c>
      <c r="GP21" s="71">
        <v>22</v>
      </c>
      <c r="GQ21" s="72">
        <v>163</v>
      </c>
      <c r="GR21" s="73">
        <v>213</v>
      </c>
      <c r="GS21" s="123">
        <v>77</v>
      </c>
      <c r="GT21" s="82">
        <v>87</v>
      </c>
      <c r="GU21" s="83">
        <v>164</v>
      </c>
      <c r="GV21" s="241"/>
      <c r="GW21" s="82">
        <v>148</v>
      </c>
      <c r="GX21" s="82">
        <v>136</v>
      </c>
      <c r="GY21" s="82">
        <v>76</v>
      </c>
      <c r="GZ21" s="82">
        <v>71</v>
      </c>
      <c r="HA21" s="82">
        <v>51</v>
      </c>
      <c r="HB21" s="84">
        <v>482</v>
      </c>
      <c r="HC21" s="85">
        <v>646</v>
      </c>
      <c r="HD21" s="70">
        <v>3</v>
      </c>
      <c r="HE21" s="71">
        <v>5</v>
      </c>
      <c r="HF21" s="72">
        <v>8</v>
      </c>
      <c r="HG21" s="244"/>
      <c r="HH21" s="71">
        <v>7</v>
      </c>
      <c r="HI21" s="71">
        <v>7</v>
      </c>
      <c r="HJ21" s="71">
        <v>4</v>
      </c>
      <c r="HK21" s="71">
        <v>2</v>
      </c>
      <c r="HL21" s="71">
        <v>2</v>
      </c>
      <c r="HM21" s="72">
        <v>22</v>
      </c>
      <c r="HN21" s="73">
        <v>30</v>
      </c>
      <c r="HO21" s="70">
        <v>12</v>
      </c>
      <c r="HP21" s="71">
        <v>9</v>
      </c>
      <c r="HQ21" s="72">
        <v>21</v>
      </c>
      <c r="HR21" s="244"/>
      <c r="HS21" s="71">
        <v>11</v>
      </c>
      <c r="HT21" s="71">
        <v>17</v>
      </c>
      <c r="HU21" s="71">
        <v>7</v>
      </c>
      <c r="HV21" s="71">
        <v>5</v>
      </c>
      <c r="HW21" s="71">
        <v>3</v>
      </c>
      <c r="HX21" s="72">
        <v>43</v>
      </c>
      <c r="HY21" s="73">
        <v>64</v>
      </c>
      <c r="HZ21" s="70">
        <v>16</v>
      </c>
      <c r="IA21" s="71">
        <v>11</v>
      </c>
      <c r="IB21" s="72">
        <v>27</v>
      </c>
      <c r="IC21" s="244"/>
      <c r="ID21" s="71">
        <v>18</v>
      </c>
      <c r="IE21" s="71">
        <v>15</v>
      </c>
      <c r="IF21" s="71">
        <v>13</v>
      </c>
      <c r="IG21" s="71">
        <v>6</v>
      </c>
      <c r="IH21" s="71">
        <v>8</v>
      </c>
      <c r="II21" s="72">
        <v>60</v>
      </c>
      <c r="IJ21" s="73">
        <v>87</v>
      </c>
      <c r="IK21" s="70">
        <v>19</v>
      </c>
      <c r="IL21" s="71">
        <v>12</v>
      </c>
      <c r="IM21" s="72">
        <v>31</v>
      </c>
      <c r="IN21" s="244"/>
      <c r="IO21" s="71">
        <v>31</v>
      </c>
      <c r="IP21" s="71">
        <v>27</v>
      </c>
      <c r="IQ21" s="71">
        <v>15</v>
      </c>
      <c r="IR21" s="71">
        <v>14</v>
      </c>
      <c r="IS21" s="71">
        <v>9</v>
      </c>
      <c r="IT21" s="72">
        <v>96</v>
      </c>
      <c r="IU21" s="73">
        <v>127</v>
      </c>
      <c r="IV21" s="70">
        <v>16</v>
      </c>
      <c r="IW21" s="71">
        <v>31</v>
      </c>
      <c r="IX21" s="72">
        <v>47</v>
      </c>
      <c r="IY21" s="244"/>
      <c r="IZ21" s="71">
        <v>51</v>
      </c>
      <c r="JA21" s="71">
        <v>35</v>
      </c>
      <c r="JB21" s="71">
        <v>15</v>
      </c>
      <c r="JC21" s="71">
        <v>18</v>
      </c>
      <c r="JD21" s="71">
        <v>15</v>
      </c>
      <c r="JE21" s="72">
        <v>134</v>
      </c>
      <c r="JF21" s="73">
        <v>181</v>
      </c>
      <c r="JG21" s="70">
        <v>11</v>
      </c>
      <c r="JH21" s="71">
        <v>19</v>
      </c>
      <c r="JI21" s="72">
        <v>30</v>
      </c>
      <c r="JJ21" s="244"/>
      <c r="JK21" s="71">
        <v>30</v>
      </c>
      <c r="JL21" s="71">
        <v>35</v>
      </c>
      <c r="JM21" s="71">
        <v>22</v>
      </c>
      <c r="JN21" s="71">
        <v>26</v>
      </c>
      <c r="JO21" s="71">
        <v>14</v>
      </c>
      <c r="JP21" s="72">
        <v>127</v>
      </c>
      <c r="JQ21" s="73">
        <v>157</v>
      </c>
      <c r="JR21" s="70">
        <v>0</v>
      </c>
      <c r="JS21" s="71">
        <v>0</v>
      </c>
      <c r="JT21" s="72">
        <v>0</v>
      </c>
      <c r="JU21" s="244"/>
      <c r="JV21" s="71">
        <v>0</v>
      </c>
      <c r="JW21" s="71">
        <v>0</v>
      </c>
      <c r="JX21" s="71">
        <v>0</v>
      </c>
      <c r="JY21" s="71">
        <v>0</v>
      </c>
      <c r="JZ21" s="71">
        <v>0</v>
      </c>
      <c r="KA21" s="72">
        <v>0</v>
      </c>
      <c r="KB21" s="73">
        <v>0</v>
      </c>
      <c r="KC21" s="70">
        <v>77</v>
      </c>
      <c r="KD21" s="71">
        <v>87</v>
      </c>
      <c r="KE21" s="72">
        <v>164</v>
      </c>
      <c r="KF21" s="244"/>
      <c r="KG21" s="71">
        <v>148</v>
      </c>
      <c r="KH21" s="71">
        <v>136</v>
      </c>
      <c r="KI21" s="71">
        <v>76</v>
      </c>
      <c r="KJ21" s="71">
        <v>71</v>
      </c>
      <c r="KK21" s="71">
        <v>51</v>
      </c>
      <c r="KL21" s="72">
        <v>482</v>
      </c>
      <c r="KM21" s="73">
        <v>646</v>
      </c>
    </row>
    <row r="22" spans="2:299" ht="19.8" customHeight="1" x14ac:dyDescent="0.2">
      <c r="B22" s="126" t="s">
        <v>19</v>
      </c>
      <c r="C22" s="316">
        <v>23</v>
      </c>
      <c r="D22" s="82">
        <v>25</v>
      </c>
      <c r="E22" s="83">
        <v>48</v>
      </c>
      <c r="F22" s="241"/>
      <c r="G22" s="82">
        <v>42</v>
      </c>
      <c r="H22" s="82">
        <v>38</v>
      </c>
      <c r="I22" s="82">
        <v>23</v>
      </c>
      <c r="J22" s="82">
        <v>10</v>
      </c>
      <c r="K22" s="82">
        <v>13</v>
      </c>
      <c r="L22" s="84">
        <v>126</v>
      </c>
      <c r="M22" s="85">
        <v>174</v>
      </c>
      <c r="N22" s="86">
        <v>3</v>
      </c>
      <c r="O22" s="71">
        <v>0</v>
      </c>
      <c r="P22" s="72">
        <v>3</v>
      </c>
      <c r="Q22" s="244"/>
      <c r="R22" s="71">
        <v>2</v>
      </c>
      <c r="S22" s="71">
        <v>1</v>
      </c>
      <c r="T22" s="71">
        <v>1</v>
      </c>
      <c r="U22" s="71">
        <v>1</v>
      </c>
      <c r="V22" s="71">
        <v>0</v>
      </c>
      <c r="W22" s="72">
        <v>5</v>
      </c>
      <c r="X22" s="73">
        <v>8</v>
      </c>
      <c r="Y22" s="70">
        <v>0</v>
      </c>
      <c r="Z22" s="71">
        <v>1</v>
      </c>
      <c r="AA22" s="72">
        <v>1</v>
      </c>
      <c r="AB22" s="244"/>
      <c r="AC22" s="71">
        <v>4</v>
      </c>
      <c r="AD22" s="71">
        <v>7</v>
      </c>
      <c r="AE22" s="71">
        <v>3</v>
      </c>
      <c r="AF22" s="71">
        <v>2</v>
      </c>
      <c r="AG22" s="71">
        <v>0</v>
      </c>
      <c r="AH22" s="72">
        <v>16</v>
      </c>
      <c r="AI22" s="73">
        <v>17</v>
      </c>
      <c r="AJ22" s="86">
        <v>6</v>
      </c>
      <c r="AK22" s="71">
        <v>1</v>
      </c>
      <c r="AL22" s="72">
        <v>7</v>
      </c>
      <c r="AM22" s="244"/>
      <c r="AN22" s="71">
        <v>3</v>
      </c>
      <c r="AO22" s="71">
        <v>3</v>
      </c>
      <c r="AP22" s="71">
        <v>0</v>
      </c>
      <c r="AQ22" s="71">
        <v>3</v>
      </c>
      <c r="AR22" s="71">
        <v>0</v>
      </c>
      <c r="AS22" s="72">
        <v>9</v>
      </c>
      <c r="AT22" s="73">
        <v>16</v>
      </c>
      <c r="AU22" s="70">
        <v>4</v>
      </c>
      <c r="AV22" s="71">
        <v>6</v>
      </c>
      <c r="AW22" s="72">
        <v>10</v>
      </c>
      <c r="AX22" s="244"/>
      <c r="AY22" s="71">
        <v>9</v>
      </c>
      <c r="AZ22" s="71">
        <v>5</v>
      </c>
      <c r="BA22" s="71">
        <v>7</v>
      </c>
      <c r="BB22" s="71">
        <v>3</v>
      </c>
      <c r="BC22" s="71">
        <v>3</v>
      </c>
      <c r="BD22" s="72">
        <v>27</v>
      </c>
      <c r="BE22" s="73">
        <v>37</v>
      </c>
      <c r="BF22" s="86">
        <v>7</v>
      </c>
      <c r="BG22" s="71">
        <v>7</v>
      </c>
      <c r="BH22" s="72">
        <v>14</v>
      </c>
      <c r="BI22" s="244"/>
      <c r="BJ22" s="71">
        <v>10</v>
      </c>
      <c r="BK22" s="71">
        <v>10</v>
      </c>
      <c r="BL22" s="71">
        <v>4</v>
      </c>
      <c r="BM22" s="71">
        <v>1</v>
      </c>
      <c r="BN22" s="71">
        <v>4</v>
      </c>
      <c r="BO22" s="72">
        <v>29</v>
      </c>
      <c r="BP22" s="73">
        <v>43</v>
      </c>
      <c r="BQ22" s="70">
        <v>3</v>
      </c>
      <c r="BR22" s="71">
        <v>10</v>
      </c>
      <c r="BS22" s="72">
        <v>13</v>
      </c>
      <c r="BT22" s="244"/>
      <c r="BU22" s="71">
        <v>14</v>
      </c>
      <c r="BV22" s="71">
        <v>12</v>
      </c>
      <c r="BW22" s="71">
        <v>8</v>
      </c>
      <c r="BX22" s="71">
        <v>0</v>
      </c>
      <c r="BY22" s="71">
        <v>6</v>
      </c>
      <c r="BZ22" s="72">
        <v>40</v>
      </c>
      <c r="CA22" s="73">
        <v>53</v>
      </c>
      <c r="CB22" s="70">
        <v>0</v>
      </c>
      <c r="CC22" s="71">
        <v>0</v>
      </c>
      <c r="CD22" s="72">
        <v>0</v>
      </c>
      <c r="CE22" s="244"/>
      <c r="CF22" s="71">
        <v>0</v>
      </c>
      <c r="CG22" s="71">
        <v>0</v>
      </c>
      <c r="CH22" s="71">
        <v>0</v>
      </c>
      <c r="CI22" s="71">
        <v>0</v>
      </c>
      <c r="CJ22" s="71">
        <v>0</v>
      </c>
      <c r="CK22" s="72">
        <v>0</v>
      </c>
      <c r="CL22" s="73">
        <v>0</v>
      </c>
      <c r="CM22" s="70">
        <v>23</v>
      </c>
      <c r="CN22" s="71">
        <v>25</v>
      </c>
      <c r="CO22" s="72">
        <v>48</v>
      </c>
      <c r="CP22" s="244"/>
      <c r="CQ22" s="71">
        <v>42</v>
      </c>
      <c r="CR22" s="71">
        <v>38</v>
      </c>
      <c r="CS22" s="71">
        <v>23</v>
      </c>
      <c r="CT22" s="71">
        <v>10</v>
      </c>
      <c r="CU22" s="71">
        <v>13</v>
      </c>
      <c r="CV22" s="72">
        <v>126</v>
      </c>
      <c r="CW22" s="73">
        <v>174</v>
      </c>
      <c r="CX22" s="123">
        <v>7</v>
      </c>
      <c r="CY22" s="82">
        <v>10</v>
      </c>
      <c r="CZ22" s="83">
        <v>17</v>
      </c>
      <c r="DA22" s="241"/>
      <c r="DB22" s="82">
        <v>16</v>
      </c>
      <c r="DC22" s="82">
        <v>5</v>
      </c>
      <c r="DD22" s="82">
        <v>8</v>
      </c>
      <c r="DE22" s="82">
        <v>12</v>
      </c>
      <c r="DF22" s="82">
        <v>9</v>
      </c>
      <c r="DG22" s="84">
        <v>50</v>
      </c>
      <c r="DH22" s="85">
        <v>67</v>
      </c>
      <c r="DI22" s="86">
        <v>0</v>
      </c>
      <c r="DJ22" s="71">
        <v>0</v>
      </c>
      <c r="DK22" s="72">
        <v>0</v>
      </c>
      <c r="DL22" s="244"/>
      <c r="DM22" s="71">
        <v>1</v>
      </c>
      <c r="DN22" s="71">
        <v>0</v>
      </c>
      <c r="DO22" s="71">
        <v>1</v>
      </c>
      <c r="DP22" s="71">
        <v>0</v>
      </c>
      <c r="DQ22" s="71">
        <v>1</v>
      </c>
      <c r="DR22" s="72">
        <v>3</v>
      </c>
      <c r="DS22" s="73">
        <v>3</v>
      </c>
      <c r="DT22" s="70">
        <v>1</v>
      </c>
      <c r="DU22" s="71">
        <v>0</v>
      </c>
      <c r="DV22" s="72">
        <v>1</v>
      </c>
      <c r="DW22" s="244"/>
      <c r="DX22" s="71">
        <v>1</v>
      </c>
      <c r="DY22" s="71">
        <v>1</v>
      </c>
      <c r="DZ22" s="71">
        <v>0</v>
      </c>
      <c r="EA22" s="71">
        <v>0</v>
      </c>
      <c r="EB22" s="71">
        <v>0</v>
      </c>
      <c r="EC22" s="72">
        <v>2</v>
      </c>
      <c r="ED22" s="73">
        <v>3</v>
      </c>
      <c r="EE22" s="86">
        <v>2</v>
      </c>
      <c r="EF22" s="71">
        <v>2</v>
      </c>
      <c r="EG22" s="72">
        <v>4</v>
      </c>
      <c r="EH22" s="244"/>
      <c r="EI22" s="71">
        <v>2</v>
      </c>
      <c r="EJ22" s="71">
        <v>0</v>
      </c>
      <c r="EK22" s="71">
        <v>1</v>
      </c>
      <c r="EL22" s="71">
        <v>1</v>
      </c>
      <c r="EM22" s="71">
        <v>1</v>
      </c>
      <c r="EN22" s="72">
        <v>5</v>
      </c>
      <c r="EO22" s="73">
        <v>9</v>
      </c>
      <c r="EP22" s="70">
        <v>1</v>
      </c>
      <c r="EQ22" s="71">
        <v>3</v>
      </c>
      <c r="ER22" s="72">
        <v>4</v>
      </c>
      <c r="ES22" s="244"/>
      <c r="ET22" s="71">
        <v>5</v>
      </c>
      <c r="EU22" s="71">
        <v>1</v>
      </c>
      <c r="EV22" s="71">
        <v>0</v>
      </c>
      <c r="EW22" s="71">
        <v>3</v>
      </c>
      <c r="EX22" s="71">
        <v>2</v>
      </c>
      <c r="EY22" s="72">
        <v>11</v>
      </c>
      <c r="EZ22" s="73">
        <v>15</v>
      </c>
      <c r="FA22" s="86">
        <v>1</v>
      </c>
      <c r="FB22" s="71">
        <v>1</v>
      </c>
      <c r="FC22" s="72">
        <v>2</v>
      </c>
      <c r="FD22" s="244"/>
      <c r="FE22" s="71">
        <v>0</v>
      </c>
      <c r="FF22" s="71">
        <v>1</v>
      </c>
      <c r="FG22" s="71">
        <v>2</v>
      </c>
      <c r="FH22" s="71">
        <v>4</v>
      </c>
      <c r="FI22" s="71">
        <v>2</v>
      </c>
      <c r="FJ22" s="72">
        <v>9</v>
      </c>
      <c r="FK22" s="73">
        <v>11</v>
      </c>
      <c r="FL22" s="70">
        <v>2</v>
      </c>
      <c r="FM22" s="71">
        <v>4</v>
      </c>
      <c r="FN22" s="72">
        <v>6</v>
      </c>
      <c r="FO22" s="244"/>
      <c r="FP22" s="71">
        <v>7</v>
      </c>
      <c r="FQ22" s="71">
        <v>2</v>
      </c>
      <c r="FR22" s="71">
        <v>4</v>
      </c>
      <c r="FS22" s="71">
        <v>4</v>
      </c>
      <c r="FT22" s="71">
        <v>3</v>
      </c>
      <c r="FU22" s="72">
        <v>20</v>
      </c>
      <c r="FV22" s="73">
        <v>26</v>
      </c>
      <c r="FW22" s="70">
        <v>0</v>
      </c>
      <c r="FX22" s="71">
        <v>0</v>
      </c>
      <c r="FY22" s="72">
        <v>0</v>
      </c>
      <c r="FZ22" s="244"/>
      <c r="GA22" s="71">
        <v>0</v>
      </c>
      <c r="GB22" s="71">
        <v>0</v>
      </c>
      <c r="GC22" s="71">
        <v>0</v>
      </c>
      <c r="GD22" s="71">
        <v>0</v>
      </c>
      <c r="GE22" s="71">
        <v>0</v>
      </c>
      <c r="GF22" s="72">
        <v>0</v>
      </c>
      <c r="GG22" s="73">
        <v>0</v>
      </c>
      <c r="GH22" s="70">
        <v>7</v>
      </c>
      <c r="GI22" s="71">
        <v>10</v>
      </c>
      <c r="GJ22" s="72">
        <v>17</v>
      </c>
      <c r="GK22" s="244"/>
      <c r="GL22" s="71">
        <v>16</v>
      </c>
      <c r="GM22" s="71">
        <v>5</v>
      </c>
      <c r="GN22" s="71">
        <v>8</v>
      </c>
      <c r="GO22" s="71">
        <v>12</v>
      </c>
      <c r="GP22" s="71">
        <v>9</v>
      </c>
      <c r="GQ22" s="72">
        <v>50</v>
      </c>
      <c r="GR22" s="73">
        <v>67</v>
      </c>
      <c r="GS22" s="123">
        <v>30</v>
      </c>
      <c r="GT22" s="82">
        <v>35</v>
      </c>
      <c r="GU22" s="83">
        <v>65</v>
      </c>
      <c r="GV22" s="241"/>
      <c r="GW22" s="82">
        <v>58</v>
      </c>
      <c r="GX22" s="82">
        <v>43</v>
      </c>
      <c r="GY22" s="82">
        <v>31</v>
      </c>
      <c r="GZ22" s="82">
        <v>22</v>
      </c>
      <c r="HA22" s="82">
        <v>22</v>
      </c>
      <c r="HB22" s="84">
        <v>176</v>
      </c>
      <c r="HC22" s="85">
        <v>241</v>
      </c>
      <c r="HD22" s="86">
        <v>3</v>
      </c>
      <c r="HE22" s="71">
        <v>0</v>
      </c>
      <c r="HF22" s="72">
        <v>3</v>
      </c>
      <c r="HG22" s="244"/>
      <c r="HH22" s="71">
        <v>3</v>
      </c>
      <c r="HI22" s="71">
        <v>1</v>
      </c>
      <c r="HJ22" s="71">
        <v>2</v>
      </c>
      <c r="HK22" s="71">
        <v>1</v>
      </c>
      <c r="HL22" s="71">
        <v>1</v>
      </c>
      <c r="HM22" s="72">
        <v>8</v>
      </c>
      <c r="HN22" s="73">
        <v>11</v>
      </c>
      <c r="HO22" s="70">
        <v>1</v>
      </c>
      <c r="HP22" s="71">
        <v>1</v>
      </c>
      <c r="HQ22" s="72">
        <v>2</v>
      </c>
      <c r="HR22" s="244"/>
      <c r="HS22" s="71">
        <v>5</v>
      </c>
      <c r="HT22" s="71">
        <v>8</v>
      </c>
      <c r="HU22" s="71">
        <v>3</v>
      </c>
      <c r="HV22" s="71">
        <v>2</v>
      </c>
      <c r="HW22" s="71">
        <v>0</v>
      </c>
      <c r="HX22" s="72">
        <v>18</v>
      </c>
      <c r="HY22" s="73">
        <v>20</v>
      </c>
      <c r="HZ22" s="86">
        <v>8</v>
      </c>
      <c r="IA22" s="71">
        <v>3</v>
      </c>
      <c r="IB22" s="72">
        <v>11</v>
      </c>
      <c r="IC22" s="244"/>
      <c r="ID22" s="71">
        <v>5</v>
      </c>
      <c r="IE22" s="71">
        <v>3</v>
      </c>
      <c r="IF22" s="71">
        <v>1</v>
      </c>
      <c r="IG22" s="71">
        <v>4</v>
      </c>
      <c r="IH22" s="71">
        <v>1</v>
      </c>
      <c r="II22" s="72">
        <v>14</v>
      </c>
      <c r="IJ22" s="73">
        <v>25</v>
      </c>
      <c r="IK22" s="70">
        <v>5</v>
      </c>
      <c r="IL22" s="71">
        <v>9</v>
      </c>
      <c r="IM22" s="72">
        <v>14</v>
      </c>
      <c r="IN22" s="244"/>
      <c r="IO22" s="71">
        <v>14</v>
      </c>
      <c r="IP22" s="71">
        <v>6</v>
      </c>
      <c r="IQ22" s="71">
        <v>7</v>
      </c>
      <c r="IR22" s="71">
        <v>6</v>
      </c>
      <c r="IS22" s="71">
        <v>5</v>
      </c>
      <c r="IT22" s="72">
        <v>38</v>
      </c>
      <c r="IU22" s="73">
        <v>52</v>
      </c>
      <c r="IV22" s="86">
        <v>8</v>
      </c>
      <c r="IW22" s="71">
        <v>8</v>
      </c>
      <c r="IX22" s="72">
        <v>16</v>
      </c>
      <c r="IY22" s="244"/>
      <c r="IZ22" s="71">
        <v>10</v>
      </c>
      <c r="JA22" s="71">
        <v>11</v>
      </c>
      <c r="JB22" s="71">
        <v>6</v>
      </c>
      <c r="JC22" s="71">
        <v>5</v>
      </c>
      <c r="JD22" s="71">
        <v>6</v>
      </c>
      <c r="JE22" s="72">
        <v>38</v>
      </c>
      <c r="JF22" s="73">
        <v>54</v>
      </c>
      <c r="JG22" s="70">
        <v>5</v>
      </c>
      <c r="JH22" s="71">
        <v>14</v>
      </c>
      <c r="JI22" s="72">
        <v>19</v>
      </c>
      <c r="JJ22" s="244"/>
      <c r="JK22" s="71">
        <v>21</v>
      </c>
      <c r="JL22" s="71">
        <v>14</v>
      </c>
      <c r="JM22" s="71">
        <v>12</v>
      </c>
      <c r="JN22" s="71">
        <v>4</v>
      </c>
      <c r="JO22" s="71">
        <v>9</v>
      </c>
      <c r="JP22" s="72">
        <v>60</v>
      </c>
      <c r="JQ22" s="73">
        <v>79</v>
      </c>
      <c r="JR22" s="70">
        <v>0</v>
      </c>
      <c r="JS22" s="71">
        <v>0</v>
      </c>
      <c r="JT22" s="72">
        <v>0</v>
      </c>
      <c r="JU22" s="244"/>
      <c r="JV22" s="71">
        <v>0</v>
      </c>
      <c r="JW22" s="71">
        <v>0</v>
      </c>
      <c r="JX22" s="71">
        <v>0</v>
      </c>
      <c r="JY22" s="71">
        <v>0</v>
      </c>
      <c r="JZ22" s="71">
        <v>0</v>
      </c>
      <c r="KA22" s="72">
        <v>0</v>
      </c>
      <c r="KB22" s="73">
        <v>0</v>
      </c>
      <c r="KC22" s="70">
        <v>30</v>
      </c>
      <c r="KD22" s="71">
        <v>35</v>
      </c>
      <c r="KE22" s="72">
        <v>65</v>
      </c>
      <c r="KF22" s="244"/>
      <c r="KG22" s="71">
        <v>58</v>
      </c>
      <c r="KH22" s="71">
        <v>43</v>
      </c>
      <c r="KI22" s="71">
        <v>31</v>
      </c>
      <c r="KJ22" s="71">
        <v>22</v>
      </c>
      <c r="KK22" s="71">
        <v>22</v>
      </c>
      <c r="KL22" s="72">
        <v>176</v>
      </c>
      <c r="KM22" s="73">
        <v>241</v>
      </c>
    </row>
    <row r="23" spans="2:299" ht="19.8" customHeight="1" x14ac:dyDescent="0.2">
      <c r="B23" s="126" t="s">
        <v>20</v>
      </c>
      <c r="C23" s="316">
        <v>31</v>
      </c>
      <c r="D23" s="82">
        <v>43</v>
      </c>
      <c r="E23" s="83">
        <v>74</v>
      </c>
      <c r="F23" s="241"/>
      <c r="G23" s="82">
        <v>61</v>
      </c>
      <c r="H23" s="82">
        <v>43</v>
      </c>
      <c r="I23" s="82">
        <v>34</v>
      </c>
      <c r="J23" s="82">
        <v>17</v>
      </c>
      <c r="K23" s="82">
        <v>13</v>
      </c>
      <c r="L23" s="84">
        <v>168</v>
      </c>
      <c r="M23" s="85">
        <v>242</v>
      </c>
      <c r="N23" s="70">
        <v>1</v>
      </c>
      <c r="O23" s="71">
        <v>2</v>
      </c>
      <c r="P23" s="72">
        <v>3</v>
      </c>
      <c r="Q23" s="244"/>
      <c r="R23" s="71">
        <v>3</v>
      </c>
      <c r="S23" s="71">
        <v>1</v>
      </c>
      <c r="T23" s="71">
        <v>1</v>
      </c>
      <c r="U23" s="71">
        <v>1</v>
      </c>
      <c r="V23" s="71">
        <v>0</v>
      </c>
      <c r="W23" s="72">
        <v>6</v>
      </c>
      <c r="X23" s="73">
        <v>9</v>
      </c>
      <c r="Y23" s="70">
        <v>5</v>
      </c>
      <c r="Z23" s="71">
        <v>2</v>
      </c>
      <c r="AA23" s="72">
        <v>7</v>
      </c>
      <c r="AB23" s="244"/>
      <c r="AC23" s="71">
        <v>12</v>
      </c>
      <c r="AD23" s="71">
        <v>3</v>
      </c>
      <c r="AE23" s="71">
        <v>5</v>
      </c>
      <c r="AF23" s="71">
        <v>1</v>
      </c>
      <c r="AG23" s="71">
        <v>1</v>
      </c>
      <c r="AH23" s="72">
        <v>22</v>
      </c>
      <c r="AI23" s="73">
        <v>29</v>
      </c>
      <c r="AJ23" s="70">
        <v>6</v>
      </c>
      <c r="AK23" s="71">
        <v>7</v>
      </c>
      <c r="AL23" s="72">
        <v>13</v>
      </c>
      <c r="AM23" s="244"/>
      <c r="AN23" s="71">
        <v>8</v>
      </c>
      <c r="AO23" s="71">
        <v>10</v>
      </c>
      <c r="AP23" s="71">
        <v>5</v>
      </c>
      <c r="AQ23" s="71">
        <v>3</v>
      </c>
      <c r="AR23" s="71">
        <v>2</v>
      </c>
      <c r="AS23" s="72">
        <v>28</v>
      </c>
      <c r="AT23" s="73">
        <v>41</v>
      </c>
      <c r="AU23" s="70">
        <v>5</v>
      </c>
      <c r="AV23" s="71">
        <v>17</v>
      </c>
      <c r="AW23" s="72">
        <v>22</v>
      </c>
      <c r="AX23" s="244"/>
      <c r="AY23" s="71">
        <v>18</v>
      </c>
      <c r="AZ23" s="71">
        <v>15</v>
      </c>
      <c r="BA23" s="71">
        <v>10</v>
      </c>
      <c r="BB23" s="71">
        <v>5</v>
      </c>
      <c r="BC23" s="71">
        <v>6</v>
      </c>
      <c r="BD23" s="72">
        <v>54</v>
      </c>
      <c r="BE23" s="73">
        <v>76</v>
      </c>
      <c r="BF23" s="70">
        <v>6</v>
      </c>
      <c r="BG23" s="71">
        <v>10</v>
      </c>
      <c r="BH23" s="72">
        <v>16</v>
      </c>
      <c r="BI23" s="244"/>
      <c r="BJ23" s="71">
        <v>14</v>
      </c>
      <c r="BK23" s="71">
        <v>6</v>
      </c>
      <c r="BL23" s="71">
        <v>5</v>
      </c>
      <c r="BM23" s="71">
        <v>5</v>
      </c>
      <c r="BN23" s="71">
        <v>1</v>
      </c>
      <c r="BO23" s="72">
        <v>31</v>
      </c>
      <c r="BP23" s="73">
        <v>47</v>
      </c>
      <c r="BQ23" s="70">
        <v>8</v>
      </c>
      <c r="BR23" s="71">
        <v>5</v>
      </c>
      <c r="BS23" s="72">
        <v>13</v>
      </c>
      <c r="BT23" s="244"/>
      <c r="BU23" s="71">
        <v>6</v>
      </c>
      <c r="BV23" s="71">
        <v>8</v>
      </c>
      <c r="BW23" s="71">
        <v>8</v>
      </c>
      <c r="BX23" s="71">
        <v>2</v>
      </c>
      <c r="BY23" s="71">
        <v>3</v>
      </c>
      <c r="BZ23" s="72">
        <v>27</v>
      </c>
      <c r="CA23" s="73">
        <v>40</v>
      </c>
      <c r="CB23" s="70">
        <v>0</v>
      </c>
      <c r="CC23" s="71">
        <v>0</v>
      </c>
      <c r="CD23" s="72">
        <v>0</v>
      </c>
      <c r="CE23" s="244"/>
      <c r="CF23" s="71">
        <v>0</v>
      </c>
      <c r="CG23" s="71">
        <v>0</v>
      </c>
      <c r="CH23" s="71">
        <v>0</v>
      </c>
      <c r="CI23" s="71">
        <v>0</v>
      </c>
      <c r="CJ23" s="71">
        <v>0</v>
      </c>
      <c r="CK23" s="72">
        <v>0</v>
      </c>
      <c r="CL23" s="73">
        <v>0</v>
      </c>
      <c r="CM23" s="70">
        <v>31</v>
      </c>
      <c r="CN23" s="71">
        <v>43</v>
      </c>
      <c r="CO23" s="72">
        <v>74</v>
      </c>
      <c r="CP23" s="244"/>
      <c r="CQ23" s="71">
        <v>61</v>
      </c>
      <c r="CR23" s="71">
        <v>43</v>
      </c>
      <c r="CS23" s="71">
        <v>34</v>
      </c>
      <c r="CT23" s="71">
        <v>17</v>
      </c>
      <c r="CU23" s="71">
        <v>13</v>
      </c>
      <c r="CV23" s="72">
        <v>168</v>
      </c>
      <c r="CW23" s="73">
        <v>242</v>
      </c>
      <c r="CX23" s="123">
        <v>12</v>
      </c>
      <c r="CY23" s="82">
        <v>23</v>
      </c>
      <c r="CZ23" s="83">
        <v>35</v>
      </c>
      <c r="DA23" s="241"/>
      <c r="DB23" s="82">
        <v>23</v>
      </c>
      <c r="DC23" s="82">
        <v>14</v>
      </c>
      <c r="DD23" s="82">
        <v>9</v>
      </c>
      <c r="DE23" s="82">
        <v>12</v>
      </c>
      <c r="DF23" s="82">
        <v>5</v>
      </c>
      <c r="DG23" s="84">
        <v>63</v>
      </c>
      <c r="DH23" s="85">
        <v>98</v>
      </c>
      <c r="DI23" s="70">
        <v>1</v>
      </c>
      <c r="DJ23" s="71">
        <v>0</v>
      </c>
      <c r="DK23" s="72">
        <v>1</v>
      </c>
      <c r="DL23" s="244"/>
      <c r="DM23" s="71">
        <v>0</v>
      </c>
      <c r="DN23" s="71">
        <v>0</v>
      </c>
      <c r="DO23" s="71">
        <v>0</v>
      </c>
      <c r="DP23" s="71">
        <v>0</v>
      </c>
      <c r="DQ23" s="71">
        <v>0</v>
      </c>
      <c r="DR23" s="72">
        <v>0</v>
      </c>
      <c r="DS23" s="73">
        <v>1</v>
      </c>
      <c r="DT23" s="70">
        <v>0</v>
      </c>
      <c r="DU23" s="71">
        <v>1</v>
      </c>
      <c r="DV23" s="72">
        <v>1</v>
      </c>
      <c r="DW23" s="244"/>
      <c r="DX23" s="71">
        <v>1</v>
      </c>
      <c r="DY23" s="71">
        <v>1</v>
      </c>
      <c r="DZ23" s="71">
        <v>1</v>
      </c>
      <c r="EA23" s="71">
        <v>0</v>
      </c>
      <c r="EB23" s="71">
        <v>0</v>
      </c>
      <c r="EC23" s="72">
        <v>3</v>
      </c>
      <c r="ED23" s="73">
        <v>4</v>
      </c>
      <c r="EE23" s="70">
        <v>3</v>
      </c>
      <c r="EF23" s="71">
        <v>2</v>
      </c>
      <c r="EG23" s="72">
        <v>5</v>
      </c>
      <c r="EH23" s="244"/>
      <c r="EI23" s="71">
        <v>2</v>
      </c>
      <c r="EJ23" s="71">
        <v>2</v>
      </c>
      <c r="EK23" s="71">
        <v>1</v>
      </c>
      <c r="EL23" s="71">
        <v>0</v>
      </c>
      <c r="EM23" s="71">
        <v>1</v>
      </c>
      <c r="EN23" s="72">
        <v>6</v>
      </c>
      <c r="EO23" s="73">
        <v>11</v>
      </c>
      <c r="EP23" s="70">
        <v>2</v>
      </c>
      <c r="EQ23" s="71">
        <v>6</v>
      </c>
      <c r="ER23" s="72">
        <v>8</v>
      </c>
      <c r="ES23" s="244"/>
      <c r="ET23" s="71">
        <v>6</v>
      </c>
      <c r="EU23" s="71">
        <v>3</v>
      </c>
      <c r="EV23" s="71">
        <v>0</v>
      </c>
      <c r="EW23" s="71">
        <v>1</v>
      </c>
      <c r="EX23" s="71">
        <v>2</v>
      </c>
      <c r="EY23" s="72">
        <v>12</v>
      </c>
      <c r="EZ23" s="73">
        <v>20</v>
      </c>
      <c r="FA23" s="70">
        <v>3</v>
      </c>
      <c r="FB23" s="71">
        <v>7</v>
      </c>
      <c r="FC23" s="72">
        <v>10</v>
      </c>
      <c r="FD23" s="244"/>
      <c r="FE23" s="71">
        <v>6</v>
      </c>
      <c r="FF23" s="71">
        <v>3</v>
      </c>
      <c r="FG23" s="71">
        <v>4</v>
      </c>
      <c r="FH23" s="71">
        <v>3</v>
      </c>
      <c r="FI23" s="71">
        <v>0</v>
      </c>
      <c r="FJ23" s="72">
        <v>16</v>
      </c>
      <c r="FK23" s="73">
        <v>26</v>
      </c>
      <c r="FL23" s="70">
        <v>3</v>
      </c>
      <c r="FM23" s="71">
        <v>7</v>
      </c>
      <c r="FN23" s="72">
        <v>10</v>
      </c>
      <c r="FO23" s="244"/>
      <c r="FP23" s="71">
        <v>8</v>
      </c>
      <c r="FQ23" s="71">
        <v>5</v>
      </c>
      <c r="FR23" s="71">
        <v>3</v>
      </c>
      <c r="FS23" s="71">
        <v>8</v>
      </c>
      <c r="FT23" s="71">
        <v>2</v>
      </c>
      <c r="FU23" s="72">
        <v>26</v>
      </c>
      <c r="FV23" s="73">
        <v>36</v>
      </c>
      <c r="FW23" s="70">
        <v>0</v>
      </c>
      <c r="FX23" s="71">
        <v>0</v>
      </c>
      <c r="FY23" s="72">
        <v>0</v>
      </c>
      <c r="FZ23" s="244"/>
      <c r="GA23" s="71">
        <v>0</v>
      </c>
      <c r="GB23" s="71">
        <v>0</v>
      </c>
      <c r="GC23" s="71">
        <v>0</v>
      </c>
      <c r="GD23" s="71">
        <v>0</v>
      </c>
      <c r="GE23" s="71">
        <v>0</v>
      </c>
      <c r="GF23" s="72">
        <v>0</v>
      </c>
      <c r="GG23" s="73">
        <v>0</v>
      </c>
      <c r="GH23" s="70">
        <v>12</v>
      </c>
      <c r="GI23" s="71">
        <v>23</v>
      </c>
      <c r="GJ23" s="72">
        <v>35</v>
      </c>
      <c r="GK23" s="244"/>
      <c r="GL23" s="71">
        <v>23</v>
      </c>
      <c r="GM23" s="71">
        <v>14</v>
      </c>
      <c r="GN23" s="71">
        <v>9</v>
      </c>
      <c r="GO23" s="71">
        <v>12</v>
      </c>
      <c r="GP23" s="71">
        <v>5</v>
      </c>
      <c r="GQ23" s="72">
        <v>63</v>
      </c>
      <c r="GR23" s="73">
        <v>98</v>
      </c>
      <c r="GS23" s="123">
        <v>43</v>
      </c>
      <c r="GT23" s="82">
        <v>66</v>
      </c>
      <c r="GU23" s="83">
        <v>109</v>
      </c>
      <c r="GV23" s="241"/>
      <c r="GW23" s="82">
        <v>84</v>
      </c>
      <c r="GX23" s="82">
        <v>57</v>
      </c>
      <c r="GY23" s="82">
        <v>43</v>
      </c>
      <c r="GZ23" s="82">
        <v>29</v>
      </c>
      <c r="HA23" s="82">
        <v>18</v>
      </c>
      <c r="HB23" s="84">
        <v>231</v>
      </c>
      <c r="HC23" s="85">
        <v>340</v>
      </c>
      <c r="HD23" s="70">
        <v>2</v>
      </c>
      <c r="HE23" s="71">
        <v>2</v>
      </c>
      <c r="HF23" s="72">
        <v>4</v>
      </c>
      <c r="HG23" s="244"/>
      <c r="HH23" s="71">
        <v>3</v>
      </c>
      <c r="HI23" s="71">
        <v>1</v>
      </c>
      <c r="HJ23" s="71">
        <v>1</v>
      </c>
      <c r="HK23" s="71">
        <v>1</v>
      </c>
      <c r="HL23" s="71">
        <v>0</v>
      </c>
      <c r="HM23" s="72">
        <v>6</v>
      </c>
      <c r="HN23" s="73">
        <v>10</v>
      </c>
      <c r="HO23" s="70">
        <v>5</v>
      </c>
      <c r="HP23" s="71">
        <v>3</v>
      </c>
      <c r="HQ23" s="72">
        <v>8</v>
      </c>
      <c r="HR23" s="244"/>
      <c r="HS23" s="71">
        <v>13</v>
      </c>
      <c r="HT23" s="71">
        <v>4</v>
      </c>
      <c r="HU23" s="71">
        <v>6</v>
      </c>
      <c r="HV23" s="71">
        <v>1</v>
      </c>
      <c r="HW23" s="71">
        <v>1</v>
      </c>
      <c r="HX23" s="72">
        <v>25</v>
      </c>
      <c r="HY23" s="73">
        <v>33</v>
      </c>
      <c r="HZ23" s="70">
        <v>9</v>
      </c>
      <c r="IA23" s="71">
        <v>9</v>
      </c>
      <c r="IB23" s="72">
        <v>18</v>
      </c>
      <c r="IC23" s="244"/>
      <c r="ID23" s="71">
        <v>10</v>
      </c>
      <c r="IE23" s="71">
        <v>12</v>
      </c>
      <c r="IF23" s="71">
        <v>6</v>
      </c>
      <c r="IG23" s="71">
        <v>3</v>
      </c>
      <c r="IH23" s="71">
        <v>3</v>
      </c>
      <c r="II23" s="72">
        <v>34</v>
      </c>
      <c r="IJ23" s="73">
        <v>52</v>
      </c>
      <c r="IK23" s="70">
        <v>7</v>
      </c>
      <c r="IL23" s="71">
        <v>23</v>
      </c>
      <c r="IM23" s="72">
        <v>30</v>
      </c>
      <c r="IN23" s="244"/>
      <c r="IO23" s="71">
        <v>24</v>
      </c>
      <c r="IP23" s="71">
        <v>18</v>
      </c>
      <c r="IQ23" s="71">
        <v>10</v>
      </c>
      <c r="IR23" s="71">
        <v>6</v>
      </c>
      <c r="IS23" s="71">
        <v>8</v>
      </c>
      <c r="IT23" s="72">
        <v>66</v>
      </c>
      <c r="IU23" s="73">
        <v>96</v>
      </c>
      <c r="IV23" s="70">
        <v>9</v>
      </c>
      <c r="IW23" s="71">
        <v>17</v>
      </c>
      <c r="IX23" s="72">
        <v>26</v>
      </c>
      <c r="IY23" s="244"/>
      <c r="IZ23" s="71">
        <v>20</v>
      </c>
      <c r="JA23" s="71">
        <v>9</v>
      </c>
      <c r="JB23" s="71">
        <v>9</v>
      </c>
      <c r="JC23" s="71">
        <v>8</v>
      </c>
      <c r="JD23" s="71">
        <v>1</v>
      </c>
      <c r="JE23" s="72">
        <v>47</v>
      </c>
      <c r="JF23" s="73">
        <v>73</v>
      </c>
      <c r="JG23" s="70">
        <v>11</v>
      </c>
      <c r="JH23" s="71">
        <v>12</v>
      </c>
      <c r="JI23" s="72">
        <v>23</v>
      </c>
      <c r="JJ23" s="244"/>
      <c r="JK23" s="71">
        <v>14</v>
      </c>
      <c r="JL23" s="71">
        <v>13</v>
      </c>
      <c r="JM23" s="71">
        <v>11</v>
      </c>
      <c r="JN23" s="71">
        <v>10</v>
      </c>
      <c r="JO23" s="71">
        <v>5</v>
      </c>
      <c r="JP23" s="72">
        <v>53</v>
      </c>
      <c r="JQ23" s="73">
        <v>76</v>
      </c>
      <c r="JR23" s="70">
        <v>0</v>
      </c>
      <c r="JS23" s="71">
        <v>0</v>
      </c>
      <c r="JT23" s="72">
        <v>0</v>
      </c>
      <c r="JU23" s="244"/>
      <c r="JV23" s="71">
        <v>0</v>
      </c>
      <c r="JW23" s="71">
        <v>0</v>
      </c>
      <c r="JX23" s="71">
        <v>0</v>
      </c>
      <c r="JY23" s="71">
        <v>0</v>
      </c>
      <c r="JZ23" s="71">
        <v>0</v>
      </c>
      <c r="KA23" s="72">
        <v>0</v>
      </c>
      <c r="KB23" s="73">
        <v>0</v>
      </c>
      <c r="KC23" s="70">
        <v>43</v>
      </c>
      <c r="KD23" s="71">
        <v>66</v>
      </c>
      <c r="KE23" s="72">
        <v>109</v>
      </c>
      <c r="KF23" s="244"/>
      <c r="KG23" s="71">
        <v>84</v>
      </c>
      <c r="KH23" s="71">
        <v>57</v>
      </c>
      <c r="KI23" s="71">
        <v>43</v>
      </c>
      <c r="KJ23" s="71">
        <v>29</v>
      </c>
      <c r="KK23" s="71">
        <v>18</v>
      </c>
      <c r="KL23" s="72">
        <v>231</v>
      </c>
      <c r="KM23" s="73">
        <v>340</v>
      </c>
    </row>
    <row r="24" spans="2:299" ht="19.8" customHeight="1" x14ac:dyDescent="0.2">
      <c r="B24" s="126" t="s">
        <v>21</v>
      </c>
      <c r="C24" s="316">
        <v>34</v>
      </c>
      <c r="D24" s="82">
        <v>19</v>
      </c>
      <c r="E24" s="83">
        <v>53</v>
      </c>
      <c r="F24" s="241"/>
      <c r="G24" s="82">
        <v>53</v>
      </c>
      <c r="H24" s="82">
        <v>39</v>
      </c>
      <c r="I24" s="82">
        <v>19</v>
      </c>
      <c r="J24" s="82">
        <v>22</v>
      </c>
      <c r="K24" s="82">
        <v>13</v>
      </c>
      <c r="L24" s="84">
        <v>146</v>
      </c>
      <c r="M24" s="85">
        <v>199</v>
      </c>
      <c r="N24" s="70">
        <v>2</v>
      </c>
      <c r="O24" s="71">
        <v>1</v>
      </c>
      <c r="P24" s="72">
        <v>3</v>
      </c>
      <c r="Q24" s="244"/>
      <c r="R24" s="71">
        <v>2</v>
      </c>
      <c r="S24" s="71">
        <v>2</v>
      </c>
      <c r="T24" s="71">
        <v>1</v>
      </c>
      <c r="U24" s="71">
        <v>1</v>
      </c>
      <c r="V24" s="71">
        <v>2</v>
      </c>
      <c r="W24" s="72">
        <v>8</v>
      </c>
      <c r="X24" s="73">
        <v>11</v>
      </c>
      <c r="Y24" s="70">
        <v>2</v>
      </c>
      <c r="Z24" s="71">
        <v>2</v>
      </c>
      <c r="AA24" s="72">
        <v>4</v>
      </c>
      <c r="AB24" s="244"/>
      <c r="AC24" s="71">
        <v>5</v>
      </c>
      <c r="AD24" s="71">
        <v>3</v>
      </c>
      <c r="AE24" s="71">
        <v>2</v>
      </c>
      <c r="AF24" s="71">
        <v>2</v>
      </c>
      <c r="AG24" s="71">
        <v>2</v>
      </c>
      <c r="AH24" s="72">
        <v>14</v>
      </c>
      <c r="AI24" s="73">
        <v>18</v>
      </c>
      <c r="AJ24" s="70">
        <v>4</v>
      </c>
      <c r="AK24" s="71">
        <v>2</v>
      </c>
      <c r="AL24" s="72">
        <v>6</v>
      </c>
      <c r="AM24" s="244"/>
      <c r="AN24" s="71">
        <v>8</v>
      </c>
      <c r="AO24" s="71">
        <v>8</v>
      </c>
      <c r="AP24" s="71">
        <v>2</v>
      </c>
      <c r="AQ24" s="71">
        <v>5</v>
      </c>
      <c r="AR24" s="71">
        <v>0</v>
      </c>
      <c r="AS24" s="72">
        <v>23</v>
      </c>
      <c r="AT24" s="73">
        <v>29</v>
      </c>
      <c r="AU24" s="70">
        <v>8</v>
      </c>
      <c r="AV24" s="71">
        <v>6</v>
      </c>
      <c r="AW24" s="72">
        <v>14</v>
      </c>
      <c r="AX24" s="244"/>
      <c r="AY24" s="71">
        <v>12</v>
      </c>
      <c r="AZ24" s="71">
        <v>7</v>
      </c>
      <c r="BA24" s="71">
        <v>2</v>
      </c>
      <c r="BB24" s="71">
        <v>2</v>
      </c>
      <c r="BC24" s="71">
        <v>3</v>
      </c>
      <c r="BD24" s="72">
        <v>26</v>
      </c>
      <c r="BE24" s="73">
        <v>40</v>
      </c>
      <c r="BF24" s="70">
        <v>11</v>
      </c>
      <c r="BG24" s="71">
        <v>4</v>
      </c>
      <c r="BH24" s="72">
        <v>15</v>
      </c>
      <c r="BI24" s="244"/>
      <c r="BJ24" s="71">
        <v>20</v>
      </c>
      <c r="BK24" s="71">
        <v>10</v>
      </c>
      <c r="BL24" s="71">
        <v>9</v>
      </c>
      <c r="BM24" s="71">
        <v>5</v>
      </c>
      <c r="BN24" s="71">
        <v>3</v>
      </c>
      <c r="BO24" s="72">
        <v>47</v>
      </c>
      <c r="BP24" s="73">
        <v>62</v>
      </c>
      <c r="BQ24" s="70">
        <v>7</v>
      </c>
      <c r="BR24" s="71">
        <v>4</v>
      </c>
      <c r="BS24" s="72">
        <v>11</v>
      </c>
      <c r="BT24" s="244"/>
      <c r="BU24" s="71">
        <v>6</v>
      </c>
      <c r="BV24" s="71">
        <v>9</v>
      </c>
      <c r="BW24" s="71">
        <v>3</v>
      </c>
      <c r="BX24" s="71">
        <v>7</v>
      </c>
      <c r="BY24" s="71">
        <v>3</v>
      </c>
      <c r="BZ24" s="72">
        <v>28</v>
      </c>
      <c r="CA24" s="73">
        <v>39</v>
      </c>
      <c r="CB24" s="70">
        <v>0</v>
      </c>
      <c r="CC24" s="71">
        <v>0</v>
      </c>
      <c r="CD24" s="72">
        <v>0</v>
      </c>
      <c r="CE24" s="244"/>
      <c r="CF24" s="71">
        <v>0</v>
      </c>
      <c r="CG24" s="71">
        <v>0</v>
      </c>
      <c r="CH24" s="71">
        <v>0</v>
      </c>
      <c r="CI24" s="71">
        <v>0</v>
      </c>
      <c r="CJ24" s="71">
        <v>0</v>
      </c>
      <c r="CK24" s="72">
        <v>0</v>
      </c>
      <c r="CL24" s="73">
        <v>0</v>
      </c>
      <c r="CM24" s="70">
        <v>34</v>
      </c>
      <c r="CN24" s="71">
        <v>19</v>
      </c>
      <c r="CO24" s="72">
        <v>53</v>
      </c>
      <c r="CP24" s="244"/>
      <c r="CQ24" s="71">
        <v>53</v>
      </c>
      <c r="CR24" s="71">
        <v>39</v>
      </c>
      <c r="CS24" s="71">
        <v>19</v>
      </c>
      <c r="CT24" s="71">
        <v>22</v>
      </c>
      <c r="CU24" s="71">
        <v>13</v>
      </c>
      <c r="CV24" s="72">
        <v>146</v>
      </c>
      <c r="CW24" s="73">
        <v>199</v>
      </c>
      <c r="CX24" s="123">
        <v>14</v>
      </c>
      <c r="CY24" s="82">
        <v>10</v>
      </c>
      <c r="CZ24" s="83">
        <v>24</v>
      </c>
      <c r="DA24" s="241"/>
      <c r="DB24" s="82">
        <v>12</v>
      </c>
      <c r="DC24" s="82">
        <v>17</v>
      </c>
      <c r="DD24" s="82">
        <v>13</v>
      </c>
      <c r="DE24" s="82">
        <v>7</v>
      </c>
      <c r="DF24" s="82">
        <v>7</v>
      </c>
      <c r="DG24" s="84">
        <v>56</v>
      </c>
      <c r="DH24" s="85">
        <v>80</v>
      </c>
      <c r="DI24" s="70">
        <v>0</v>
      </c>
      <c r="DJ24" s="71">
        <v>0</v>
      </c>
      <c r="DK24" s="72">
        <v>0</v>
      </c>
      <c r="DL24" s="244"/>
      <c r="DM24" s="71">
        <v>0</v>
      </c>
      <c r="DN24" s="71">
        <v>0</v>
      </c>
      <c r="DO24" s="71">
        <v>1</v>
      </c>
      <c r="DP24" s="71">
        <v>0</v>
      </c>
      <c r="DQ24" s="71">
        <v>0</v>
      </c>
      <c r="DR24" s="72">
        <v>1</v>
      </c>
      <c r="DS24" s="73">
        <v>1</v>
      </c>
      <c r="DT24" s="70">
        <v>3</v>
      </c>
      <c r="DU24" s="71">
        <v>1</v>
      </c>
      <c r="DV24" s="72">
        <v>4</v>
      </c>
      <c r="DW24" s="244"/>
      <c r="DX24" s="71">
        <v>1</v>
      </c>
      <c r="DY24" s="71">
        <v>0</v>
      </c>
      <c r="DZ24" s="71">
        <v>2</v>
      </c>
      <c r="EA24" s="71">
        <v>0</v>
      </c>
      <c r="EB24" s="71">
        <v>1</v>
      </c>
      <c r="EC24" s="72">
        <v>4</v>
      </c>
      <c r="ED24" s="73">
        <v>8</v>
      </c>
      <c r="EE24" s="70">
        <v>1</v>
      </c>
      <c r="EF24" s="71">
        <v>2</v>
      </c>
      <c r="EG24" s="72">
        <v>3</v>
      </c>
      <c r="EH24" s="244"/>
      <c r="EI24" s="71">
        <v>2</v>
      </c>
      <c r="EJ24" s="71">
        <v>3</v>
      </c>
      <c r="EK24" s="71">
        <v>1</v>
      </c>
      <c r="EL24" s="71">
        <v>0</v>
      </c>
      <c r="EM24" s="71">
        <v>0</v>
      </c>
      <c r="EN24" s="72">
        <v>6</v>
      </c>
      <c r="EO24" s="73">
        <v>9</v>
      </c>
      <c r="EP24" s="70">
        <v>7</v>
      </c>
      <c r="EQ24" s="71">
        <v>3</v>
      </c>
      <c r="ER24" s="72">
        <v>10</v>
      </c>
      <c r="ES24" s="244"/>
      <c r="ET24" s="71">
        <v>3</v>
      </c>
      <c r="EU24" s="71">
        <v>2</v>
      </c>
      <c r="EV24" s="71">
        <v>1</v>
      </c>
      <c r="EW24" s="71">
        <v>0</v>
      </c>
      <c r="EX24" s="71">
        <v>2</v>
      </c>
      <c r="EY24" s="72">
        <v>8</v>
      </c>
      <c r="EZ24" s="73">
        <v>18</v>
      </c>
      <c r="FA24" s="70">
        <v>0</v>
      </c>
      <c r="FB24" s="71">
        <v>4</v>
      </c>
      <c r="FC24" s="72">
        <v>4</v>
      </c>
      <c r="FD24" s="244"/>
      <c r="FE24" s="71">
        <v>3</v>
      </c>
      <c r="FF24" s="71">
        <v>5</v>
      </c>
      <c r="FG24" s="71">
        <v>2</v>
      </c>
      <c r="FH24" s="71">
        <v>1</v>
      </c>
      <c r="FI24" s="71">
        <v>1</v>
      </c>
      <c r="FJ24" s="72">
        <v>12</v>
      </c>
      <c r="FK24" s="73">
        <v>16</v>
      </c>
      <c r="FL24" s="70">
        <v>3</v>
      </c>
      <c r="FM24" s="71">
        <v>0</v>
      </c>
      <c r="FN24" s="72">
        <v>3</v>
      </c>
      <c r="FO24" s="244"/>
      <c r="FP24" s="71">
        <v>3</v>
      </c>
      <c r="FQ24" s="71">
        <v>7</v>
      </c>
      <c r="FR24" s="71">
        <v>6</v>
      </c>
      <c r="FS24" s="71">
        <v>6</v>
      </c>
      <c r="FT24" s="71">
        <v>3</v>
      </c>
      <c r="FU24" s="72">
        <v>25</v>
      </c>
      <c r="FV24" s="73">
        <v>28</v>
      </c>
      <c r="FW24" s="70">
        <v>0</v>
      </c>
      <c r="FX24" s="71">
        <v>0</v>
      </c>
      <c r="FY24" s="72">
        <v>0</v>
      </c>
      <c r="FZ24" s="244"/>
      <c r="GA24" s="71">
        <v>0</v>
      </c>
      <c r="GB24" s="71">
        <v>0</v>
      </c>
      <c r="GC24" s="71">
        <v>0</v>
      </c>
      <c r="GD24" s="71">
        <v>0</v>
      </c>
      <c r="GE24" s="71">
        <v>0</v>
      </c>
      <c r="GF24" s="72">
        <v>0</v>
      </c>
      <c r="GG24" s="73">
        <v>0</v>
      </c>
      <c r="GH24" s="70">
        <v>14</v>
      </c>
      <c r="GI24" s="71">
        <v>10</v>
      </c>
      <c r="GJ24" s="72">
        <v>24</v>
      </c>
      <c r="GK24" s="244"/>
      <c r="GL24" s="71">
        <v>12</v>
      </c>
      <c r="GM24" s="71">
        <v>17</v>
      </c>
      <c r="GN24" s="71">
        <v>13</v>
      </c>
      <c r="GO24" s="71">
        <v>7</v>
      </c>
      <c r="GP24" s="71">
        <v>7</v>
      </c>
      <c r="GQ24" s="72">
        <v>56</v>
      </c>
      <c r="GR24" s="73">
        <v>80</v>
      </c>
      <c r="GS24" s="123">
        <v>48</v>
      </c>
      <c r="GT24" s="82">
        <v>29</v>
      </c>
      <c r="GU24" s="83">
        <v>77</v>
      </c>
      <c r="GV24" s="241"/>
      <c r="GW24" s="82">
        <v>65</v>
      </c>
      <c r="GX24" s="82">
        <v>56</v>
      </c>
      <c r="GY24" s="82">
        <v>32</v>
      </c>
      <c r="GZ24" s="82">
        <v>29</v>
      </c>
      <c r="HA24" s="82">
        <v>20</v>
      </c>
      <c r="HB24" s="84">
        <v>202</v>
      </c>
      <c r="HC24" s="85">
        <v>279</v>
      </c>
      <c r="HD24" s="70">
        <v>2</v>
      </c>
      <c r="HE24" s="71">
        <v>1</v>
      </c>
      <c r="HF24" s="72">
        <v>3</v>
      </c>
      <c r="HG24" s="244"/>
      <c r="HH24" s="71">
        <v>2</v>
      </c>
      <c r="HI24" s="71">
        <v>2</v>
      </c>
      <c r="HJ24" s="71">
        <v>2</v>
      </c>
      <c r="HK24" s="71">
        <v>1</v>
      </c>
      <c r="HL24" s="71">
        <v>2</v>
      </c>
      <c r="HM24" s="72">
        <v>9</v>
      </c>
      <c r="HN24" s="73">
        <v>12</v>
      </c>
      <c r="HO24" s="70">
        <v>5</v>
      </c>
      <c r="HP24" s="71">
        <v>3</v>
      </c>
      <c r="HQ24" s="72">
        <v>8</v>
      </c>
      <c r="HR24" s="244"/>
      <c r="HS24" s="71">
        <v>6</v>
      </c>
      <c r="HT24" s="71">
        <v>3</v>
      </c>
      <c r="HU24" s="71">
        <v>4</v>
      </c>
      <c r="HV24" s="71">
        <v>2</v>
      </c>
      <c r="HW24" s="71">
        <v>3</v>
      </c>
      <c r="HX24" s="72">
        <v>18</v>
      </c>
      <c r="HY24" s="73">
        <v>26</v>
      </c>
      <c r="HZ24" s="70">
        <v>5</v>
      </c>
      <c r="IA24" s="71">
        <v>4</v>
      </c>
      <c r="IB24" s="72">
        <v>9</v>
      </c>
      <c r="IC24" s="244"/>
      <c r="ID24" s="71">
        <v>10</v>
      </c>
      <c r="IE24" s="71">
        <v>11</v>
      </c>
      <c r="IF24" s="71">
        <v>3</v>
      </c>
      <c r="IG24" s="71">
        <v>5</v>
      </c>
      <c r="IH24" s="71">
        <v>0</v>
      </c>
      <c r="II24" s="72">
        <v>29</v>
      </c>
      <c r="IJ24" s="73">
        <v>38</v>
      </c>
      <c r="IK24" s="70">
        <v>15</v>
      </c>
      <c r="IL24" s="71">
        <v>9</v>
      </c>
      <c r="IM24" s="72">
        <v>24</v>
      </c>
      <c r="IN24" s="244"/>
      <c r="IO24" s="71">
        <v>15</v>
      </c>
      <c r="IP24" s="71">
        <v>9</v>
      </c>
      <c r="IQ24" s="71">
        <v>3</v>
      </c>
      <c r="IR24" s="71">
        <v>2</v>
      </c>
      <c r="IS24" s="71">
        <v>5</v>
      </c>
      <c r="IT24" s="72">
        <v>34</v>
      </c>
      <c r="IU24" s="73">
        <v>58</v>
      </c>
      <c r="IV24" s="70">
        <v>11</v>
      </c>
      <c r="IW24" s="71">
        <v>8</v>
      </c>
      <c r="IX24" s="72">
        <v>19</v>
      </c>
      <c r="IY24" s="244"/>
      <c r="IZ24" s="71">
        <v>23</v>
      </c>
      <c r="JA24" s="71">
        <v>15</v>
      </c>
      <c r="JB24" s="71">
        <v>11</v>
      </c>
      <c r="JC24" s="71">
        <v>6</v>
      </c>
      <c r="JD24" s="71">
        <v>4</v>
      </c>
      <c r="JE24" s="72">
        <v>59</v>
      </c>
      <c r="JF24" s="73">
        <v>78</v>
      </c>
      <c r="JG24" s="70">
        <v>10</v>
      </c>
      <c r="JH24" s="71">
        <v>4</v>
      </c>
      <c r="JI24" s="72">
        <v>14</v>
      </c>
      <c r="JJ24" s="244"/>
      <c r="JK24" s="71">
        <v>9</v>
      </c>
      <c r="JL24" s="71">
        <v>16</v>
      </c>
      <c r="JM24" s="71">
        <v>9</v>
      </c>
      <c r="JN24" s="71">
        <v>13</v>
      </c>
      <c r="JO24" s="71">
        <v>6</v>
      </c>
      <c r="JP24" s="72">
        <v>53</v>
      </c>
      <c r="JQ24" s="73">
        <v>67</v>
      </c>
      <c r="JR24" s="70">
        <v>0</v>
      </c>
      <c r="JS24" s="71">
        <v>0</v>
      </c>
      <c r="JT24" s="72">
        <v>0</v>
      </c>
      <c r="JU24" s="244"/>
      <c r="JV24" s="71">
        <v>0</v>
      </c>
      <c r="JW24" s="71">
        <v>0</v>
      </c>
      <c r="JX24" s="71">
        <v>0</v>
      </c>
      <c r="JY24" s="71">
        <v>0</v>
      </c>
      <c r="JZ24" s="71">
        <v>0</v>
      </c>
      <c r="KA24" s="72">
        <v>0</v>
      </c>
      <c r="KB24" s="73">
        <v>0</v>
      </c>
      <c r="KC24" s="70">
        <v>48</v>
      </c>
      <c r="KD24" s="71">
        <v>29</v>
      </c>
      <c r="KE24" s="72">
        <v>77</v>
      </c>
      <c r="KF24" s="244"/>
      <c r="KG24" s="71">
        <v>65</v>
      </c>
      <c r="KH24" s="71">
        <v>56</v>
      </c>
      <c r="KI24" s="71">
        <v>32</v>
      </c>
      <c r="KJ24" s="71">
        <v>29</v>
      </c>
      <c r="KK24" s="71">
        <v>20</v>
      </c>
      <c r="KL24" s="72">
        <v>202</v>
      </c>
      <c r="KM24" s="73">
        <v>279</v>
      </c>
    </row>
    <row r="25" spans="2:299" ht="19.8" customHeight="1" x14ac:dyDescent="0.2">
      <c r="B25" s="126" t="s">
        <v>22</v>
      </c>
      <c r="C25" s="316">
        <v>13</v>
      </c>
      <c r="D25" s="82">
        <v>5</v>
      </c>
      <c r="E25" s="83">
        <v>18</v>
      </c>
      <c r="F25" s="241"/>
      <c r="G25" s="82">
        <v>29</v>
      </c>
      <c r="H25" s="82">
        <v>19</v>
      </c>
      <c r="I25" s="82">
        <v>12</v>
      </c>
      <c r="J25" s="82">
        <v>9</v>
      </c>
      <c r="K25" s="82">
        <v>6</v>
      </c>
      <c r="L25" s="84">
        <v>75</v>
      </c>
      <c r="M25" s="85">
        <v>93</v>
      </c>
      <c r="N25" s="70">
        <v>0</v>
      </c>
      <c r="O25" s="71">
        <v>0</v>
      </c>
      <c r="P25" s="72">
        <v>0</v>
      </c>
      <c r="Q25" s="244"/>
      <c r="R25" s="71">
        <v>2</v>
      </c>
      <c r="S25" s="71">
        <v>0</v>
      </c>
      <c r="T25" s="71">
        <v>0</v>
      </c>
      <c r="U25" s="71">
        <v>0</v>
      </c>
      <c r="V25" s="71">
        <v>0</v>
      </c>
      <c r="W25" s="72">
        <v>2</v>
      </c>
      <c r="X25" s="73">
        <v>2</v>
      </c>
      <c r="Y25" s="70">
        <v>2</v>
      </c>
      <c r="Z25" s="71">
        <v>1</v>
      </c>
      <c r="AA25" s="72">
        <v>3</v>
      </c>
      <c r="AB25" s="244"/>
      <c r="AC25" s="71">
        <v>4</v>
      </c>
      <c r="AD25" s="71">
        <v>1</v>
      </c>
      <c r="AE25" s="71">
        <v>1</v>
      </c>
      <c r="AF25" s="71">
        <v>1</v>
      </c>
      <c r="AG25" s="71">
        <v>1</v>
      </c>
      <c r="AH25" s="72">
        <v>8</v>
      </c>
      <c r="AI25" s="73">
        <v>11</v>
      </c>
      <c r="AJ25" s="70">
        <v>2</v>
      </c>
      <c r="AK25" s="71">
        <v>1</v>
      </c>
      <c r="AL25" s="72">
        <v>3</v>
      </c>
      <c r="AM25" s="244"/>
      <c r="AN25" s="71">
        <v>3</v>
      </c>
      <c r="AO25" s="71">
        <v>2</v>
      </c>
      <c r="AP25" s="71">
        <v>0</v>
      </c>
      <c r="AQ25" s="71">
        <v>0</v>
      </c>
      <c r="AR25" s="71">
        <v>1</v>
      </c>
      <c r="AS25" s="72">
        <v>6</v>
      </c>
      <c r="AT25" s="73">
        <v>9</v>
      </c>
      <c r="AU25" s="70">
        <v>2</v>
      </c>
      <c r="AV25" s="71">
        <v>2</v>
      </c>
      <c r="AW25" s="72">
        <v>4</v>
      </c>
      <c r="AX25" s="244"/>
      <c r="AY25" s="71">
        <v>9</v>
      </c>
      <c r="AZ25" s="71">
        <v>5</v>
      </c>
      <c r="BA25" s="71">
        <v>4</v>
      </c>
      <c r="BB25" s="71">
        <v>3</v>
      </c>
      <c r="BC25" s="71">
        <v>1</v>
      </c>
      <c r="BD25" s="72">
        <v>22</v>
      </c>
      <c r="BE25" s="73">
        <v>26</v>
      </c>
      <c r="BF25" s="70">
        <v>2</v>
      </c>
      <c r="BG25" s="71">
        <v>1</v>
      </c>
      <c r="BH25" s="72">
        <v>3</v>
      </c>
      <c r="BI25" s="244"/>
      <c r="BJ25" s="71">
        <v>2</v>
      </c>
      <c r="BK25" s="71">
        <v>5</v>
      </c>
      <c r="BL25" s="71">
        <v>3</v>
      </c>
      <c r="BM25" s="71">
        <v>3</v>
      </c>
      <c r="BN25" s="71">
        <v>1</v>
      </c>
      <c r="BO25" s="72">
        <v>14</v>
      </c>
      <c r="BP25" s="73">
        <v>17</v>
      </c>
      <c r="BQ25" s="70">
        <v>5</v>
      </c>
      <c r="BR25" s="71">
        <v>0</v>
      </c>
      <c r="BS25" s="72">
        <v>5</v>
      </c>
      <c r="BT25" s="244"/>
      <c r="BU25" s="71">
        <v>9</v>
      </c>
      <c r="BV25" s="71">
        <v>6</v>
      </c>
      <c r="BW25" s="71">
        <v>4</v>
      </c>
      <c r="BX25" s="71">
        <v>2</v>
      </c>
      <c r="BY25" s="71">
        <v>2</v>
      </c>
      <c r="BZ25" s="72">
        <v>23</v>
      </c>
      <c r="CA25" s="73">
        <v>28</v>
      </c>
      <c r="CB25" s="70">
        <v>0</v>
      </c>
      <c r="CC25" s="71">
        <v>0</v>
      </c>
      <c r="CD25" s="72">
        <v>0</v>
      </c>
      <c r="CE25" s="244"/>
      <c r="CF25" s="71">
        <v>0</v>
      </c>
      <c r="CG25" s="71">
        <v>0</v>
      </c>
      <c r="CH25" s="71">
        <v>0</v>
      </c>
      <c r="CI25" s="71">
        <v>0</v>
      </c>
      <c r="CJ25" s="71">
        <v>0</v>
      </c>
      <c r="CK25" s="72">
        <v>0</v>
      </c>
      <c r="CL25" s="73">
        <v>0</v>
      </c>
      <c r="CM25" s="70">
        <v>13</v>
      </c>
      <c r="CN25" s="71">
        <v>5</v>
      </c>
      <c r="CO25" s="72">
        <v>18</v>
      </c>
      <c r="CP25" s="244"/>
      <c r="CQ25" s="71">
        <v>29</v>
      </c>
      <c r="CR25" s="71">
        <v>19</v>
      </c>
      <c r="CS25" s="71">
        <v>12</v>
      </c>
      <c r="CT25" s="71">
        <v>9</v>
      </c>
      <c r="CU25" s="71">
        <v>6</v>
      </c>
      <c r="CV25" s="72">
        <v>75</v>
      </c>
      <c r="CW25" s="73">
        <v>93</v>
      </c>
      <c r="CX25" s="123">
        <v>3</v>
      </c>
      <c r="CY25" s="82">
        <v>5</v>
      </c>
      <c r="CZ25" s="83">
        <v>8</v>
      </c>
      <c r="DA25" s="241"/>
      <c r="DB25" s="82">
        <v>8</v>
      </c>
      <c r="DC25" s="82">
        <v>2</v>
      </c>
      <c r="DD25" s="82">
        <v>2</v>
      </c>
      <c r="DE25" s="82">
        <v>5</v>
      </c>
      <c r="DF25" s="82">
        <v>5</v>
      </c>
      <c r="DG25" s="84">
        <v>22</v>
      </c>
      <c r="DH25" s="85">
        <v>30</v>
      </c>
      <c r="DI25" s="70">
        <v>0</v>
      </c>
      <c r="DJ25" s="71">
        <v>1</v>
      </c>
      <c r="DK25" s="72">
        <v>1</v>
      </c>
      <c r="DL25" s="244"/>
      <c r="DM25" s="71">
        <v>0</v>
      </c>
      <c r="DN25" s="71">
        <v>0</v>
      </c>
      <c r="DO25" s="71">
        <v>0</v>
      </c>
      <c r="DP25" s="71">
        <v>0</v>
      </c>
      <c r="DQ25" s="71">
        <v>0</v>
      </c>
      <c r="DR25" s="72">
        <v>0</v>
      </c>
      <c r="DS25" s="73">
        <v>1</v>
      </c>
      <c r="DT25" s="70">
        <v>0</v>
      </c>
      <c r="DU25" s="71">
        <v>0</v>
      </c>
      <c r="DV25" s="72">
        <v>0</v>
      </c>
      <c r="DW25" s="244"/>
      <c r="DX25" s="71">
        <v>0</v>
      </c>
      <c r="DY25" s="71">
        <v>0</v>
      </c>
      <c r="DZ25" s="71">
        <v>1</v>
      </c>
      <c r="EA25" s="71">
        <v>0</v>
      </c>
      <c r="EB25" s="71">
        <v>0</v>
      </c>
      <c r="EC25" s="72">
        <v>1</v>
      </c>
      <c r="ED25" s="73">
        <v>1</v>
      </c>
      <c r="EE25" s="70">
        <v>1</v>
      </c>
      <c r="EF25" s="71">
        <v>2</v>
      </c>
      <c r="EG25" s="72">
        <v>3</v>
      </c>
      <c r="EH25" s="244"/>
      <c r="EI25" s="71">
        <v>1</v>
      </c>
      <c r="EJ25" s="71">
        <v>0</v>
      </c>
      <c r="EK25" s="71">
        <v>0</v>
      </c>
      <c r="EL25" s="71">
        <v>0</v>
      </c>
      <c r="EM25" s="71">
        <v>1</v>
      </c>
      <c r="EN25" s="72">
        <v>2</v>
      </c>
      <c r="EO25" s="73">
        <v>5</v>
      </c>
      <c r="EP25" s="70">
        <v>2</v>
      </c>
      <c r="EQ25" s="71">
        <v>1</v>
      </c>
      <c r="ER25" s="72">
        <v>3</v>
      </c>
      <c r="ES25" s="244"/>
      <c r="ET25" s="71">
        <v>2</v>
      </c>
      <c r="EU25" s="71">
        <v>0</v>
      </c>
      <c r="EV25" s="71">
        <v>1</v>
      </c>
      <c r="EW25" s="71">
        <v>1</v>
      </c>
      <c r="EX25" s="71">
        <v>0</v>
      </c>
      <c r="EY25" s="72">
        <v>4</v>
      </c>
      <c r="EZ25" s="73">
        <v>7</v>
      </c>
      <c r="FA25" s="70">
        <v>0</v>
      </c>
      <c r="FB25" s="71">
        <v>0</v>
      </c>
      <c r="FC25" s="72">
        <v>0</v>
      </c>
      <c r="FD25" s="244"/>
      <c r="FE25" s="71">
        <v>3</v>
      </c>
      <c r="FF25" s="71">
        <v>0</v>
      </c>
      <c r="FG25" s="71">
        <v>0</v>
      </c>
      <c r="FH25" s="71">
        <v>0</v>
      </c>
      <c r="FI25" s="71">
        <v>1</v>
      </c>
      <c r="FJ25" s="72">
        <v>4</v>
      </c>
      <c r="FK25" s="73">
        <v>4</v>
      </c>
      <c r="FL25" s="70">
        <v>0</v>
      </c>
      <c r="FM25" s="71">
        <v>1</v>
      </c>
      <c r="FN25" s="72">
        <v>1</v>
      </c>
      <c r="FO25" s="244"/>
      <c r="FP25" s="71">
        <v>2</v>
      </c>
      <c r="FQ25" s="71">
        <v>2</v>
      </c>
      <c r="FR25" s="71">
        <v>0</v>
      </c>
      <c r="FS25" s="71">
        <v>4</v>
      </c>
      <c r="FT25" s="71">
        <v>3</v>
      </c>
      <c r="FU25" s="72">
        <v>11</v>
      </c>
      <c r="FV25" s="73">
        <v>12</v>
      </c>
      <c r="FW25" s="70">
        <v>0</v>
      </c>
      <c r="FX25" s="71">
        <v>0</v>
      </c>
      <c r="FY25" s="72">
        <v>0</v>
      </c>
      <c r="FZ25" s="244"/>
      <c r="GA25" s="71">
        <v>0</v>
      </c>
      <c r="GB25" s="71">
        <v>0</v>
      </c>
      <c r="GC25" s="71">
        <v>0</v>
      </c>
      <c r="GD25" s="71">
        <v>0</v>
      </c>
      <c r="GE25" s="71">
        <v>0</v>
      </c>
      <c r="GF25" s="72">
        <v>0</v>
      </c>
      <c r="GG25" s="73">
        <v>0</v>
      </c>
      <c r="GH25" s="70">
        <v>3</v>
      </c>
      <c r="GI25" s="71">
        <v>5</v>
      </c>
      <c r="GJ25" s="72">
        <v>8</v>
      </c>
      <c r="GK25" s="244"/>
      <c r="GL25" s="71">
        <v>8</v>
      </c>
      <c r="GM25" s="71">
        <v>2</v>
      </c>
      <c r="GN25" s="71">
        <v>2</v>
      </c>
      <c r="GO25" s="71">
        <v>5</v>
      </c>
      <c r="GP25" s="71">
        <v>5</v>
      </c>
      <c r="GQ25" s="72">
        <v>22</v>
      </c>
      <c r="GR25" s="73">
        <v>30</v>
      </c>
      <c r="GS25" s="123">
        <v>16</v>
      </c>
      <c r="GT25" s="82">
        <v>10</v>
      </c>
      <c r="GU25" s="83">
        <v>26</v>
      </c>
      <c r="GV25" s="241"/>
      <c r="GW25" s="82">
        <v>37</v>
      </c>
      <c r="GX25" s="82">
        <v>21</v>
      </c>
      <c r="GY25" s="82">
        <v>14</v>
      </c>
      <c r="GZ25" s="82">
        <v>14</v>
      </c>
      <c r="HA25" s="82">
        <v>11</v>
      </c>
      <c r="HB25" s="84">
        <v>97</v>
      </c>
      <c r="HC25" s="85">
        <v>123</v>
      </c>
      <c r="HD25" s="70">
        <v>0</v>
      </c>
      <c r="HE25" s="71">
        <v>1</v>
      </c>
      <c r="HF25" s="72">
        <v>1</v>
      </c>
      <c r="HG25" s="244"/>
      <c r="HH25" s="71">
        <v>2</v>
      </c>
      <c r="HI25" s="71">
        <v>0</v>
      </c>
      <c r="HJ25" s="71">
        <v>0</v>
      </c>
      <c r="HK25" s="71">
        <v>0</v>
      </c>
      <c r="HL25" s="71">
        <v>0</v>
      </c>
      <c r="HM25" s="72">
        <v>2</v>
      </c>
      <c r="HN25" s="73">
        <v>3</v>
      </c>
      <c r="HO25" s="70">
        <v>2</v>
      </c>
      <c r="HP25" s="71">
        <v>1</v>
      </c>
      <c r="HQ25" s="72">
        <v>3</v>
      </c>
      <c r="HR25" s="244"/>
      <c r="HS25" s="71">
        <v>4</v>
      </c>
      <c r="HT25" s="71">
        <v>1</v>
      </c>
      <c r="HU25" s="71">
        <v>2</v>
      </c>
      <c r="HV25" s="71">
        <v>1</v>
      </c>
      <c r="HW25" s="71">
        <v>1</v>
      </c>
      <c r="HX25" s="72">
        <v>9</v>
      </c>
      <c r="HY25" s="73">
        <v>12</v>
      </c>
      <c r="HZ25" s="70">
        <v>3</v>
      </c>
      <c r="IA25" s="71">
        <v>3</v>
      </c>
      <c r="IB25" s="72">
        <v>6</v>
      </c>
      <c r="IC25" s="244"/>
      <c r="ID25" s="71">
        <v>4</v>
      </c>
      <c r="IE25" s="71">
        <v>2</v>
      </c>
      <c r="IF25" s="71">
        <v>0</v>
      </c>
      <c r="IG25" s="71">
        <v>0</v>
      </c>
      <c r="IH25" s="71">
        <v>2</v>
      </c>
      <c r="II25" s="72">
        <v>8</v>
      </c>
      <c r="IJ25" s="73">
        <v>14</v>
      </c>
      <c r="IK25" s="70">
        <v>4</v>
      </c>
      <c r="IL25" s="71">
        <v>3</v>
      </c>
      <c r="IM25" s="72">
        <v>7</v>
      </c>
      <c r="IN25" s="244"/>
      <c r="IO25" s="71">
        <v>11</v>
      </c>
      <c r="IP25" s="71">
        <v>5</v>
      </c>
      <c r="IQ25" s="71">
        <v>5</v>
      </c>
      <c r="IR25" s="71">
        <v>4</v>
      </c>
      <c r="IS25" s="71">
        <v>1</v>
      </c>
      <c r="IT25" s="72">
        <v>26</v>
      </c>
      <c r="IU25" s="73">
        <v>33</v>
      </c>
      <c r="IV25" s="70">
        <v>2</v>
      </c>
      <c r="IW25" s="71">
        <v>1</v>
      </c>
      <c r="IX25" s="72">
        <v>3</v>
      </c>
      <c r="IY25" s="244"/>
      <c r="IZ25" s="71">
        <v>5</v>
      </c>
      <c r="JA25" s="71">
        <v>5</v>
      </c>
      <c r="JB25" s="71">
        <v>3</v>
      </c>
      <c r="JC25" s="71">
        <v>3</v>
      </c>
      <c r="JD25" s="71">
        <v>2</v>
      </c>
      <c r="JE25" s="72">
        <v>18</v>
      </c>
      <c r="JF25" s="73">
        <v>21</v>
      </c>
      <c r="JG25" s="70">
        <v>5</v>
      </c>
      <c r="JH25" s="71">
        <v>1</v>
      </c>
      <c r="JI25" s="72">
        <v>6</v>
      </c>
      <c r="JJ25" s="244"/>
      <c r="JK25" s="71">
        <v>11</v>
      </c>
      <c r="JL25" s="71">
        <v>8</v>
      </c>
      <c r="JM25" s="71">
        <v>4</v>
      </c>
      <c r="JN25" s="71">
        <v>6</v>
      </c>
      <c r="JO25" s="71">
        <v>5</v>
      </c>
      <c r="JP25" s="72">
        <v>34</v>
      </c>
      <c r="JQ25" s="73">
        <v>40</v>
      </c>
      <c r="JR25" s="70">
        <v>0</v>
      </c>
      <c r="JS25" s="71">
        <v>0</v>
      </c>
      <c r="JT25" s="72">
        <v>0</v>
      </c>
      <c r="JU25" s="244"/>
      <c r="JV25" s="71">
        <v>0</v>
      </c>
      <c r="JW25" s="71">
        <v>0</v>
      </c>
      <c r="JX25" s="71">
        <v>0</v>
      </c>
      <c r="JY25" s="71">
        <v>0</v>
      </c>
      <c r="JZ25" s="71">
        <v>0</v>
      </c>
      <c r="KA25" s="72">
        <v>0</v>
      </c>
      <c r="KB25" s="73">
        <v>0</v>
      </c>
      <c r="KC25" s="70">
        <v>16</v>
      </c>
      <c r="KD25" s="71">
        <v>10</v>
      </c>
      <c r="KE25" s="72">
        <v>26</v>
      </c>
      <c r="KF25" s="244"/>
      <c r="KG25" s="71">
        <v>37</v>
      </c>
      <c r="KH25" s="71">
        <v>21</v>
      </c>
      <c r="KI25" s="71">
        <v>14</v>
      </c>
      <c r="KJ25" s="71">
        <v>14</v>
      </c>
      <c r="KK25" s="71">
        <v>11</v>
      </c>
      <c r="KL25" s="72">
        <v>97</v>
      </c>
      <c r="KM25" s="73">
        <v>123</v>
      </c>
    </row>
    <row r="26" spans="2:299" ht="19.8" customHeight="1" x14ac:dyDescent="0.2">
      <c r="B26" s="126" t="s">
        <v>23</v>
      </c>
      <c r="C26" s="316">
        <v>12</v>
      </c>
      <c r="D26" s="82">
        <v>14</v>
      </c>
      <c r="E26" s="83">
        <v>26</v>
      </c>
      <c r="F26" s="241"/>
      <c r="G26" s="82">
        <v>25</v>
      </c>
      <c r="H26" s="82">
        <v>23</v>
      </c>
      <c r="I26" s="82">
        <v>23</v>
      </c>
      <c r="J26" s="82">
        <v>19</v>
      </c>
      <c r="K26" s="82">
        <v>10</v>
      </c>
      <c r="L26" s="84">
        <v>100</v>
      </c>
      <c r="M26" s="85">
        <v>126</v>
      </c>
      <c r="N26" s="70">
        <v>0</v>
      </c>
      <c r="O26" s="71">
        <v>1</v>
      </c>
      <c r="P26" s="72">
        <v>1</v>
      </c>
      <c r="Q26" s="244"/>
      <c r="R26" s="71">
        <v>0</v>
      </c>
      <c r="S26" s="71">
        <v>0</v>
      </c>
      <c r="T26" s="71">
        <v>0</v>
      </c>
      <c r="U26" s="71">
        <v>0</v>
      </c>
      <c r="V26" s="71">
        <v>0</v>
      </c>
      <c r="W26" s="72">
        <v>0</v>
      </c>
      <c r="X26" s="73">
        <v>1</v>
      </c>
      <c r="Y26" s="70">
        <v>2</v>
      </c>
      <c r="Z26" s="71">
        <v>2</v>
      </c>
      <c r="AA26" s="72">
        <v>4</v>
      </c>
      <c r="AB26" s="244"/>
      <c r="AC26" s="71">
        <v>4</v>
      </c>
      <c r="AD26" s="71">
        <v>3</v>
      </c>
      <c r="AE26" s="71">
        <v>2</v>
      </c>
      <c r="AF26" s="71">
        <v>1</v>
      </c>
      <c r="AG26" s="71">
        <v>1</v>
      </c>
      <c r="AH26" s="72">
        <v>11</v>
      </c>
      <c r="AI26" s="73">
        <v>15</v>
      </c>
      <c r="AJ26" s="70">
        <v>4</v>
      </c>
      <c r="AK26" s="71">
        <v>0</v>
      </c>
      <c r="AL26" s="72">
        <v>4</v>
      </c>
      <c r="AM26" s="244"/>
      <c r="AN26" s="71">
        <v>4</v>
      </c>
      <c r="AO26" s="71">
        <v>5</v>
      </c>
      <c r="AP26" s="71">
        <v>1</v>
      </c>
      <c r="AQ26" s="71">
        <v>3</v>
      </c>
      <c r="AR26" s="71">
        <v>3</v>
      </c>
      <c r="AS26" s="72">
        <v>16</v>
      </c>
      <c r="AT26" s="73">
        <v>20</v>
      </c>
      <c r="AU26" s="70">
        <v>0</v>
      </c>
      <c r="AV26" s="71">
        <v>6</v>
      </c>
      <c r="AW26" s="72">
        <v>6</v>
      </c>
      <c r="AX26" s="244"/>
      <c r="AY26" s="71">
        <v>5</v>
      </c>
      <c r="AZ26" s="71">
        <v>4</v>
      </c>
      <c r="BA26" s="71">
        <v>10</v>
      </c>
      <c r="BB26" s="71">
        <v>3</v>
      </c>
      <c r="BC26" s="71">
        <v>2</v>
      </c>
      <c r="BD26" s="72">
        <v>24</v>
      </c>
      <c r="BE26" s="73">
        <v>30</v>
      </c>
      <c r="BF26" s="70">
        <v>3</v>
      </c>
      <c r="BG26" s="71">
        <v>3</v>
      </c>
      <c r="BH26" s="72">
        <v>6</v>
      </c>
      <c r="BI26" s="244"/>
      <c r="BJ26" s="71">
        <v>6</v>
      </c>
      <c r="BK26" s="71">
        <v>8</v>
      </c>
      <c r="BL26" s="71">
        <v>8</v>
      </c>
      <c r="BM26" s="71">
        <v>3</v>
      </c>
      <c r="BN26" s="71">
        <v>3</v>
      </c>
      <c r="BO26" s="72">
        <v>28</v>
      </c>
      <c r="BP26" s="73">
        <v>34</v>
      </c>
      <c r="BQ26" s="70">
        <v>3</v>
      </c>
      <c r="BR26" s="71">
        <v>2</v>
      </c>
      <c r="BS26" s="72">
        <v>5</v>
      </c>
      <c r="BT26" s="244"/>
      <c r="BU26" s="71">
        <v>6</v>
      </c>
      <c r="BV26" s="71">
        <v>3</v>
      </c>
      <c r="BW26" s="71">
        <v>2</v>
      </c>
      <c r="BX26" s="71">
        <v>9</v>
      </c>
      <c r="BY26" s="71">
        <v>1</v>
      </c>
      <c r="BZ26" s="72">
        <v>21</v>
      </c>
      <c r="CA26" s="73">
        <v>26</v>
      </c>
      <c r="CB26" s="70">
        <v>0</v>
      </c>
      <c r="CC26" s="71">
        <v>0</v>
      </c>
      <c r="CD26" s="72">
        <v>0</v>
      </c>
      <c r="CE26" s="244"/>
      <c r="CF26" s="71">
        <v>0</v>
      </c>
      <c r="CG26" s="71">
        <v>0</v>
      </c>
      <c r="CH26" s="71">
        <v>0</v>
      </c>
      <c r="CI26" s="71">
        <v>0</v>
      </c>
      <c r="CJ26" s="71">
        <v>0</v>
      </c>
      <c r="CK26" s="72">
        <v>0</v>
      </c>
      <c r="CL26" s="73">
        <v>0</v>
      </c>
      <c r="CM26" s="70">
        <v>12</v>
      </c>
      <c r="CN26" s="71">
        <v>14</v>
      </c>
      <c r="CO26" s="72">
        <v>26</v>
      </c>
      <c r="CP26" s="244"/>
      <c r="CQ26" s="71">
        <v>25</v>
      </c>
      <c r="CR26" s="71">
        <v>23</v>
      </c>
      <c r="CS26" s="71">
        <v>23</v>
      </c>
      <c r="CT26" s="71">
        <v>19</v>
      </c>
      <c r="CU26" s="71">
        <v>10</v>
      </c>
      <c r="CV26" s="72">
        <v>100</v>
      </c>
      <c r="CW26" s="73">
        <v>126</v>
      </c>
      <c r="CX26" s="123">
        <v>8</v>
      </c>
      <c r="CY26" s="82">
        <v>6</v>
      </c>
      <c r="CZ26" s="83">
        <v>14</v>
      </c>
      <c r="DA26" s="241"/>
      <c r="DB26" s="82">
        <v>14</v>
      </c>
      <c r="DC26" s="82">
        <v>10</v>
      </c>
      <c r="DD26" s="82">
        <v>1</v>
      </c>
      <c r="DE26" s="82">
        <v>12</v>
      </c>
      <c r="DF26" s="82">
        <v>6</v>
      </c>
      <c r="DG26" s="84">
        <v>43</v>
      </c>
      <c r="DH26" s="85">
        <v>57</v>
      </c>
      <c r="DI26" s="70">
        <v>0</v>
      </c>
      <c r="DJ26" s="71">
        <v>0</v>
      </c>
      <c r="DK26" s="72">
        <v>0</v>
      </c>
      <c r="DL26" s="244"/>
      <c r="DM26" s="71">
        <v>0</v>
      </c>
      <c r="DN26" s="71">
        <v>1</v>
      </c>
      <c r="DO26" s="71">
        <v>0</v>
      </c>
      <c r="DP26" s="71">
        <v>0</v>
      </c>
      <c r="DQ26" s="71">
        <v>0</v>
      </c>
      <c r="DR26" s="72">
        <v>1</v>
      </c>
      <c r="DS26" s="73">
        <v>1</v>
      </c>
      <c r="DT26" s="70">
        <v>0</v>
      </c>
      <c r="DU26" s="71">
        <v>0</v>
      </c>
      <c r="DV26" s="72">
        <v>0</v>
      </c>
      <c r="DW26" s="244"/>
      <c r="DX26" s="71">
        <v>0</v>
      </c>
      <c r="DY26" s="71">
        <v>2</v>
      </c>
      <c r="DZ26" s="71">
        <v>0</v>
      </c>
      <c r="EA26" s="71">
        <v>0</v>
      </c>
      <c r="EB26" s="71">
        <v>1</v>
      </c>
      <c r="EC26" s="72">
        <v>3</v>
      </c>
      <c r="ED26" s="73">
        <v>3</v>
      </c>
      <c r="EE26" s="70">
        <v>3</v>
      </c>
      <c r="EF26" s="71">
        <v>2</v>
      </c>
      <c r="EG26" s="72">
        <v>5</v>
      </c>
      <c r="EH26" s="244"/>
      <c r="EI26" s="71">
        <v>2</v>
      </c>
      <c r="EJ26" s="71">
        <v>0</v>
      </c>
      <c r="EK26" s="71">
        <v>0</v>
      </c>
      <c r="EL26" s="71">
        <v>0</v>
      </c>
      <c r="EM26" s="71">
        <v>0</v>
      </c>
      <c r="EN26" s="72">
        <v>2</v>
      </c>
      <c r="EO26" s="73">
        <v>7</v>
      </c>
      <c r="EP26" s="70">
        <v>1</v>
      </c>
      <c r="EQ26" s="71">
        <v>3</v>
      </c>
      <c r="ER26" s="72">
        <v>4</v>
      </c>
      <c r="ES26" s="244"/>
      <c r="ET26" s="71">
        <v>3</v>
      </c>
      <c r="EU26" s="71">
        <v>2</v>
      </c>
      <c r="EV26" s="71">
        <v>1</v>
      </c>
      <c r="EW26" s="71">
        <v>1</v>
      </c>
      <c r="EX26" s="71">
        <v>1</v>
      </c>
      <c r="EY26" s="72">
        <v>8</v>
      </c>
      <c r="EZ26" s="73">
        <v>12</v>
      </c>
      <c r="FA26" s="70">
        <v>3</v>
      </c>
      <c r="FB26" s="71">
        <v>1</v>
      </c>
      <c r="FC26" s="72">
        <v>4</v>
      </c>
      <c r="FD26" s="244"/>
      <c r="FE26" s="71">
        <v>2</v>
      </c>
      <c r="FF26" s="71">
        <v>2</v>
      </c>
      <c r="FG26" s="71">
        <v>0</v>
      </c>
      <c r="FH26" s="71">
        <v>2</v>
      </c>
      <c r="FI26" s="71">
        <v>0</v>
      </c>
      <c r="FJ26" s="72">
        <v>6</v>
      </c>
      <c r="FK26" s="73">
        <v>10</v>
      </c>
      <c r="FL26" s="70">
        <v>1</v>
      </c>
      <c r="FM26" s="71">
        <v>0</v>
      </c>
      <c r="FN26" s="72">
        <v>1</v>
      </c>
      <c r="FO26" s="244"/>
      <c r="FP26" s="71">
        <v>7</v>
      </c>
      <c r="FQ26" s="71">
        <v>3</v>
      </c>
      <c r="FR26" s="71">
        <v>0</v>
      </c>
      <c r="FS26" s="71">
        <v>9</v>
      </c>
      <c r="FT26" s="71">
        <v>4</v>
      </c>
      <c r="FU26" s="72">
        <v>23</v>
      </c>
      <c r="FV26" s="73">
        <v>24</v>
      </c>
      <c r="FW26" s="70">
        <v>0</v>
      </c>
      <c r="FX26" s="71">
        <v>0</v>
      </c>
      <c r="FY26" s="72">
        <v>0</v>
      </c>
      <c r="FZ26" s="244"/>
      <c r="GA26" s="71">
        <v>0</v>
      </c>
      <c r="GB26" s="71">
        <v>0</v>
      </c>
      <c r="GC26" s="71">
        <v>0</v>
      </c>
      <c r="GD26" s="71">
        <v>0</v>
      </c>
      <c r="GE26" s="71">
        <v>0</v>
      </c>
      <c r="GF26" s="72">
        <v>0</v>
      </c>
      <c r="GG26" s="73">
        <v>0</v>
      </c>
      <c r="GH26" s="70">
        <v>8</v>
      </c>
      <c r="GI26" s="71">
        <v>6</v>
      </c>
      <c r="GJ26" s="72">
        <v>14</v>
      </c>
      <c r="GK26" s="244"/>
      <c r="GL26" s="71">
        <v>14</v>
      </c>
      <c r="GM26" s="71">
        <v>10</v>
      </c>
      <c r="GN26" s="71">
        <v>1</v>
      </c>
      <c r="GO26" s="71">
        <v>12</v>
      </c>
      <c r="GP26" s="71">
        <v>6</v>
      </c>
      <c r="GQ26" s="72">
        <v>43</v>
      </c>
      <c r="GR26" s="73">
        <v>57</v>
      </c>
      <c r="GS26" s="123">
        <v>20</v>
      </c>
      <c r="GT26" s="82">
        <v>20</v>
      </c>
      <c r="GU26" s="83">
        <v>40</v>
      </c>
      <c r="GV26" s="241"/>
      <c r="GW26" s="82">
        <v>39</v>
      </c>
      <c r="GX26" s="82">
        <v>33</v>
      </c>
      <c r="GY26" s="82">
        <v>24</v>
      </c>
      <c r="GZ26" s="82">
        <v>31</v>
      </c>
      <c r="HA26" s="82">
        <v>16</v>
      </c>
      <c r="HB26" s="84">
        <v>143</v>
      </c>
      <c r="HC26" s="85">
        <v>183</v>
      </c>
      <c r="HD26" s="70">
        <v>0</v>
      </c>
      <c r="HE26" s="71">
        <v>1</v>
      </c>
      <c r="HF26" s="72">
        <v>1</v>
      </c>
      <c r="HG26" s="244"/>
      <c r="HH26" s="71">
        <v>0</v>
      </c>
      <c r="HI26" s="71">
        <v>1</v>
      </c>
      <c r="HJ26" s="71">
        <v>0</v>
      </c>
      <c r="HK26" s="71">
        <v>0</v>
      </c>
      <c r="HL26" s="71">
        <v>0</v>
      </c>
      <c r="HM26" s="72">
        <v>1</v>
      </c>
      <c r="HN26" s="73">
        <v>2</v>
      </c>
      <c r="HO26" s="70">
        <v>2</v>
      </c>
      <c r="HP26" s="71">
        <v>2</v>
      </c>
      <c r="HQ26" s="72">
        <v>4</v>
      </c>
      <c r="HR26" s="244"/>
      <c r="HS26" s="71">
        <v>4</v>
      </c>
      <c r="HT26" s="71">
        <v>5</v>
      </c>
      <c r="HU26" s="71">
        <v>2</v>
      </c>
      <c r="HV26" s="71">
        <v>1</v>
      </c>
      <c r="HW26" s="71">
        <v>2</v>
      </c>
      <c r="HX26" s="72">
        <v>14</v>
      </c>
      <c r="HY26" s="73">
        <v>18</v>
      </c>
      <c r="HZ26" s="70">
        <v>7</v>
      </c>
      <c r="IA26" s="71">
        <v>2</v>
      </c>
      <c r="IB26" s="72">
        <v>9</v>
      </c>
      <c r="IC26" s="244"/>
      <c r="ID26" s="71">
        <v>6</v>
      </c>
      <c r="IE26" s="71">
        <v>5</v>
      </c>
      <c r="IF26" s="71">
        <v>1</v>
      </c>
      <c r="IG26" s="71">
        <v>3</v>
      </c>
      <c r="IH26" s="71">
        <v>3</v>
      </c>
      <c r="II26" s="72">
        <v>18</v>
      </c>
      <c r="IJ26" s="73">
        <v>27</v>
      </c>
      <c r="IK26" s="70">
        <v>1</v>
      </c>
      <c r="IL26" s="71">
        <v>9</v>
      </c>
      <c r="IM26" s="72">
        <v>10</v>
      </c>
      <c r="IN26" s="244"/>
      <c r="IO26" s="71">
        <v>8</v>
      </c>
      <c r="IP26" s="71">
        <v>6</v>
      </c>
      <c r="IQ26" s="71">
        <v>11</v>
      </c>
      <c r="IR26" s="71">
        <v>4</v>
      </c>
      <c r="IS26" s="71">
        <v>3</v>
      </c>
      <c r="IT26" s="72">
        <v>32</v>
      </c>
      <c r="IU26" s="73">
        <v>42</v>
      </c>
      <c r="IV26" s="70">
        <v>6</v>
      </c>
      <c r="IW26" s="71">
        <v>4</v>
      </c>
      <c r="IX26" s="72">
        <v>10</v>
      </c>
      <c r="IY26" s="244"/>
      <c r="IZ26" s="71">
        <v>8</v>
      </c>
      <c r="JA26" s="71">
        <v>10</v>
      </c>
      <c r="JB26" s="71">
        <v>8</v>
      </c>
      <c r="JC26" s="71">
        <v>5</v>
      </c>
      <c r="JD26" s="71">
        <v>3</v>
      </c>
      <c r="JE26" s="72">
        <v>34</v>
      </c>
      <c r="JF26" s="73">
        <v>44</v>
      </c>
      <c r="JG26" s="70">
        <v>4</v>
      </c>
      <c r="JH26" s="71">
        <v>2</v>
      </c>
      <c r="JI26" s="72">
        <v>6</v>
      </c>
      <c r="JJ26" s="244"/>
      <c r="JK26" s="71">
        <v>13</v>
      </c>
      <c r="JL26" s="71">
        <v>6</v>
      </c>
      <c r="JM26" s="71">
        <v>2</v>
      </c>
      <c r="JN26" s="71">
        <v>18</v>
      </c>
      <c r="JO26" s="71">
        <v>5</v>
      </c>
      <c r="JP26" s="72">
        <v>44</v>
      </c>
      <c r="JQ26" s="73">
        <v>50</v>
      </c>
      <c r="JR26" s="70">
        <v>0</v>
      </c>
      <c r="JS26" s="71">
        <v>0</v>
      </c>
      <c r="JT26" s="72">
        <v>0</v>
      </c>
      <c r="JU26" s="244"/>
      <c r="JV26" s="71">
        <v>0</v>
      </c>
      <c r="JW26" s="71">
        <v>0</v>
      </c>
      <c r="JX26" s="71">
        <v>0</v>
      </c>
      <c r="JY26" s="71">
        <v>0</v>
      </c>
      <c r="JZ26" s="71">
        <v>0</v>
      </c>
      <c r="KA26" s="72">
        <v>0</v>
      </c>
      <c r="KB26" s="73">
        <v>0</v>
      </c>
      <c r="KC26" s="70">
        <v>20</v>
      </c>
      <c r="KD26" s="71">
        <v>20</v>
      </c>
      <c r="KE26" s="72">
        <v>40</v>
      </c>
      <c r="KF26" s="244"/>
      <c r="KG26" s="71">
        <v>39</v>
      </c>
      <c r="KH26" s="71">
        <v>33</v>
      </c>
      <c r="KI26" s="71">
        <v>24</v>
      </c>
      <c r="KJ26" s="71">
        <v>31</v>
      </c>
      <c r="KK26" s="71">
        <v>16</v>
      </c>
      <c r="KL26" s="72">
        <v>143</v>
      </c>
      <c r="KM26" s="73">
        <v>183</v>
      </c>
    </row>
    <row r="27" spans="2:299" ht="19.8" customHeight="1" x14ac:dyDescent="0.2">
      <c r="B27" s="126" t="s">
        <v>24</v>
      </c>
      <c r="C27" s="316">
        <v>23</v>
      </c>
      <c r="D27" s="82">
        <v>15</v>
      </c>
      <c r="E27" s="83">
        <v>38</v>
      </c>
      <c r="F27" s="241"/>
      <c r="G27" s="82">
        <v>28</v>
      </c>
      <c r="H27" s="82">
        <v>18</v>
      </c>
      <c r="I27" s="82">
        <v>23</v>
      </c>
      <c r="J27" s="82">
        <v>14</v>
      </c>
      <c r="K27" s="82">
        <v>11</v>
      </c>
      <c r="L27" s="84">
        <v>94</v>
      </c>
      <c r="M27" s="85">
        <v>132</v>
      </c>
      <c r="N27" s="70">
        <v>0</v>
      </c>
      <c r="O27" s="71">
        <v>0</v>
      </c>
      <c r="P27" s="72">
        <v>0</v>
      </c>
      <c r="Q27" s="244"/>
      <c r="R27" s="71">
        <v>0</v>
      </c>
      <c r="S27" s="71">
        <v>0</v>
      </c>
      <c r="T27" s="71">
        <v>1</v>
      </c>
      <c r="U27" s="71">
        <v>0</v>
      </c>
      <c r="V27" s="71">
        <v>1</v>
      </c>
      <c r="W27" s="72">
        <v>2</v>
      </c>
      <c r="X27" s="73">
        <v>2</v>
      </c>
      <c r="Y27" s="70">
        <v>0</v>
      </c>
      <c r="Z27" s="71">
        <v>0</v>
      </c>
      <c r="AA27" s="72">
        <v>0</v>
      </c>
      <c r="AB27" s="244"/>
      <c r="AC27" s="71">
        <v>0</v>
      </c>
      <c r="AD27" s="71">
        <v>0</v>
      </c>
      <c r="AE27" s="71">
        <v>4</v>
      </c>
      <c r="AF27" s="71">
        <v>0</v>
      </c>
      <c r="AG27" s="71">
        <v>0</v>
      </c>
      <c r="AH27" s="72">
        <v>4</v>
      </c>
      <c r="AI27" s="73">
        <v>4</v>
      </c>
      <c r="AJ27" s="70">
        <v>3</v>
      </c>
      <c r="AK27" s="71">
        <v>2</v>
      </c>
      <c r="AL27" s="72">
        <v>5</v>
      </c>
      <c r="AM27" s="244"/>
      <c r="AN27" s="71">
        <v>4</v>
      </c>
      <c r="AO27" s="71">
        <v>2</v>
      </c>
      <c r="AP27" s="71">
        <v>1</v>
      </c>
      <c r="AQ27" s="71">
        <v>1</v>
      </c>
      <c r="AR27" s="71">
        <v>2</v>
      </c>
      <c r="AS27" s="72">
        <v>10</v>
      </c>
      <c r="AT27" s="73">
        <v>15</v>
      </c>
      <c r="AU27" s="70">
        <v>10</v>
      </c>
      <c r="AV27" s="71">
        <v>4</v>
      </c>
      <c r="AW27" s="72">
        <v>14</v>
      </c>
      <c r="AX27" s="244"/>
      <c r="AY27" s="71">
        <v>7</v>
      </c>
      <c r="AZ27" s="71">
        <v>5</v>
      </c>
      <c r="BA27" s="71">
        <v>5</v>
      </c>
      <c r="BB27" s="71">
        <v>3</v>
      </c>
      <c r="BC27" s="71">
        <v>3</v>
      </c>
      <c r="BD27" s="72">
        <v>23</v>
      </c>
      <c r="BE27" s="73">
        <v>37</v>
      </c>
      <c r="BF27" s="70">
        <v>9</v>
      </c>
      <c r="BG27" s="71">
        <v>5</v>
      </c>
      <c r="BH27" s="72">
        <v>14</v>
      </c>
      <c r="BI27" s="244"/>
      <c r="BJ27" s="71">
        <v>11</v>
      </c>
      <c r="BK27" s="71">
        <v>5</v>
      </c>
      <c r="BL27" s="71">
        <v>6</v>
      </c>
      <c r="BM27" s="71">
        <v>2</v>
      </c>
      <c r="BN27" s="71">
        <v>4</v>
      </c>
      <c r="BO27" s="72">
        <v>28</v>
      </c>
      <c r="BP27" s="73">
        <v>42</v>
      </c>
      <c r="BQ27" s="70">
        <v>1</v>
      </c>
      <c r="BR27" s="71">
        <v>4</v>
      </c>
      <c r="BS27" s="72">
        <v>5</v>
      </c>
      <c r="BT27" s="244"/>
      <c r="BU27" s="71">
        <v>6</v>
      </c>
      <c r="BV27" s="71">
        <v>6</v>
      </c>
      <c r="BW27" s="71">
        <v>6</v>
      </c>
      <c r="BX27" s="71">
        <v>8</v>
      </c>
      <c r="BY27" s="71">
        <v>1</v>
      </c>
      <c r="BZ27" s="72">
        <v>27</v>
      </c>
      <c r="CA27" s="73">
        <v>32</v>
      </c>
      <c r="CB27" s="70">
        <v>0</v>
      </c>
      <c r="CC27" s="71">
        <v>0</v>
      </c>
      <c r="CD27" s="72">
        <v>0</v>
      </c>
      <c r="CE27" s="244"/>
      <c r="CF27" s="71">
        <v>0</v>
      </c>
      <c r="CG27" s="71">
        <v>0</v>
      </c>
      <c r="CH27" s="71">
        <v>0</v>
      </c>
      <c r="CI27" s="71">
        <v>0</v>
      </c>
      <c r="CJ27" s="71">
        <v>0</v>
      </c>
      <c r="CK27" s="72">
        <v>0</v>
      </c>
      <c r="CL27" s="73">
        <v>0</v>
      </c>
      <c r="CM27" s="70">
        <v>23</v>
      </c>
      <c r="CN27" s="71">
        <v>15</v>
      </c>
      <c r="CO27" s="72">
        <v>38</v>
      </c>
      <c r="CP27" s="244"/>
      <c r="CQ27" s="71">
        <v>28</v>
      </c>
      <c r="CR27" s="71">
        <v>18</v>
      </c>
      <c r="CS27" s="71">
        <v>23</v>
      </c>
      <c r="CT27" s="71">
        <v>14</v>
      </c>
      <c r="CU27" s="71">
        <v>11</v>
      </c>
      <c r="CV27" s="72">
        <v>94</v>
      </c>
      <c r="CW27" s="73">
        <v>132</v>
      </c>
      <c r="CX27" s="123">
        <v>8</v>
      </c>
      <c r="CY27" s="82">
        <v>7</v>
      </c>
      <c r="CZ27" s="83">
        <v>15</v>
      </c>
      <c r="DA27" s="241"/>
      <c r="DB27" s="82">
        <v>9</v>
      </c>
      <c r="DC27" s="82">
        <v>8</v>
      </c>
      <c r="DD27" s="82">
        <v>6</v>
      </c>
      <c r="DE27" s="82">
        <v>5</v>
      </c>
      <c r="DF27" s="82">
        <v>5</v>
      </c>
      <c r="DG27" s="84">
        <v>33</v>
      </c>
      <c r="DH27" s="85">
        <v>48</v>
      </c>
      <c r="DI27" s="70">
        <v>0</v>
      </c>
      <c r="DJ27" s="71">
        <v>0</v>
      </c>
      <c r="DK27" s="72">
        <v>0</v>
      </c>
      <c r="DL27" s="244"/>
      <c r="DM27" s="71">
        <v>0</v>
      </c>
      <c r="DN27" s="71">
        <v>0</v>
      </c>
      <c r="DO27" s="71">
        <v>0</v>
      </c>
      <c r="DP27" s="71">
        <v>0</v>
      </c>
      <c r="DQ27" s="71">
        <v>0</v>
      </c>
      <c r="DR27" s="72">
        <v>0</v>
      </c>
      <c r="DS27" s="73">
        <v>0</v>
      </c>
      <c r="DT27" s="70">
        <v>1</v>
      </c>
      <c r="DU27" s="71">
        <v>0</v>
      </c>
      <c r="DV27" s="72">
        <v>1</v>
      </c>
      <c r="DW27" s="244"/>
      <c r="DX27" s="71">
        <v>1</v>
      </c>
      <c r="DY27" s="71">
        <v>0</v>
      </c>
      <c r="DZ27" s="71">
        <v>1</v>
      </c>
      <c r="EA27" s="71">
        <v>1</v>
      </c>
      <c r="EB27" s="71">
        <v>0</v>
      </c>
      <c r="EC27" s="72">
        <v>3</v>
      </c>
      <c r="ED27" s="73">
        <v>4</v>
      </c>
      <c r="EE27" s="70">
        <v>0</v>
      </c>
      <c r="EF27" s="71">
        <v>1</v>
      </c>
      <c r="EG27" s="72">
        <v>1</v>
      </c>
      <c r="EH27" s="244"/>
      <c r="EI27" s="71">
        <v>1</v>
      </c>
      <c r="EJ27" s="71">
        <v>1</v>
      </c>
      <c r="EK27" s="71">
        <v>0</v>
      </c>
      <c r="EL27" s="71">
        <v>0</v>
      </c>
      <c r="EM27" s="71">
        <v>0</v>
      </c>
      <c r="EN27" s="72">
        <v>2</v>
      </c>
      <c r="EO27" s="73">
        <v>3</v>
      </c>
      <c r="EP27" s="70">
        <v>1</v>
      </c>
      <c r="EQ27" s="71">
        <v>2</v>
      </c>
      <c r="ER27" s="72">
        <v>3</v>
      </c>
      <c r="ES27" s="244"/>
      <c r="ET27" s="71">
        <v>3</v>
      </c>
      <c r="EU27" s="71">
        <v>1</v>
      </c>
      <c r="EV27" s="71">
        <v>3</v>
      </c>
      <c r="EW27" s="71">
        <v>1</v>
      </c>
      <c r="EX27" s="71">
        <v>1</v>
      </c>
      <c r="EY27" s="72">
        <v>9</v>
      </c>
      <c r="EZ27" s="73">
        <v>12</v>
      </c>
      <c r="FA27" s="70">
        <v>4</v>
      </c>
      <c r="FB27" s="71">
        <v>3</v>
      </c>
      <c r="FC27" s="72">
        <v>7</v>
      </c>
      <c r="FD27" s="244"/>
      <c r="FE27" s="71">
        <v>1</v>
      </c>
      <c r="FF27" s="71">
        <v>2</v>
      </c>
      <c r="FG27" s="71">
        <v>2</v>
      </c>
      <c r="FH27" s="71">
        <v>1</v>
      </c>
      <c r="FI27" s="71">
        <v>3</v>
      </c>
      <c r="FJ27" s="72">
        <v>9</v>
      </c>
      <c r="FK27" s="73">
        <v>16</v>
      </c>
      <c r="FL27" s="70">
        <v>2</v>
      </c>
      <c r="FM27" s="71">
        <v>1</v>
      </c>
      <c r="FN27" s="72">
        <v>3</v>
      </c>
      <c r="FO27" s="244"/>
      <c r="FP27" s="71">
        <v>3</v>
      </c>
      <c r="FQ27" s="71">
        <v>4</v>
      </c>
      <c r="FR27" s="71">
        <v>0</v>
      </c>
      <c r="FS27" s="71">
        <v>2</v>
      </c>
      <c r="FT27" s="71">
        <v>1</v>
      </c>
      <c r="FU27" s="72">
        <v>10</v>
      </c>
      <c r="FV27" s="73">
        <v>13</v>
      </c>
      <c r="FW27" s="70">
        <v>0</v>
      </c>
      <c r="FX27" s="71">
        <v>0</v>
      </c>
      <c r="FY27" s="72">
        <v>0</v>
      </c>
      <c r="FZ27" s="244"/>
      <c r="GA27" s="71">
        <v>0</v>
      </c>
      <c r="GB27" s="71">
        <v>0</v>
      </c>
      <c r="GC27" s="71">
        <v>0</v>
      </c>
      <c r="GD27" s="71">
        <v>0</v>
      </c>
      <c r="GE27" s="71">
        <v>0</v>
      </c>
      <c r="GF27" s="72">
        <v>0</v>
      </c>
      <c r="GG27" s="73">
        <v>0</v>
      </c>
      <c r="GH27" s="70">
        <v>8</v>
      </c>
      <c r="GI27" s="71">
        <v>7</v>
      </c>
      <c r="GJ27" s="72">
        <v>15</v>
      </c>
      <c r="GK27" s="244"/>
      <c r="GL27" s="71">
        <v>9</v>
      </c>
      <c r="GM27" s="71">
        <v>8</v>
      </c>
      <c r="GN27" s="71">
        <v>6</v>
      </c>
      <c r="GO27" s="71">
        <v>5</v>
      </c>
      <c r="GP27" s="71">
        <v>5</v>
      </c>
      <c r="GQ27" s="72">
        <v>33</v>
      </c>
      <c r="GR27" s="73">
        <v>48</v>
      </c>
      <c r="GS27" s="123">
        <v>31</v>
      </c>
      <c r="GT27" s="82">
        <v>22</v>
      </c>
      <c r="GU27" s="83">
        <v>53</v>
      </c>
      <c r="GV27" s="241"/>
      <c r="GW27" s="82">
        <v>37</v>
      </c>
      <c r="GX27" s="82">
        <v>26</v>
      </c>
      <c r="GY27" s="82">
        <v>29</v>
      </c>
      <c r="GZ27" s="82">
        <v>19</v>
      </c>
      <c r="HA27" s="82">
        <v>16</v>
      </c>
      <c r="HB27" s="84">
        <v>127</v>
      </c>
      <c r="HC27" s="85">
        <v>180</v>
      </c>
      <c r="HD27" s="70">
        <v>0</v>
      </c>
      <c r="HE27" s="71">
        <v>0</v>
      </c>
      <c r="HF27" s="72">
        <v>0</v>
      </c>
      <c r="HG27" s="244"/>
      <c r="HH27" s="71">
        <v>0</v>
      </c>
      <c r="HI27" s="71">
        <v>0</v>
      </c>
      <c r="HJ27" s="71">
        <v>1</v>
      </c>
      <c r="HK27" s="71">
        <v>0</v>
      </c>
      <c r="HL27" s="71">
        <v>1</v>
      </c>
      <c r="HM27" s="72">
        <v>2</v>
      </c>
      <c r="HN27" s="73">
        <v>2</v>
      </c>
      <c r="HO27" s="70">
        <v>1</v>
      </c>
      <c r="HP27" s="71">
        <v>0</v>
      </c>
      <c r="HQ27" s="72">
        <v>1</v>
      </c>
      <c r="HR27" s="244"/>
      <c r="HS27" s="71">
        <v>1</v>
      </c>
      <c r="HT27" s="71">
        <v>0</v>
      </c>
      <c r="HU27" s="71">
        <v>5</v>
      </c>
      <c r="HV27" s="71">
        <v>1</v>
      </c>
      <c r="HW27" s="71">
        <v>0</v>
      </c>
      <c r="HX27" s="72">
        <v>7</v>
      </c>
      <c r="HY27" s="73">
        <v>8</v>
      </c>
      <c r="HZ27" s="70">
        <v>3</v>
      </c>
      <c r="IA27" s="71">
        <v>3</v>
      </c>
      <c r="IB27" s="72">
        <v>6</v>
      </c>
      <c r="IC27" s="244"/>
      <c r="ID27" s="71">
        <v>5</v>
      </c>
      <c r="IE27" s="71">
        <v>3</v>
      </c>
      <c r="IF27" s="71">
        <v>1</v>
      </c>
      <c r="IG27" s="71">
        <v>1</v>
      </c>
      <c r="IH27" s="71">
        <v>2</v>
      </c>
      <c r="II27" s="72">
        <v>12</v>
      </c>
      <c r="IJ27" s="73">
        <v>18</v>
      </c>
      <c r="IK27" s="70">
        <v>11</v>
      </c>
      <c r="IL27" s="71">
        <v>6</v>
      </c>
      <c r="IM27" s="72">
        <v>17</v>
      </c>
      <c r="IN27" s="244"/>
      <c r="IO27" s="71">
        <v>10</v>
      </c>
      <c r="IP27" s="71">
        <v>6</v>
      </c>
      <c r="IQ27" s="71">
        <v>8</v>
      </c>
      <c r="IR27" s="71">
        <v>4</v>
      </c>
      <c r="IS27" s="71">
        <v>4</v>
      </c>
      <c r="IT27" s="72">
        <v>32</v>
      </c>
      <c r="IU27" s="73">
        <v>49</v>
      </c>
      <c r="IV27" s="70">
        <v>13</v>
      </c>
      <c r="IW27" s="71">
        <v>8</v>
      </c>
      <c r="IX27" s="72">
        <v>21</v>
      </c>
      <c r="IY27" s="244"/>
      <c r="IZ27" s="71">
        <v>12</v>
      </c>
      <c r="JA27" s="71">
        <v>7</v>
      </c>
      <c r="JB27" s="71">
        <v>8</v>
      </c>
      <c r="JC27" s="71">
        <v>3</v>
      </c>
      <c r="JD27" s="71">
        <v>7</v>
      </c>
      <c r="JE27" s="72">
        <v>37</v>
      </c>
      <c r="JF27" s="73">
        <v>58</v>
      </c>
      <c r="JG27" s="70">
        <v>3</v>
      </c>
      <c r="JH27" s="71">
        <v>5</v>
      </c>
      <c r="JI27" s="72">
        <v>8</v>
      </c>
      <c r="JJ27" s="244"/>
      <c r="JK27" s="71">
        <v>9</v>
      </c>
      <c r="JL27" s="71">
        <v>10</v>
      </c>
      <c r="JM27" s="71">
        <v>6</v>
      </c>
      <c r="JN27" s="71">
        <v>10</v>
      </c>
      <c r="JO27" s="71">
        <v>2</v>
      </c>
      <c r="JP27" s="72">
        <v>37</v>
      </c>
      <c r="JQ27" s="73">
        <v>45</v>
      </c>
      <c r="JR27" s="70">
        <v>0</v>
      </c>
      <c r="JS27" s="71">
        <v>0</v>
      </c>
      <c r="JT27" s="72">
        <v>0</v>
      </c>
      <c r="JU27" s="244"/>
      <c r="JV27" s="71">
        <v>0</v>
      </c>
      <c r="JW27" s="71">
        <v>0</v>
      </c>
      <c r="JX27" s="71">
        <v>0</v>
      </c>
      <c r="JY27" s="71">
        <v>0</v>
      </c>
      <c r="JZ27" s="71">
        <v>0</v>
      </c>
      <c r="KA27" s="72">
        <v>0</v>
      </c>
      <c r="KB27" s="73">
        <v>0</v>
      </c>
      <c r="KC27" s="70">
        <v>31</v>
      </c>
      <c r="KD27" s="71">
        <v>22</v>
      </c>
      <c r="KE27" s="72">
        <v>53</v>
      </c>
      <c r="KF27" s="244"/>
      <c r="KG27" s="71">
        <v>37</v>
      </c>
      <c r="KH27" s="71">
        <v>26</v>
      </c>
      <c r="KI27" s="71">
        <v>29</v>
      </c>
      <c r="KJ27" s="71">
        <v>19</v>
      </c>
      <c r="KK27" s="71">
        <v>16</v>
      </c>
      <c r="KL27" s="72">
        <v>127</v>
      </c>
      <c r="KM27" s="73">
        <v>180</v>
      </c>
    </row>
    <row r="28" spans="2:299" ht="19.8" customHeight="1" x14ac:dyDescent="0.2">
      <c r="B28" s="126" t="s">
        <v>25</v>
      </c>
      <c r="C28" s="316">
        <v>8</v>
      </c>
      <c r="D28" s="82">
        <v>7</v>
      </c>
      <c r="E28" s="83">
        <v>15</v>
      </c>
      <c r="F28" s="241"/>
      <c r="G28" s="82">
        <v>13</v>
      </c>
      <c r="H28" s="82">
        <v>11</v>
      </c>
      <c r="I28" s="82">
        <v>7</v>
      </c>
      <c r="J28" s="82">
        <v>1</v>
      </c>
      <c r="K28" s="82">
        <v>5</v>
      </c>
      <c r="L28" s="84">
        <v>37</v>
      </c>
      <c r="M28" s="85">
        <v>52</v>
      </c>
      <c r="N28" s="70">
        <v>0</v>
      </c>
      <c r="O28" s="71">
        <v>0</v>
      </c>
      <c r="P28" s="72">
        <v>0</v>
      </c>
      <c r="Q28" s="244"/>
      <c r="R28" s="71">
        <v>0</v>
      </c>
      <c r="S28" s="71">
        <v>1</v>
      </c>
      <c r="T28" s="71">
        <v>0</v>
      </c>
      <c r="U28" s="71">
        <v>0</v>
      </c>
      <c r="V28" s="71">
        <v>1</v>
      </c>
      <c r="W28" s="72">
        <v>2</v>
      </c>
      <c r="X28" s="73">
        <v>2</v>
      </c>
      <c r="Y28" s="70">
        <v>1</v>
      </c>
      <c r="Z28" s="71">
        <v>0</v>
      </c>
      <c r="AA28" s="72">
        <v>1</v>
      </c>
      <c r="AB28" s="244"/>
      <c r="AC28" s="71">
        <v>2</v>
      </c>
      <c r="AD28" s="71">
        <v>2</v>
      </c>
      <c r="AE28" s="71">
        <v>0</v>
      </c>
      <c r="AF28" s="71">
        <v>0</v>
      </c>
      <c r="AG28" s="71">
        <v>1</v>
      </c>
      <c r="AH28" s="72">
        <v>5</v>
      </c>
      <c r="AI28" s="73">
        <v>6</v>
      </c>
      <c r="AJ28" s="70">
        <v>1</v>
      </c>
      <c r="AK28" s="71">
        <v>1</v>
      </c>
      <c r="AL28" s="72">
        <v>2</v>
      </c>
      <c r="AM28" s="244"/>
      <c r="AN28" s="71">
        <v>3</v>
      </c>
      <c r="AO28" s="71">
        <v>1</v>
      </c>
      <c r="AP28" s="71">
        <v>0</v>
      </c>
      <c r="AQ28" s="71">
        <v>0</v>
      </c>
      <c r="AR28" s="71">
        <v>0</v>
      </c>
      <c r="AS28" s="72">
        <v>4</v>
      </c>
      <c r="AT28" s="73">
        <v>6</v>
      </c>
      <c r="AU28" s="70">
        <v>4</v>
      </c>
      <c r="AV28" s="71">
        <v>2</v>
      </c>
      <c r="AW28" s="72">
        <v>6</v>
      </c>
      <c r="AX28" s="244"/>
      <c r="AY28" s="71">
        <v>2</v>
      </c>
      <c r="AZ28" s="71">
        <v>2</v>
      </c>
      <c r="BA28" s="71">
        <v>3</v>
      </c>
      <c r="BB28" s="71">
        <v>0</v>
      </c>
      <c r="BC28" s="71">
        <v>1</v>
      </c>
      <c r="BD28" s="72">
        <v>8</v>
      </c>
      <c r="BE28" s="73">
        <v>14</v>
      </c>
      <c r="BF28" s="70">
        <v>1</v>
      </c>
      <c r="BG28" s="71">
        <v>2</v>
      </c>
      <c r="BH28" s="72">
        <v>3</v>
      </c>
      <c r="BI28" s="244"/>
      <c r="BJ28" s="71">
        <v>3</v>
      </c>
      <c r="BK28" s="71">
        <v>0</v>
      </c>
      <c r="BL28" s="71">
        <v>3</v>
      </c>
      <c r="BM28" s="71">
        <v>0</v>
      </c>
      <c r="BN28" s="71">
        <v>2</v>
      </c>
      <c r="BO28" s="72">
        <v>8</v>
      </c>
      <c r="BP28" s="73">
        <v>11</v>
      </c>
      <c r="BQ28" s="70">
        <v>1</v>
      </c>
      <c r="BR28" s="71">
        <v>2</v>
      </c>
      <c r="BS28" s="72">
        <v>3</v>
      </c>
      <c r="BT28" s="244"/>
      <c r="BU28" s="71">
        <v>3</v>
      </c>
      <c r="BV28" s="71">
        <v>5</v>
      </c>
      <c r="BW28" s="71">
        <v>1</v>
      </c>
      <c r="BX28" s="71">
        <v>1</v>
      </c>
      <c r="BY28" s="71">
        <v>0</v>
      </c>
      <c r="BZ28" s="72">
        <v>10</v>
      </c>
      <c r="CA28" s="73">
        <v>13</v>
      </c>
      <c r="CB28" s="70">
        <v>0</v>
      </c>
      <c r="CC28" s="71">
        <v>0</v>
      </c>
      <c r="CD28" s="72">
        <v>0</v>
      </c>
      <c r="CE28" s="244"/>
      <c r="CF28" s="71">
        <v>0</v>
      </c>
      <c r="CG28" s="71">
        <v>0</v>
      </c>
      <c r="CH28" s="71">
        <v>0</v>
      </c>
      <c r="CI28" s="71">
        <v>0</v>
      </c>
      <c r="CJ28" s="71">
        <v>0</v>
      </c>
      <c r="CK28" s="72">
        <v>0</v>
      </c>
      <c r="CL28" s="73">
        <v>0</v>
      </c>
      <c r="CM28" s="70">
        <v>8</v>
      </c>
      <c r="CN28" s="71">
        <v>7</v>
      </c>
      <c r="CO28" s="72">
        <v>15</v>
      </c>
      <c r="CP28" s="244"/>
      <c r="CQ28" s="71">
        <v>13</v>
      </c>
      <c r="CR28" s="71">
        <v>11</v>
      </c>
      <c r="CS28" s="71">
        <v>7</v>
      </c>
      <c r="CT28" s="71">
        <v>1</v>
      </c>
      <c r="CU28" s="71">
        <v>5</v>
      </c>
      <c r="CV28" s="72">
        <v>37</v>
      </c>
      <c r="CW28" s="73">
        <v>52</v>
      </c>
      <c r="CX28" s="123">
        <v>12</v>
      </c>
      <c r="CY28" s="82">
        <v>11</v>
      </c>
      <c r="CZ28" s="83">
        <v>23</v>
      </c>
      <c r="DA28" s="241"/>
      <c r="DB28" s="82">
        <v>10</v>
      </c>
      <c r="DC28" s="82">
        <v>6</v>
      </c>
      <c r="DD28" s="82">
        <v>2</v>
      </c>
      <c r="DE28" s="82">
        <v>5</v>
      </c>
      <c r="DF28" s="82">
        <v>3</v>
      </c>
      <c r="DG28" s="84">
        <v>26</v>
      </c>
      <c r="DH28" s="85">
        <v>49</v>
      </c>
      <c r="DI28" s="70">
        <v>0</v>
      </c>
      <c r="DJ28" s="71">
        <v>0</v>
      </c>
      <c r="DK28" s="72">
        <v>0</v>
      </c>
      <c r="DL28" s="244"/>
      <c r="DM28" s="71">
        <v>0</v>
      </c>
      <c r="DN28" s="71">
        <v>0</v>
      </c>
      <c r="DO28" s="71">
        <v>0</v>
      </c>
      <c r="DP28" s="71">
        <v>0</v>
      </c>
      <c r="DQ28" s="71">
        <v>0</v>
      </c>
      <c r="DR28" s="72">
        <v>0</v>
      </c>
      <c r="DS28" s="73">
        <v>0</v>
      </c>
      <c r="DT28" s="70">
        <v>2</v>
      </c>
      <c r="DU28" s="71">
        <v>0</v>
      </c>
      <c r="DV28" s="72">
        <v>2</v>
      </c>
      <c r="DW28" s="244"/>
      <c r="DX28" s="71">
        <v>0</v>
      </c>
      <c r="DY28" s="71">
        <v>1</v>
      </c>
      <c r="DZ28" s="71">
        <v>0</v>
      </c>
      <c r="EA28" s="71">
        <v>0</v>
      </c>
      <c r="EB28" s="71">
        <v>1</v>
      </c>
      <c r="EC28" s="72">
        <v>2</v>
      </c>
      <c r="ED28" s="73">
        <v>4</v>
      </c>
      <c r="EE28" s="70">
        <v>2</v>
      </c>
      <c r="EF28" s="71">
        <v>2</v>
      </c>
      <c r="EG28" s="72">
        <v>4</v>
      </c>
      <c r="EH28" s="244"/>
      <c r="EI28" s="71">
        <v>0</v>
      </c>
      <c r="EJ28" s="71">
        <v>1</v>
      </c>
      <c r="EK28" s="71">
        <v>0</v>
      </c>
      <c r="EL28" s="71">
        <v>0</v>
      </c>
      <c r="EM28" s="71">
        <v>0</v>
      </c>
      <c r="EN28" s="72">
        <v>1</v>
      </c>
      <c r="EO28" s="73">
        <v>5</v>
      </c>
      <c r="EP28" s="70">
        <v>2</v>
      </c>
      <c r="EQ28" s="71">
        <v>1</v>
      </c>
      <c r="ER28" s="72">
        <v>3</v>
      </c>
      <c r="ES28" s="244"/>
      <c r="ET28" s="71">
        <v>0</v>
      </c>
      <c r="EU28" s="71">
        <v>0</v>
      </c>
      <c r="EV28" s="71">
        <v>0</v>
      </c>
      <c r="EW28" s="71">
        <v>2</v>
      </c>
      <c r="EX28" s="71">
        <v>0</v>
      </c>
      <c r="EY28" s="72">
        <v>2</v>
      </c>
      <c r="EZ28" s="73">
        <v>5</v>
      </c>
      <c r="FA28" s="70">
        <v>1</v>
      </c>
      <c r="FB28" s="71">
        <v>6</v>
      </c>
      <c r="FC28" s="72">
        <v>7</v>
      </c>
      <c r="FD28" s="244"/>
      <c r="FE28" s="71">
        <v>6</v>
      </c>
      <c r="FF28" s="71">
        <v>0</v>
      </c>
      <c r="FG28" s="71">
        <v>0</v>
      </c>
      <c r="FH28" s="71">
        <v>1</v>
      </c>
      <c r="FI28" s="71">
        <v>1</v>
      </c>
      <c r="FJ28" s="72">
        <v>8</v>
      </c>
      <c r="FK28" s="73">
        <v>15</v>
      </c>
      <c r="FL28" s="70">
        <v>5</v>
      </c>
      <c r="FM28" s="71">
        <v>2</v>
      </c>
      <c r="FN28" s="72">
        <v>7</v>
      </c>
      <c r="FO28" s="244"/>
      <c r="FP28" s="71">
        <v>4</v>
      </c>
      <c r="FQ28" s="71">
        <v>4</v>
      </c>
      <c r="FR28" s="71">
        <v>2</v>
      </c>
      <c r="FS28" s="71">
        <v>2</v>
      </c>
      <c r="FT28" s="71">
        <v>1</v>
      </c>
      <c r="FU28" s="72">
        <v>13</v>
      </c>
      <c r="FV28" s="73">
        <v>20</v>
      </c>
      <c r="FW28" s="70">
        <v>0</v>
      </c>
      <c r="FX28" s="71">
        <v>0</v>
      </c>
      <c r="FY28" s="72">
        <v>0</v>
      </c>
      <c r="FZ28" s="244"/>
      <c r="GA28" s="71">
        <v>0</v>
      </c>
      <c r="GB28" s="71">
        <v>0</v>
      </c>
      <c r="GC28" s="71">
        <v>0</v>
      </c>
      <c r="GD28" s="71">
        <v>0</v>
      </c>
      <c r="GE28" s="71">
        <v>0</v>
      </c>
      <c r="GF28" s="72">
        <v>0</v>
      </c>
      <c r="GG28" s="73">
        <v>0</v>
      </c>
      <c r="GH28" s="70">
        <v>12</v>
      </c>
      <c r="GI28" s="71">
        <v>11</v>
      </c>
      <c r="GJ28" s="72">
        <v>23</v>
      </c>
      <c r="GK28" s="244"/>
      <c r="GL28" s="71">
        <v>10</v>
      </c>
      <c r="GM28" s="71">
        <v>6</v>
      </c>
      <c r="GN28" s="71">
        <v>2</v>
      </c>
      <c r="GO28" s="71">
        <v>5</v>
      </c>
      <c r="GP28" s="71">
        <v>3</v>
      </c>
      <c r="GQ28" s="72">
        <v>26</v>
      </c>
      <c r="GR28" s="73">
        <v>49</v>
      </c>
      <c r="GS28" s="123">
        <v>20</v>
      </c>
      <c r="GT28" s="82">
        <v>18</v>
      </c>
      <c r="GU28" s="83">
        <v>38</v>
      </c>
      <c r="GV28" s="241"/>
      <c r="GW28" s="82">
        <v>23</v>
      </c>
      <c r="GX28" s="82">
        <v>17</v>
      </c>
      <c r="GY28" s="82">
        <v>9</v>
      </c>
      <c r="GZ28" s="82">
        <v>6</v>
      </c>
      <c r="HA28" s="82">
        <v>8</v>
      </c>
      <c r="HB28" s="84">
        <v>63</v>
      </c>
      <c r="HC28" s="85">
        <v>101</v>
      </c>
      <c r="HD28" s="70">
        <v>0</v>
      </c>
      <c r="HE28" s="71">
        <v>0</v>
      </c>
      <c r="HF28" s="72">
        <v>0</v>
      </c>
      <c r="HG28" s="244"/>
      <c r="HH28" s="71">
        <v>0</v>
      </c>
      <c r="HI28" s="71">
        <v>1</v>
      </c>
      <c r="HJ28" s="71">
        <v>0</v>
      </c>
      <c r="HK28" s="71">
        <v>0</v>
      </c>
      <c r="HL28" s="71">
        <v>1</v>
      </c>
      <c r="HM28" s="72">
        <v>2</v>
      </c>
      <c r="HN28" s="73">
        <v>2</v>
      </c>
      <c r="HO28" s="70">
        <v>3</v>
      </c>
      <c r="HP28" s="71">
        <v>0</v>
      </c>
      <c r="HQ28" s="72">
        <v>3</v>
      </c>
      <c r="HR28" s="244"/>
      <c r="HS28" s="71">
        <v>2</v>
      </c>
      <c r="HT28" s="71">
        <v>3</v>
      </c>
      <c r="HU28" s="71">
        <v>0</v>
      </c>
      <c r="HV28" s="71">
        <v>0</v>
      </c>
      <c r="HW28" s="71">
        <v>2</v>
      </c>
      <c r="HX28" s="72">
        <v>7</v>
      </c>
      <c r="HY28" s="73">
        <v>10</v>
      </c>
      <c r="HZ28" s="70">
        <v>3</v>
      </c>
      <c r="IA28" s="71">
        <v>3</v>
      </c>
      <c r="IB28" s="72">
        <v>6</v>
      </c>
      <c r="IC28" s="244"/>
      <c r="ID28" s="71">
        <v>3</v>
      </c>
      <c r="IE28" s="71">
        <v>2</v>
      </c>
      <c r="IF28" s="71">
        <v>0</v>
      </c>
      <c r="IG28" s="71">
        <v>0</v>
      </c>
      <c r="IH28" s="71">
        <v>0</v>
      </c>
      <c r="II28" s="72">
        <v>5</v>
      </c>
      <c r="IJ28" s="73">
        <v>11</v>
      </c>
      <c r="IK28" s="70">
        <v>6</v>
      </c>
      <c r="IL28" s="71">
        <v>3</v>
      </c>
      <c r="IM28" s="72">
        <v>9</v>
      </c>
      <c r="IN28" s="244"/>
      <c r="IO28" s="71">
        <v>2</v>
      </c>
      <c r="IP28" s="71">
        <v>2</v>
      </c>
      <c r="IQ28" s="71">
        <v>3</v>
      </c>
      <c r="IR28" s="71">
        <v>2</v>
      </c>
      <c r="IS28" s="71">
        <v>1</v>
      </c>
      <c r="IT28" s="72">
        <v>10</v>
      </c>
      <c r="IU28" s="73">
        <v>19</v>
      </c>
      <c r="IV28" s="70">
        <v>2</v>
      </c>
      <c r="IW28" s="71">
        <v>8</v>
      </c>
      <c r="IX28" s="72">
        <v>10</v>
      </c>
      <c r="IY28" s="244"/>
      <c r="IZ28" s="71">
        <v>9</v>
      </c>
      <c r="JA28" s="71">
        <v>0</v>
      </c>
      <c r="JB28" s="71">
        <v>3</v>
      </c>
      <c r="JC28" s="71">
        <v>1</v>
      </c>
      <c r="JD28" s="71">
        <v>3</v>
      </c>
      <c r="JE28" s="72">
        <v>16</v>
      </c>
      <c r="JF28" s="73">
        <v>26</v>
      </c>
      <c r="JG28" s="70">
        <v>6</v>
      </c>
      <c r="JH28" s="71">
        <v>4</v>
      </c>
      <c r="JI28" s="72">
        <v>10</v>
      </c>
      <c r="JJ28" s="244"/>
      <c r="JK28" s="71">
        <v>7</v>
      </c>
      <c r="JL28" s="71">
        <v>9</v>
      </c>
      <c r="JM28" s="71">
        <v>3</v>
      </c>
      <c r="JN28" s="71">
        <v>3</v>
      </c>
      <c r="JO28" s="71">
        <v>1</v>
      </c>
      <c r="JP28" s="72">
        <v>23</v>
      </c>
      <c r="JQ28" s="73">
        <v>33</v>
      </c>
      <c r="JR28" s="70">
        <v>0</v>
      </c>
      <c r="JS28" s="71">
        <v>0</v>
      </c>
      <c r="JT28" s="72">
        <v>0</v>
      </c>
      <c r="JU28" s="244"/>
      <c r="JV28" s="71">
        <v>0</v>
      </c>
      <c r="JW28" s="71">
        <v>0</v>
      </c>
      <c r="JX28" s="71">
        <v>0</v>
      </c>
      <c r="JY28" s="71">
        <v>0</v>
      </c>
      <c r="JZ28" s="71">
        <v>0</v>
      </c>
      <c r="KA28" s="72">
        <v>0</v>
      </c>
      <c r="KB28" s="73">
        <v>0</v>
      </c>
      <c r="KC28" s="70">
        <v>20</v>
      </c>
      <c r="KD28" s="71">
        <v>18</v>
      </c>
      <c r="KE28" s="72">
        <v>38</v>
      </c>
      <c r="KF28" s="244"/>
      <c r="KG28" s="71">
        <v>23</v>
      </c>
      <c r="KH28" s="71">
        <v>17</v>
      </c>
      <c r="KI28" s="71">
        <v>9</v>
      </c>
      <c r="KJ28" s="71">
        <v>6</v>
      </c>
      <c r="KK28" s="71">
        <v>8</v>
      </c>
      <c r="KL28" s="72">
        <v>63</v>
      </c>
      <c r="KM28" s="73">
        <v>101</v>
      </c>
    </row>
    <row r="29" spans="2:299" ht="19.8" customHeight="1" x14ac:dyDescent="0.2">
      <c r="B29" s="126" t="s">
        <v>26</v>
      </c>
      <c r="C29" s="316">
        <v>13</v>
      </c>
      <c r="D29" s="82">
        <v>11</v>
      </c>
      <c r="E29" s="83">
        <v>24</v>
      </c>
      <c r="F29" s="241"/>
      <c r="G29" s="82">
        <v>23</v>
      </c>
      <c r="H29" s="82">
        <v>18</v>
      </c>
      <c r="I29" s="82">
        <v>9</v>
      </c>
      <c r="J29" s="82">
        <v>5</v>
      </c>
      <c r="K29" s="82">
        <v>3</v>
      </c>
      <c r="L29" s="84">
        <v>58</v>
      </c>
      <c r="M29" s="85">
        <v>82</v>
      </c>
      <c r="N29" s="70">
        <v>1</v>
      </c>
      <c r="O29" s="71">
        <v>0</v>
      </c>
      <c r="P29" s="72">
        <v>1</v>
      </c>
      <c r="Q29" s="244"/>
      <c r="R29" s="71">
        <v>1</v>
      </c>
      <c r="S29" s="71">
        <v>1</v>
      </c>
      <c r="T29" s="71">
        <v>0</v>
      </c>
      <c r="U29" s="71">
        <v>0</v>
      </c>
      <c r="V29" s="71">
        <v>0</v>
      </c>
      <c r="W29" s="72">
        <v>2</v>
      </c>
      <c r="X29" s="73">
        <v>3</v>
      </c>
      <c r="Y29" s="70">
        <v>1</v>
      </c>
      <c r="Z29" s="71">
        <v>0</v>
      </c>
      <c r="AA29" s="72">
        <v>1</v>
      </c>
      <c r="AB29" s="244"/>
      <c r="AC29" s="71">
        <v>1</v>
      </c>
      <c r="AD29" s="71">
        <v>2</v>
      </c>
      <c r="AE29" s="71">
        <v>1</v>
      </c>
      <c r="AF29" s="71">
        <v>0</v>
      </c>
      <c r="AG29" s="71">
        <v>0</v>
      </c>
      <c r="AH29" s="72">
        <v>4</v>
      </c>
      <c r="AI29" s="73">
        <v>5</v>
      </c>
      <c r="AJ29" s="70">
        <v>0</v>
      </c>
      <c r="AK29" s="71">
        <v>2</v>
      </c>
      <c r="AL29" s="72">
        <v>2</v>
      </c>
      <c r="AM29" s="244"/>
      <c r="AN29" s="71">
        <v>3</v>
      </c>
      <c r="AO29" s="71">
        <v>3</v>
      </c>
      <c r="AP29" s="71">
        <v>1</v>
      </c>
      <c r="AQ29" s="71">
        <v>2</v>
      </c>
      <c r="AR29" s="71">
        <v>0</v>
      </c>
      <c r="AS29" s="72">
        <v>9</v>
      </c>
      <c r="AT29" s="73">
        <v>11</v>
      </c>
      <c r="AU29" s="70">
        <v>1</v>
      </c>
      <c r="AV29" s="71">
        <v>2</v>
      </c>
      <c r="AW29" s="72">
        <v>3</v>
      </c>
      <c r="AX29" s="244"/>
      <c r="AY29" s="71">
        <v>6</v>
      </c>
      <c r="AZ29" s="71">
        <v>2</v>
      </c>
      <c r="BA29" s="71">
        <v>2</v>
      </c>
      <c r="BB29" s="71">
        <v>0</v>
      </c>
      <c r="BC29" s="71">
        <v>1</v>
      </c>
      <c r="BD29" s="72">
        <v>11</v>
      </c>
      <c r="BE29" s="73">
        <v>14</v>
      </c>
      <c r="BF29" s="70">
        <v>6</v>
      </c>
      <c r="BG29" s="71">
        <v>4</v>
      </c>
      <c r="BH29" s="72">
        <v>10</v>
      </c>
      <c r="BI29" s="244"/>
      <c r="BJ29" s="71">
        <v>2</v>
      </c>
      <c r="BK29" s="71">
        <v>6</v>
      </c>
      <c r="BL29" s="71">
        <v>1</v>
      </c>
      <c r="BM29" s="71">
        <v>1</v>
      </c>
      <c r="BN29" s="71">
        <v>2</v>
      </c>
      <c r="BO29" s="72">
        <v>12</v>
      </c>
      <c r="BP29" s="73">
        <v>22</v>
      </c>
      <c r="BQ29" s="70">
        <v>4</v>
      </c>
      <c r="BR29" s="71">
        <v>3</v>
      </c>
      <c r="BS29" s="72">
        <v>7</v>
      </c>
      <c r="BT29" s="244"/>
      <c r="BU29" s="71">
        <v>10</v>
      </c>
      <c r="BV29" s="71">
        <v>4</v>
      </c>
      <c r="BW29" s="71">
        <v>4</v>
      </c>
      <c r="BX29" s="71">
        <v>2</v>
      </c>
      <c r="BY29" s="71">
        <v>0</v>
      </c>
      <c r="BZ29" s="72">
        <v>20</v>
      </c>
      <c r="CA29" s="73">
        <v>27</v>
      </c>
      <c r="CB29" s="70">
        <v>0</v>
      </c>
      <c r="CC29" s="71">
        <v>0</v>
      </c>
      <c r="CD29" s="72">
        <v>0</v>
      </c>
      <c r="CE29" s="244"/>
      <c r="CF29" s="71">
        <v>0</v>
      </c>
      <c r="CG29" s="71">
        <v>0</v>
      </c>
      <c r="CH29" s="71">
        <v>0</v>
      </c>
      <c r="CI29" s="71">
        <v>0</v>
      </c>
      <c r="CJ29" s="71">
        <v>0</v>
      </c>
      <c r="CK29" s="72">
        <v>0</v>
      </c>
      <c r="CL29" s="73">
        <v>0</v>
      </c>
      <c r="CM29" s="70">
        <v>13</v>
      </c>
      <c r="CN29" s="71">
        <v>11</v>
      </c>
      <c r="CO29" s="72">
        <v>24</v>
      </c>
      <c r="CP29" s="244"/>
      <c r="CQ29" s="71">
        <v>23</v>
      </c>
      <c r="CR29" s="71">
        <v>18</v>
      </c>
      <c r="CS29" s="71">
        <v>9</v>
      </c>
      <c r="CT29" s="71">
        <v>5</v>
      </c>
      <c r="CU29" s="71">
        <v>3</v>
      </c>
      <c r="CV29" s="72">
        <v>58</v>
      </c>
      <c r="CW29" s="73">
        <v>82</v>
      </c>
      <c r="CX29" s="123">
        <v>7</v>
      </c>
      <c r="CY29" s="82">
        <v>6</v>
      </c>
      <c r="CZ29" s="83">
        <v>13</v>
      </c>
      <c r="DA29" s="241"/>
      <c r="DB29" s="82">
        <v>4</v>
      </c>
      <c r="DC29" s="82">
        <v>3</v>
      </c>
      <c r="DD29" s="82">
        <v>1</v>
      </c>
      <c r="DE29" s="82">
        <v>4</v>
      </c>
      <c r="DF29" s="82">
        <v>3</v>
      </c>
      <c r="DG29" s="84">
        <v>15</v>
      </c>
      <c r="DH29" s="85">
        <v>28</v>
      </c>
      <c r="DI29" s="70">
        <v>0</v>
      </c>
      <c r="DJ29" s="71">
        <v>0</v>
      </c>
      <c r="DK29" s="72">
        <v>0</v>
      </c>
      <c r="DL29" s="244"/>
      <c r="DM29" s="71">
        <v>0</v>
      </c>
      <c r="DN29" s="71">
        <v>0</v>
      </c>
      <c r="DO29" s="71">
        <v>0</v>
      </c>
      <c r="DP29" s="71">
        <v>0</v>
      </c>
      <c r="DQ29" s="71">
        <v>0</v>
      </c>
      <c r="DR29" s="72">
        <v>0</v>
      </c>
      <c r="DS29" s="73">
        <v>0</v>
      </c>
      <c r="DT29" s="70">
        <v>1</v>
      </c>
      <c r="DU29" s="71">
        <v>0</v>
      </c>
      <c r="DV29" s="72">
        <v>1</v>
      </c>
      <c r="DW29" s="244"/>
      <c r="DX29" s="71">
        <v>0</v>
      </c>
      <c r="DY29" s="71">
        <v>0</v>
      </c>
      <c r="DZ29" s="71">
        <v>0</v>
      </c>
      <c r="EA29" s="71">
        <v>0</v>
      </c>
      <c r="EB29" s="71">
        <v>0</v>
      </c>
      <c r="EC29" s="72">
        <v>0</v>
      </c>
      <c r="ED29" s="73">
        <v>1</v>
      </c>
      <c r="EE29" s="70">
        <v>2</v>
      </c>
      <c r="EF29" s="71">
        <v>0</v>
      </c>
      <c r="EG29" s="72">
        <v>2</v>
      </c>
      <c r="EH29" s="244"/>
      <c r="EI29" s="71">
        <v>0</v>
      </c>
      <c r="EJ29" s="71">
        <v>0</v>
      </c>
      <c r="EK29" s="71">
        <v>0</v>
      </c>
      <c r="EL29" s="71">
        <v>0</v>
      </c>
      <c r="EM29" s="71">
        <v>0</v>
      </c>
      <c r="EN29" s="72">
        <v>0</v>
      </c>
      <c r="EO29" s="73">
        <v>2</v>
      </c>
      <c r="EP29" s="70">
        <v>0</v>
      </c>
      <c r="EQ29" s="71">
        <v>0</v>
      </c>
      <c r="ER29" s="72">
        <v>0</v>
      </c>
      <c r="ES29" s="244"/>
      <c r="ET29" s="71">
        <v>0</v>
      </c>
      <c r="EU29" s="71">
        <v>0</v>
      </c>
      <c r="EV29" s="71">
        <v>0</v>
      </c>
      <c r="EW29" s="71">
        <v>0</v>
      </c>
      <c r="EX29" s="71">
        <v>0</v>
      </c>
      <c r="EY29" s="72">
        <v>0</v>
      </c>
      <c r="EZ29" s="73">
        <v>0</v>
      </c>
      <c r="FA29" s="70">
        <v>0</v>
      </c>
      <c r="FB29" s="71">
        <v>3</v>
      </c>
      <c r="FC29" s="72">
        <v>3</v>
      </c>
      <c r="FD29" s="244"/>
      <c r="FE29" s="71">
        <v>2</v>
      </c>
      <c r="FF29" s="71">
        <v>3</v>
      </c>
      <c r="FG29" s="71">
        <v>1</v>
      </c>
      <c r="FH29" s="71">
        <v>0</v>
      </c>
      <c r="FI29" s="71">
        <v>0</v>
      </c>
      <c r="FJ29" s="72">
        <v>6</v>
      </c>
      <c r="FK29" s="73">
        <v>9</v>
      </c>
      <c r="FL29" s="70">
        <v>4</v>
      </c>
      <c r="FM29" s="71">
        <v>3</v>
      </c>
      <c r="FN29" s="72">
        <v>7</v>
      </c>
      <c r="FO29" s="244"/>
      <c r="FP29" s="71">
        <v>2</v>
      </c>
      <c r="FQ29" s="71">
        <v>0</v>
      </c>
      <c r="FR29" s="71">
        <v>0</v>
      </c>
      <c r="FS29" s="71">
        <v>4</v>
      </c>
      <c r="FT29" s="71">
        <v>3</v>
      </c>
      <c r="FU29" s="72">
        <v>9</v>
      </c>
      <c r="FV29" s="73">
        <v>16</v>
      </c>
      <c r="FW29" s="70">
        <v>0</v>
      </c>
      <c r="FX29" s="71">
        <v>0</v>
      </c>
      <c r="FY29" s="72">
        <v>0</v>
      </c>
      <c r="FZ29" s="244"/>
      <c r="GA29" s="71">
        <v>0</v>
      </c>
      <c r="GB29" s="71">
        <v>0</v>
      </c>
      <c r="GC29" s="71">
        <v>0</v>
      </c>
      <c r="GD29" s="71">
        <v>0</v>
      </c>
      <c r="GE29" s="71">
        <v>0</v>
      </c>
      <c r="GF29" s="72">
        <v>0</v>
      </c>
      <c r="GG29" s="73">
        <v>0</v>
      </c>
      <c r="GH29" s="70">
        <v>7</v>
      </c>
      <c r="GI29" s="71">
        <v>6</v>
      </c>
      <c r="GJ29" s="72">
        <v>13</v>
      </c>
      <c r="GK29" s="244"/>
      <c r="GL29" s="71">
        <v>4</v>
      </c>
      <c r="GM29" s="71">
        <v>3</v>
      </c>
      <c r="GN29" s="71">
        <v>1</v>
      </c>
      <c r="GO29" s="71">
        <v>4</v>
      </c>
      <c r="GP29" s="71">
        <v>3</v>
      </c>
      <c r="GQ29" s="72">
        <v>15</v>
      </c>
      <c r="GR29" s="73">
        <v>28</v>
      </c>
      <c r="GS29" s="123">
        <v>20</v>
      </c>
      <c r="GT29" s="82">
        <v>17</v>
      </c>
      <c r="GU29" s="83">
        <v>37</v>
      </c>
      <c r="GV29" s="241"/>
      <c r="GW29" s="82">
        <v>27</v>
      </c>
      <c r="GX29" s="82">
        <v>21</v>
      </c>
      <c r="GY29" s="82">
        <v>10</v>
      </c>
      <c r="GZ29" s="82">
        <v>9</v>
      </c>
      <c r="HA29" s="82">
        <v>6</v>
      </c>
      <c r="HB29" s="84">
        <v>73</v>
      </c>
      <c r="HC29" s="85">
        <v>110</v>
      </c>
      <c r="HD29" s="70">
        <v>1</v>
      </c>
      <c r="HE29" s="71">
        <v>0</v>
      </c>
      <c r="HF29" s="72">
        <v>1</v>
      </c>
      <c r="HG29" s="244"/>
      <c r="HH29" s="71">
        <v>1</v>
      </c>
      <c r="HI29" s="71">
        <v>1</v>
      </c>
      <c r="HJ29" s="71">
        <v>0</v>
      </c>
      <c r="HK29" s="71">
        <v>0</v>
      </c>
      <c r="HL29" s="71">
        <v>0</v>
      </c>
      <c r="HM29" s="72">
        <v>2</v>
      </c>
      <c r="HN29" s="73">
        <v>3</v>
      </c>
      <c r="HO29" s="70">
        <v>2</v>
      </c>
      <c r="HP29" s="71">
        <v>0</v>
      </c>
      <c r="HQ29" s="72">
        <v>2</v>
      </c>
      <c r="HR29" s="244"/>
      <c r="HS29" s="71">
        <v>1</v>
      </c>
      <c r="HT29" s="71">
        <v>2</v>
      </c>
      <c r="HU29" s="71">
        <v>1</v>
      </c>
      <c r="HV29" s="71">
        <v>0</v>
      </c>
      <c r="HW29" s="71">
        <v>0</v>
      </c>
      <c r="HX29" s="72">
        <v>4</v>
      </c>
      <c r="HY29" s="73">
        <v>6</v>
      </c>
      <c r="HZ29" s="70">
        <v>2</v>
      </c>
      <c r="IA29" s="71">
        <v>2</v>
      </c>
      <c r="IB29" s="72">
        <v>4</v>
      </c>
      <c r="IC29" s="244"/>
      <c r="ID29" s="71">
        <v>3</v>
      </c>
      <c r="IE29" s="71">
        <v>3</v>
      </c>
      <c r="IF29" s="71">
        <v>1</v>
      </c>
      <c r="IG29" s="71">
        <v>2</v>
      </c>
      <c r="IH29" s="71">
        <v>0</v>
      </c>
      <c r="II29" s="72">
        <v>9</v>
      </c>
      <c r="IJ29" s="73">
        <v>13</v>
      </c>
      <c r="IK29" s="70">
        <v>1</v>
      </c>
      <c r="IL29" s="71">
        <v>2</v>
      </c>
      <c r="IM29" s="72">
        <v>3</v>
      </c>
      <c r="IN29" s="244"/>
      <c r="IO29" s="71">
        <v>6</v>
      </c>
      <c r="IP29" s="71">
        <v>2</v>
      </c>
      <c r="IQ29" s="71">
        <v>2</v>
      </c>
      <c r="IR29" s="71">
        <v>0</v>
      </c>
      <c r="IS29" s="71">
        <v>1</v>
      </c>
      <c r="IT29" s="72">
        <v>11</v>
      </c>
      <c r="IU29" s="73">
        <v>14</v>
      </c>
      <c r="IV29" s="70">
        <v>6</v>
      </c>
      <c r="IW29" s="71">
        <v>7</v>
      </c>
      <c r="IX29" s="72">
        <v>13</v>
      </c>
      <c r="IY29" s="244"/>
      <c r="IZ29" s="71">
        <v>4</v>
      </c>
      <c r="JA29" s="71">
        <v>9</v>
      </c>
      <c r="JB29" s="71">
        <v>2</v>
      </c>
      <c r="JC29" s="71">
        <v>1</v>
      </c>
      <c r="JD29" s="71">
        <v>2</v>
      </c>
      <c r="JE29" s="72">
        <v>18</v>
      </c>
      <c r="JF29" s="73">
        <v>31</v>
      </c>
      <c r="JG29" s="70">
        <v>8</v>
      </c>
      <c r="JH29" s="71">
        <v>6</v>
      </c>
      <c r="JI29" s="72">
        <v>14</v>
      </c>
      <c r="JJ29" s="244"/>
      <c r="JK29" s="71">
        <v>12</v>
      </c>
      <c r="JL29" s="71">
        <v>4</v>
      </c>
      <c r="JM29" s="71">
        <v>4</v>
      </c>
      <c r="JN29" s="71">
        <v>6</v>
      </c>
      <c r="JO29" s="71">
        <v>3</v>
      </c>
      <c r="JP29" s="72">
        <v>29</v>
      </c>
      <c r="JQ29" s="73">
        <v>43</v>
      </c>
      <c r="JR29" s="70">
        <v>0</v>
      </c>
      <c r="JS29" s="71">
        <v>0</v>
      </c>
      <c r="JT29" s="72">
        <v>0</v>
      </c>
      <c r="JU29" s="244"/>
      <c r="JV29" s="71">
        <v>0</v>
      </c>
      <c r="JW29" s="71">
        <v>0</v>
      </c>
      <c r="JX29" s="71">
        <v>0</v>
      </c>
      <c r="JY29" s="71">
        <v>0</v>
      </c>
      <c r="JZ29" s="71">
        <v>0</v>
      </c>
      <c r="KA29" s="72">
        <v>0</v>
      </c>
      <c r="KB29" s="73">
        <v>0</v>
      </c>
      <c r="KC29" s="70">
        <v>20</v>
      </c>
      <c r="KD29" s="71">
        <v>17</v>
      </c>
      <c r="KE29" s="72">
        <v>37</v>
      </c>
      <c r="KF29" s="244"/>
      <c r="KG29" s="71">
        <v>27</v>
      </c>
      <c r="KH29" s="71">
        <v>21</v>
      </c>
      <c r="KI29" s="71">
        <v>10</v>
      </c>
      <c r="KJ29" s="71">
        <v>9</v>
      </c>
      <c r="KK29" s="71">
        <v>6</v>
      </c>
      <c r="KL29" s="72">
        <v>73</v>
      </c>
      <c r="KM29" s="73">
        <v>110</v>
      </c>
    </row>
    <row r="30" spans="2:299" ht="19.8" customHeight="1" x14ac:dyDescent="0.2">
      <c r="B30" s="126" t="s">
        <v>27</v>
      </c>
      <c r="C30" s="316">
        <v>13</v>
      </c>
      <c r="D30" s="82">
        <v>21</v>
      </c>
      <c r="E30" s="83">
        <v>34</v>
      </c>
      <c r="F30" s="241"/>
      <c r="G30" s="82">
        <v>15</v>
      </c>
      <c r="H30" s="82">
        <v>11</v>
      </c>
      <c r="I30" s="82">
        <v>8</v>
      </c>
      <c r="J30" s="82">
        <v>3</v>
      </c>
      <c r="K30" s="82">
        <v>2</v>
      </c>
      <c r="L30" s="84">
        <v>39</v>
      </c>
      <c r="M30" s="85">
        <v>73</v>
      </c>
      <c r="N30" s="70">
        <v>2</v>
      </c>
      <c r="O30" s="71">
        <v>0</v>
      </c>
      <c r="P30" s="72">
        <v>2</v>
      </c>
      <c r="Q30" s="244"/>
      <c r="R30" s="71">
        <v>0</v>
      </c>
      <c r="S30" s="71">
        <v>0</v>
      </c>
      <c r="T30" s="71">
        <v>1</v>
      </c>
      <c r="U30" s="71">
        <v>0</v>
      </c>
      <c r="V30" s="71">
        <v>0</v>
      </c>
      <c r="W30" s="72">
        <v>1</v>
      </c>
      <c r="X30" s="73">
        <v>3</v>
      </c>
      <c r="Y30" s="70">
        <v>1</v>
      </c>
      <c r="Z30" s="71">
        <v>1</v>
      </c>
      <c r="AA30" s="72">
        <v>2</v>
      </c>
      <c r="AB30" s="244"/>
      <c r="AC30" s="71">
        <v>0</v>
      </c>
      <c r="AD30" s="71">
        <v>1</v>
      </c>
      <c r="AE30" s="71">
        <v>0</v>
      </c>
      <c r="AF30" s="71">
        <v>0</v>
      </c>
      <c r="AG30" s="71">
        <v>0</v>
      </c>
      <c r="AH30" s="72">
        <v>1</v>
      </c>
      <c r="AI30" s="73">
        <v>3</v>
      </c>
      <c r="AJ30" s="70">
        <v>1</v>
      </c>
      <c r="AK30" s="71">
        <v>4</v>
      </c>
      <c r="AL30" s="72">
        <v>5</v>
      </c>
      <c r="AM30" s="244"/>
      <c r="AN30" s="71">
        <v>2</v>
      </c>
      <c r="AO30" s="71">
        <v>1</v>
      </c>
      <c r="AP30" s="71">
        <v>2</v>
      </c>
      <c r="AQ30" s="71">
        <v>0</v>
      </c>
      <c r="AR30" s="71">
        <v>0</v>
      </c>
      <c r="AS30" s="72">
        <v>5</v>
      </c>
      <c r="AT30" s="73">
        <v>10</v>
      </c>
      <c r="AU30" s="70">
        <v>3</v>
      </c>
      <c r="AV30" s="71">
        <v>4</v>
      </c>
      <c r="AW30" s="72">
        <v>7</v>
      </c>
      <c r="AX30" s="244"/>
      <c r="AY30" s="71">
        <v>4</v>
      </c>
      <c r="AZ30" s="71">
        <v>1</v>
      </c>
      <c r="BA30" s="71">
        <v>3</v>
      </c>
      <c r="BB30" s="71">
        <v>1</v>
      </c>
      <c r="BC30" s="71">
        <v>1</v>
      </c>
      <c r="BD30" s="72">
        <v>10</v>
      </c>
      <c r="BE30" s="73">
        <v>17</v>
      </c>
      <c r="BF30" s="70">
        <v>3</v>
      </c>
      <c r="BG30" s="71">
        <v>9</v>
      </c>
      <c r="BH30" s="72">
        <v>12</v>
      </c>
      <c r="BI30" s="244"/>
      <c r="BJ30" s="71">
        <v>6</v>
      </c>
      <c r="BK30" s="71">
        <v>4</v>
      </c>
      <c r="BL30" s="71">
        <v>1</v>
      </c>
      <c r="BM30" s="71">
        <v>1</v>
      </c>
      <c r="BN30" s="71">
        <v>0</v>
      </c>
      <c r="BO30" s="72">
        <v>12</v>
      </c>
      <c r="BP30" s="73">
        <v>24</v>
      </c>
      <c r="BQ30" s="70">
        <v>3</v>
      </c>
      <c r="BR30" s="71">
        <v>3</v>
      </c>
      <c r="BS30" s="72">
        <v>6</v>
      </c>
      <c r="BT30" s="244"/>
      <c r="BU30" s="71">
        <v>3</v>
      </c>
      <c r="BV30" s="71">
        <v>4</v>
      </c>
      <c r="BW30" s="71">
        <v>1</v>
      </c>
      <c r="BX30" s="71">
        <v>1</v>
      </c>
      <c r="BY30" s="71">
        <v>1</v>
      </c>
      <c r="BZ30" s="72">
        <v>10</v>
      </c>
      <c r="CA30" s="73">
        <v>16</v>
      </c>
      <c r="CB30" s="70">
        <v>0</v>
      </c>
      <c r="CC30" s="71">
        <v>0</v>
      </c>
      <c r="CD30" s="72">
        <v>0</v>
      </c>
      <c r="CE30" s="244"/>
      <c r="CF30" s="71">
        <v>0</v>
      </c>
      <c r="CG30" s="71">
        <v>0</v>
      </c>
      <c r="CH30" s="71">
        <v>0</v>
      </c>
      <c r="CI30" s="71">
        <v>0</v>
      </c>
      <c r="CJ30" s="71">
        <v>0</v>
      </c>
      <c r="CK30" s="72">
        <v>0</v>
      </c>
      <c r="CL30" s="73">
        <v>0</v>
      </c>
      <c r="CM30" s="70">
        <v>13</v>
      </c>
      <c r="CN30" s="71">
        <v>21</v>
      </c>
      <c r="CO30" s="72">
        <v>34</v>
      </c>
      <c r="CP30" s="244"/>
      <c r="CQ30" s="71">
        <v>15</v>
      </c>
      <c r="CR30" s="71">
        <v>11</v>
      </c>
      <c r="CS30" s="71">
        <v>8</v>
      </c>
      <c r="CT30" s="71">
        <v>3</v>
      </c>
      <c r="CU30" s="71">
        <v>2</v>
      </c>
      <c r="CV30" s="72">
        <v>39</v>
      </c>
      <c r="CW30" s="73">
        <v>73</v>
      </c>
      <c r="CX30" s="123">
        <v>3</v>
      </c>
      <c r="CY30" s="82">
        <v>5</v>
      </c>
      <c r="CZ30" s="83">
        <v>8</v>
      </c>
      <c r="DA30" s="241"/>
      <c r="DB30" s="82">
        <v>4</v>
      </c>
      <c r="DC30" s="82">
        <v>3</v>
      </c>
      <c r="DD30" s="82">
        <v>7</v>
      </c>
      <c r="DE30" s="82">
        <v>2</v>
      </c>
      <c r="DF30" s="82">
        <v>2</v>
      </c>
      <c r="DG30" s="84">
        <v>18</v>
      </c>
      <c r="DH30" s="85">
        <v>26</v>
      </c>
      <c r="DI30" s="70">
        <v>0</v>
      </c>
      <c r="DJ30" s="71">
        <v>0</v>
      </c>
      <c r="DK30" s="72">
        <v>0</v>
      </c>
      <c r="DL30" s="244"/>
      <c r="DM30" s="71">
        <v>0</v>
      </c>
      <c r="DN30" s="71">
        <v>0</v>
      </c>
      <c r="DO30" s="71">
        <v>0</v>
      </c>
      <c r="DP30" s="71">
        <v>0</v>
      </c>
      <c r="DQ30" s="71">
        <v>0</v>
      </c>
      <c r="DR30" s="72">
        <v>0</v>
      </c>
      <c r="DS30" s="73">
        <v>0</v>
      </c>
      <c r="DT30" s="70">
        <v>0</v>
      </c>
      <c r="DU30" s="71">
        <v>1</v>
      </c>
      <c r="DV30" s="72">
        <v>1</v>
      </c>
      <c r="DW30" s="244"/>
      <c r="DX30" s="71">
        <v>0</v>
      </c>
      <c r="DY30" s="71">
        <v>0</v>
      </c>
      <c r="DZ30" s="71">
        <v>0</v>
      </c>
      <c r="EA30" s="71">
        <v>0</v>
      </c>
      <c r="EB30" s="71">
        <v>0</v>
      </c>
      <c r="EC30" s="72">
        <v>0</v>
      </c>
      <c r="ED30" s="73">
        <v>1</v>
      </c>
      <c r="EE30" s="70">
        <v>0</v>
      </c>
      <c r="EF30" s="71">
        <v>0</v>
      </c>
      <c r="EG30" s="72">
        <v>0</v>
      </c>
      <c r="EH30" s="244"/>
      <c r="EI30" s="71">
        <v>0</v>
      </c>
      <c r="EJ30" s="71">
        <v>2</v>
      </c>
      <c r="EK30" s="71">
        <v>0</v>
      </c>
      <c r="EL30" s="71">
        <v>0</v>
      </c>
      <c r="EM30" s="71">
        <v>0</v>
      </c>
      <c r="EN30" s="72">
        <v>2</v>
      </c>
      <c r="EO30" s="73">
        <v>2</v>
      </c>
      <c r="EP30" s="70">
        <v>2</v>
      </c>
      <c r="EQ30" s="71">
        <v>0</v>
      </c>
      <c r="ER30" s="72">
        <v>2</v>
      </c>
      <c r="ES30" s="244"/>
      <c r="ET30" s="71">
        <v>2</v>
      </c>
      <c r="EU30" s="71">
        <v>0</v>
      </c>
      <c r="EV30" s="71">
        <v>0</v>
      </c>
      <c r="EW30" s="71">
        <v>0</v>
      </c>
      <c r="EX30" s="71">
        <v>0</v>
      </c>
      <c r="EY30" s="72">
        <v>2</v>
      </c>
      <c r="EZ30" s="73">
        <v>4</v>
      </c>
      <c r="FA30" s="70">
        <v>1</v>
      </c>
      <c r="FB30" s="71">
        <v>3</v>
      </c>
      <c r="FC30" s="72">
        <v>4</v>
      </c>
      <c r="FD30" s="244"/>
      <c r="FE30" s="71">
        <v>1</v>
      </c>
      <c r="FF30" s="71">
        <v>0</v>
      </c>
      <c r="FG30" s="71">
        <v>3</v>
      </c>
      <c r="FH30" s="71">
        <v>0</v>
      </c>
      <c r="FI30" s="71">
        <v>1</v>
      </c>
      <c r="FJ30" s="72">
        <v>5</v>
      </c>
      <c r="FK30" s="73">
        <v>9</v>
      </c>
      <c r="FL30" s="70">
        <v>0</v>
      </c>
      <c r="FM30" s="71">
        <v>1</v>
      </c>
      <c r="FN30" s="72">
        <v>1</v>
      </c>
      <c r="FO30" s="244"/>
      <c r="FP30" s="71">
        <v>1</v>
      </c>
      <c r="FQ30" s="71">
        <v>1</v>
      </c>
      <c r="FR30" s="71">
        <v>4</v>
      </c>
      <c r="FS30" s="71">
        <v>2</v>
      </c>
      <c r="FT30" s="71">
        <v>1</v>
      </c>
      <c r="FU30" s="72">
        <v>9</v>
      </c>
      <c r="FV30" s="73">
        <v>10</v>
      </c>
      <c r="FW30" s="70">
        <v>0</v>
      </c>
      <c r="FX30" s="71">
        <v>0</v>
      </c>
      <c r="FY30" s="72">
        <v>0</v>
      </c>
      <c r="FZ30" s="244"/>
      <c r="GA30" s="71">
        <v>0</v>
      </c>
      <c r="GB30" s="71">
        <v>0</v>
      </c>
      <c r="GC30" s="71">
        <v>0</v>
      </c>
      <c r="GD30" s="71">
        <v>0</v>
      </c>
      <c r="GE30" s="71">
        <v>0</v>
      </c>
      <c r="GF30" s="72">
        <v>0</v>
      </c>
      <c r="GG30" s="73">
        <v>0</v>
      </c>
      <c r="GH30" s="70">
        <v>3</v>
      </c>
      <c r="GI30" s="71">
        <v>5</v>
      </c>
      <c r="GJ30" s="72">
        <v>8</v>
      </c>
      <c r="GK30" s="244"/>
      <c r="GL30" s="71">
        <v>4</v>
      </c>
      <c r="GM30" s="71">
        <v>3</v>
      </c>
      <c r="GN30" s="71">
        <v>7</v>
      </c>
      <c r="GO30" s="71">
        <v>2</v>
      </c>
      <c r="GP30" s="71">
        <v>2</v>
      </c>
      <c r="GQ30" s="72">
        <v>18</v>
      </c>
      <c r="GR30" s="73">
        <v>26</v>
      </c>
      <c r="GS30" s="123">
        <v>16</v>
      </c>
      <c r="GT30" s="82">
        <v>26</v>
      </c>
      <c r="GU30" s="83">
        <v>42</v>
      </c>
      <c r="GV30" s="241"/>
      <c r="GW30" s="82">
        <v>19</v>
      </c>
      <c r="GX30" s="82">
        <v>14</v>
      </c>
      <c r="GY30" s="82">
        <v>15</v>
      </c>
      <c r="GZ30" s="82">
        <v>5</v>
      </c>
      <c r="HA30" s="82">
        <v>4</v>
      </c>
      <c r="HB30" s="84">
        <v>57</v>
      </c>
      <c r="HC30" s="85">
        <v>99</v>
      </c>
      <c r="HD30" s="70">
        <v>2</v>
      </c>
      <c r="HE30" s="71">
        <v>0</v>
      </c>
      <c r="HF30" s="72">
        <v>2</v>
      </c>
      <c r="HG30" s="244"/>
      <c r="HH30" s="71">
        <v>0</v>
      </c>
      <c r="HI30" s="71">
        <v>0</v>
      </c>
      <c r="HJ30" s="71">
        <v>1</v>
      </c>
      <c r="HK30" s="71">
        <v>0</v>
      </c>
      <c r="HL30" s="71">
        <v>0</v>
      </c>
      <c r="HM30" s="72">
        <v>1</v>
      </c>
      <c r="HN30" s="73">
        <v>3</v>
      </c>
      <c r="HO30" s="70">
        <v>1</v>
      </c>
      <c r="HP30" s="71">
        <v>2</v>
      </c>
      <c r="HQ30" s="72">
        <v>3</v>
      </c>
      <c r="HR30" s="244"/>
      <c r="HS30" s="71">
        <v>0</v>
      </c>
      <c r="HT30" s="71">
        <v>1</v>
      </c>
      <c r="HU30" s="71">
        <v>0</v>
      </c>
      <c r="HV30" s="71">
        <v>0</v>
      </c>
      <c r="HW30" s="71">
        <v>0</v>
      </c>
      <c r="HX30" s="72">
        <v>1</v>
      </c>
      <c r="HY30" s="73">
        <v>4</v>
      </c>
      <c r="HZ30" s="70">
        <v>1</v>
      </c>
      <c r="IA30" s="71">
        <v>4</v>
      </c>
      <c r="IB30" s="72">
        <v>5</v>
      </c>
      <c r="IC30" s="244"/>
      <c r="ID30" s="71">
        <v>2</v>
      </c>
      <c r="IE30" s="71">
        <v>3</v>
      </c>
      <c r="IF30" s="71">
        <v>2</v>
      </c>
      <c r="IG30" s="71">
        <v>0</v>
      </c>
      <c r="IH30" s="71">
        <v>0</v>
      </c>
      <c r="II30" s="72">
        <v>7</v>
      </c>
      <c r="IJ30" s="73">
        <v>12</v>
      </c>
      <c r="IK30" s="70">
        <v>5</v>
      </c>
      <c r="IL30" s="71">
        <v>4</v>
      </c>
      <c r="IM30" s="72">
        <v>9</v>
      </c>
      <c r="IN30" s="244"/>
      <c r="IO30" s="71">
        <v>6</v>
      </c>
      <c r="IP30" s="71">
        <v>1</v>
      </c>
      <c r="IQ30" s="71">
        <v>3</v>
      </c>
      <c r="IR30" s="71">
        <v>1</v>
      </c>
      <c r="IS30" s="71">
        <v>1</v>
      </c>
      <c r="IT30" s="72">
        <v>12</v>
      </c>
      <c r="IU30" s="73">
        <v>21</v>
      </c>
      <c r="IV30" s="70">
        <v>4</v>
      </c>
      <c r="IW30" s="71">
        <v>12</v>
      </c>
      <c r="IX30" s="72">
        <v>16</v>
      </c>
      <c r="IY30" s="244"/>
      <c r="IZ30" s="71">
        <v>7</v>
      </c>
      <c r="JA30" s="71">
        <v>4</v>
      </c>
      <c r="JB30" s="71">
        <v>4</v>
      </c>
      <c r="JC30" s="71">
        <v>1</v>
      </c>
      <c r="JD30" s="71">
        <v>1</v>
      </c>
      <c r="JE30" s="72">
        <v>17</v>
      </c>
      <c r="JF30" s="73">
        <v>33</v>
      </c>
      <c r="JG30" s="70">
        <v>3</v>
      </c>
      <c r="JH30" s="71">
        <v>4</v>
      </c>
      <c r="JI30" s="72">
        <v>7</v>
      </c>
      <c r="JJ30" s="244"/>
      <c r="JK30" s="71">
        <v>4</v>
      </c>
      <c r="JL30" s="71">
        <v>5</v>
      </c>
      <c r="JM30" s="71">
        <v>5</v>
      </c>
      <c r="JN30" s="71">
        <v>3</v>
      </c>
      <c r="JO30" s="71">
        <v>2</v>
      </c>
      <c r="JP30" s="72">
        <v>19</v>
      </c>
      <c r="JQ30" s="73">
        <v>26</v>
      </c>
      <c r="JR30" s="70">
        <v>0</v>
      </c>
      <c r="JS30" s="71">
        <v>0</v>
      </c>
      <c r="JT30" s="72">
        <v>0</v>
      </c>
      <c r="JU30" s="244"/>
      <c r="JV30" s="71">
        <v>0</v>
      </c>
      <c r="JW30" s="71">
        <v>0</v>
      </c>
      <c r="JX30" s="71">
        <v>0</v>
      </c>
      <c r="JY30" s="71">
        <v>0</v>
      </c>
      <c r="JZ30" s="71">
        <v>0</v>
      </c>
      <c r="KA30" s="72">
        <v>0</v>
      </c>
      <c r="KB30" s="73">
        <v>0</v>
      </c>
      <c r="KC30" s="70">
        <v>16</v>
      </c>
      <c r="KD30" s="71">
        <v>26</v>
      </c>
      <c r="KE30" s="72">
        <v>42</v>
      </c>
      <c r="KF30" s="244"/>
      <c r="KG30" s="71">
        <v>19</v>
      </c>
      <c r="KH30" s="71">
        <v>14</v>
      </c>
      <c r="KI30" s="71">
        <v>15</v>
      </c>
      <c r="KJ30" s="71">
        <v>5</v>
      </c>
      <c r="KK30" s="71">
        <v>4</v>
      </c>
      <c r="KL30" s="72">
        <v>57</v>
      </c>
      <c r="KM30" s="73">
        <v>99</v>
      </c>
    </row>
    <row r="31" spans="2:299" ht="19.8" customHeight="1" x14ac:dyDescent="0.2">
      <c r="B31" s="126" t="s">
        <v>28</v>
      </c>
      <c r="C31" s="316">
        <v>2</v>
      </c>
      <c r="D31" s="82">
        <v>1</v>
      </c>
      <c r="E31" s="83">
        <v>3</v>
      </c>
      <c r="F31" s="241"/>
      <c r="G31" s="82">
        <v>10</v>
      </c>
      <c r="H31" s="82">
        <v>4</v>
      </c>
      <c r="I31" s="82">
        <v>4</v>
      </c>
      <c r="J31" s="82">
        <v>2</v>
      </c>
      <c r="K31" s="82">
        <v>4</v>
      </c>
      <c r="L31" s="84">
        <v>24</v>
      </c>
      <c r="M31" s="85">
        <v>27</v>
      </c>
      <c r="N31" s="70">
        <v>0</v>
      </c>
      <c r="O31" s="71">
        <v>0</v>
      </c>
      <c r="P31" s="72">
        <v>0</v>
      </c>
      <c r="Q31" s="244"/>
      <c r="R31" s="71">
        <v>0</v>
      </c>
      <c r="S31" s="71">
        <v>0</v>
      </c>
      <c r="T31" s="71">
        <v>1</v>
      </c>
      <c r="U31" s="71">
        <v>0</v>
      </c>
      <c r="V31" s="71">
        <v>0</v>
      </c>
      <c r="W31" s="72">
        <v>1</v>
      </c>
      <c r="X31" s="73">
        <v>1</v>
      </c>
      <c r="Y31" s="70">
        <v>0</v>
      </c>
      <c r="Z31" s="71">
        <v>1</v>
      </c>
      <c r="AA31" s="72">
        <v>1</v>
      </c>
      <c r="AB31" s="244"/>
      <c r="AC31" s="71">
        <v>1</v>
      </c>
      <c r="AD31" s="71">
        <v>2</v>
      </c>
      <c r="AE31" s="71">
        <v>0</v>
      </c>
      <c r="AF31" s="71">
        <v>0</v>
      </c>
      <c r="AG31" s="71">
        <v>0</v>
      </c>
      <c r="AH31" s="72">
        <v>3</v>
      </c>
      <c r="AI31" s="73">
        <v>4</v>
      </c>
      <c r="AJ31" s="70">
        <v>0</v>
      </c>
      <c r="AK31" s="71">
        <v>0</v>
      </c>
      <c r="AL31" s="72">
        <v>0</v>
      </c>
      <c r="AM31" s="244"/>
      <c r="AN31" s="71">
        <v>1</v>
      </c>
      <c r="AO31" s="71">
        <v>1</v>
      </c>
      <c r="AP31" s="71">
        <v>0</v>
      </c>
      <c r="AQ31" s="71">
        <v>0</v>
      </c>
      <c r="AR31" s="71">
        <v>0</v>
      </c>
      <c r="AS31" s="72">
        <v>2</v>
      </c>
      <c r="AT31" s="73">
        <v>2</v>
      </c>
      <c r="AU31" s="70">
        <v>1</v>
      </c>
      <c r="AV31" s="71">
        <v>0</v>
      </c>
      <c r="AW31" s="72">
        <v>1</v>
      </c>
      <c r="AX31" s="244"/>
      <c r="AY31" s="71">
        <v>2</v>
      </c>
      <c r="AZ31" s="71">
        <v>0</v>
      </c>
      <c r="BA31" s="71">
        <v>0</v>
      </c>
      <c r="BB31" s="71">
        <v>0</v>
      </c>
      <c r="BC31" s="71">
        <v>2</v>
      </c>
      <c r="BD31" s="72">
        <v>4</v>
      </c>
      <c r="BE31" s="73">
        <v>5</v>
      </c>
      <c r="BF31" s="70">
        <v>1</v>
      </c>
      <c r="BG31" s="71">
        <v>0</v>
      </c>
      <c r="BH31" s="72">
        <v>1</v>
      </c>
      <c r="BI31" s="244"/>
      <c r="BJ31" s="71">
        <v>3</v>
      </c>
      <c r="BK31" s="71">
        <v>0</v>
      </c>
      <c r="BL31" s="71">
        <v>0</v>
      </c>
      <c r="BM31" s="71">
        <v>1</v>
      </c>
      <c r="BN31" s="71">
        <v>1</v>
      </c>
      <c r="BO31" s="72">
        <v>5</v>
      </c>
      <c r="BP31" s="73">
        <v>6</v>
      </c>
      <c r="BQ31" s="70">
        <v>0</v>
      </c>
      <c r="BR31" s="71">
        <v>0</v>
      </c>
      <c r="BS31" s="72">
        <v>0</v>
      </c>
      <c r="BT31" s="244"/>
      <c r="BU31" s="71">
        <v>3</v>
      </c>
      <c r="BV31" s="71">
        <v>1</v>
      </c>
      <c r="BW31" s="71">
        <v>3</v>
      </c>
      <c r="BX31" s="71">
        <v>1</v>
      </c>
      <c r="BY31" s="71">
        <v>1</v>
      </c>
      <c r="BZ31" s="72">
        <v>9</v>
      </c>
      <c r="CA31" s="73">
        <v>9</v>
      </c>
      <c r="CB31" s="70">
        <v>0</v>
      </c>
      <c r="CC31" s="71">
        <v>0</v>
      </c>
      <c r="CD31" s="72">
        <v>0</v>
      </c>
      <c r="CE31" s="244"/>
      <c r="CF31" s="71">
        <v>0</v>
      </c>
      <c r="CG31" s="71">
        <v>0</v>
      </c>
      <c r="CH31" s="71">
        <v>0</v>
      </c>
      <c r="CI31" s="71">
        <v>0</v>
      </c>
      <c r="CJ31" s="71">
        <v>0</v>
      </c>
      <c r="CK31" s="72">
        <v>0</v>
      </c>
      <c r="CL31" s="73">
        <v>0</v>
      </c>
      <c r="CM31" s="70">
        <v>2</v>
      </c>
      <c r="CN31" s="71">
        <v>1</v>
      </c>
      <c r="CO31" s="72">
        <v>3</v>
      </c>
      <c r="CP31" s="244"/>
      <c r="CQ31" s="71">
        <v>10</v>
      </c>
      <c r="CR31" s="71">
        <v>4</v>
      </c>
      <c r="CS31" s="71">
        <v>4</v>
      </c>
      <c r="CT31" s="71">
        <v>2</v>
      </c>
      <c r="CU31" s="71">
        <v>4</v>
      </c>
      <c r="CV31" s="72">
        <v>24</v>
      </c>
      <c r="CW31" s="73">
        <v>27</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2</v>
      </c>
      <c r="GT31" s="82">
        <v>1</v>
      </c>
      <c r="GU31" s="83">
        <v>3</v>
      </c>
      <c r="GV31" s="241"/>
      <c r="GW31" s="82">
        <v>10</v>
      </c>
      <c r="GX31" s="82">
        <v>5</v>
      </c>
      <c r="GY31" s="82">
        <v>5</v>
      </c>
      <c r="GZ31" s="82">
        <v>4</v>
      </c>
      <c r="HA31" s="82">
        <v>4</v>
      </c>
      <c r="HB31" s="84">
        <v>28</v>
      </c>
      <c r="HC31" s="85">
        <v>31</v>
      </c>
      <c r="HD31" s="70">
        <v>0</v>
      </c>
      <c r="HE31" s="71">
        <v>0</v>
      </c>
      <c r="HF31" s="72">
        <v>0</v>
      </c>
      <c r="HG31" s="244"/>
      <c r="HH31" s="71">
        <v>0</v>
      </c>
      <c r="HI31" s="71">
        <v>0</v>
      </c>
      <c r="HJ31" s="71">
        <v>1</v>
      </c>
      <c r="HK31" s="71">
        <v>0</v>
      </c>
      <c r="HL31" s="71">
        <v>0</v>
      </c>
      <c r="HM31" s="72">
        <v>1</v>
      </c>
      <c r="HN31" s="73">
        <v>1</v>
      </c>
      <c r="HO31" s="70">
        <v>0</v>
      </c>
      <c r="HP31" s="71">
        <v>1</v>
      </c>
      <c r="HQ31" s="72">
        <v>1</v>
      </c>
      <c r="HR31" s="244"/>
      <c r="HS31" s="71">
        <v>1</v>
      </c>
      <c r="HT31" s="71">
        <v>2</v>
      </c>
      <c r="HU31" s="71">
        <v>1</v>
      </c>
      <c r="HV31" s="71">
        <v>0</v>
      </c>
      <c r="HW31" s="71">
        <v>0</v>
      </c>
      <c r="HX31" s="72">
        <v>4</v>
      </c>
      <c r="HY31" s="73">
        <v>5</v>
      </c>
      <c r="HZ31" s="70">
        <v>0</v>
      </c>
      <c r="IA31" s="71">
        <v>0</v>
      </c>
      <c r="IB31" s="72">
        <v>0</v>
      </c>
      <c r="IC31" s="244"/>
      <c r="ID31" s="71">
        <v>1</v>
      </c>
      <c r="IE31" s="71">
        <v>1</v>
      </c>
      <c r="IF31" s="71">
        <v>0</v>
      </c>
      <c r="IG31" s="71">
        <v>0</v>
      </c>
      <c r="IH31" s="71">
        <v>0</v>
      </c>
      <c r="II31" s="72">
        <v>2</v>
      </c>
      <c r="IJ31" s="73">
        <v>2</v>
      </c>
      <c r="IK31" s="70">
        <v>1</v>
      </c>
      <c r="IL31" s="71">
        <v>0</v>
      </c>
      <c r="IM31" s="72">
        <v>1</v>
      </c>
      <c r="IN31" s="244"/>
      <c r="IO31" s="71">
        <v>2</v>
      </c>
      <c r="IP31" s="71">
        <v>1</v>
      </c>
      <c r="IQ31" s="71">
        <v>0</v>
      </c>
      <c r="IR31" s="71">
        <v>0</v>
      </c>
      <c r="IS31" s="71">
        <v>2</v>
      </c>
      <c r="IT31" s="72">
        <v>5</v>
      </c>
      <c r="IU31" s="73">
        <v>6</v>
      </c>
      <c r="IV31" s="70">
        <v>1</v>
      </c>
      <c r="IW31" s="71">
        <v>0</v>
      </c>
      <c r="IX31" s="72">
        <v>1</v>
      </c>
      <c r="IY31" s="244"/>
      <c r="IZ31" s="71">
        <v>3</v>
      </c>
      <c r="JA31" s="71">
        <v>0</v>
      </c>
      <c r="JB31" s="71">
        <v>0</v>
      </c>
      <c r="JC31" s="71">
        <v>3</v>
      </c>
      <c r="JD31" s="71">
        <v>1</v>
      </c>
      <c r="JE31" s="72">
        <v>7</v>
      </c>
      <c r="JF31" s="73">
        <v>8</v>
      </c>
      <c r="JG31" s="70">
        <v>0</v>
      </c>
      <c r="JH31" s="71">
        <v>0</v>
      </c>
      <c r="JI31" s="72">
        <v>0</v>
      </c>
      <c r="JJ31" s="244"/>
      <c r="JK31" s="71">
        <v>3</v>
      </c>
      <c r="JL31" s="71">
        <v>1</v>
      </c>
      <c r="JM31" s="71">
        <v>3</v>
      </c>
      <c r="JN31" s="71">
        <v>1</v>
      </c>
      <c r="JO31" s="71">
        <v>1</v>
      </c>
      <c r="JP31" s="72">
        <v>9</v>
      </c>
      <c r="JQ31" s="73">
        <v>9</v>
      </c>
      <c r="JR31" s="70">
        <v>0</v>
      </c>
      <c r="JS31" s="71">
        <v>0</v>
      </c>
      <c r="JT31" s="72">
        <v>0</v>
      </c>
      <c r="JU31" s="244"/>
      <c r="JV31" s="71">
        <v>0</v>
      </c>
      <c r="JW31" s="71">
        <v>0</v>
      </c>
      <c r="JX31" s="71">
        <v>0</v>
      </c>
      <c r="JY31" s="71">
        <v>0</v>
      </c>
      <c r="JZ31" s="71">
        <v>0</v>
      </c>
      <c r="KA31" s="72">
        <v>0</v>
      </c>
      <c r="KB31" s="73">
        <v>0</v>
      </c>
      <c r="KC31" s="70">
        <v>2</v>
      </c>
      <c r="KD31" s="71">
        <v>1</v>
      </c>
      <c r="KE31" s="72">
        <v>3</v>
      </c>
      <c r="KF31" s="244"/>
      <c r="KG31" s="71">
        <v>10</v>
      </c>
      <c r="KH31" s="71">
        <v>5</v>
      </c>
      <c r="KI31" s="71">
        <v>5</v>
      </c>
      <c r="KJ31" s="71">
        <v>4</v>
      </c>
      <c r="KK31" s="71">
        <v>4</v>
      </c>
      <c r="KL31" s="72">
        <v>28</v>
      </c>
      <c r="KM31" s="73">
        <v>31</v>
      </c>
    </row>
    <row r="32" spans="2:299" ht="19.8" customHeight="1" x14ac:dyDescent="0.2">
      <c r="B32" s="126" t="s">
        <v>29</v>
      </c>
      <c r="C32" s="316">
        <v>4</v>
      </c>
      <c r="D32" s="82">
        <v>1</v>
      </c>
      <c r="E32" s="83">
        <v>5</v>
      </c>
      <c r="F32" s="241"/>
      <c r="G32" s="82">
        <v>4</v>
      </c>
      <c r="H32" s="82">
        <v>2</v>
      </c>
      <c r="I32" s="82">
        <v>8</v>
      </c>
      <c r="J32" s="82">
        <v>4</v>
      </c>
      <c r="K32" s="82">
        <v>1</v>
      </c>
      <c r="L32" s="84">
        <v>19</v>
      </c>
      <c r="M32" s="85">
        <v>24</v>
      </c>
      <c r="N32" s="70">
        <v>0</v>
      </c>
      <c r="O32" s="71">
        <v>0</v>
      </c>
      <c r="P32" s="72">
        <v>0</v>
      </c>
      <c r="Q32" s="244"/>
      <c r="R32" s="71">
        <v>0</v>
      </c>
      <c r="S32" s="71">
        <v>0</v>
      </c>
      <c r="T32" s="71">
        <v>1</v>
      </c>
      <c r="U32" s="71">
        <v>0</v>
      </c>
      <c r="V32" s="71">
        <v>0</v>
      </c>
      <c r="W32" s="72">
        <v>1</v>
      </c>
      <c r="X32" s="73">
        <v>1</v>
      </c>
      <c r="Y32" s="70">
        <v>0</v>
      </c>
      <c r="Z32" s="71">
        <v>0</v>
      </c>
      <c r="AA32" s="72">
        <v>0</v>
      </c>
      <c r="AB32" s="244"/>
      <c r="AC32" s="71">
        <v>1</v>
      </c>
      <c r="AD32" s="71">
        <v>0</v>
      </c>
      <c r="AE32" s="71">
        <v>0</v>
      </c>
      <c r="AF32" s="71">
        <v>0</v>
      </c>
      <c r="AG32" s="71">
        <v>1</v>
      </c>
      <c r="AH32" s="72">
        <v>2</v>
      </c>
      <c r="AI32" s="73">
        <v>2</v>
      </c>
      <c r="AJ32" s="70">
        <v>1</v>
      </c>
      <c r="AK32" s="71">
        <v>1</v>
      </c>
      <c r="AL32" s="72">
        <v>2</v>
      </c>
      <c r="AM32" s="244"/>
      <c r="AN32" s="71">
        <v>0</v>
      </c>
      <c r="AO32" s="71">
        <v>1</v>
      </c>
      <c r="AP32" s="71">
        <v>1</v>
      </c>
      <c r="AQ32" s="71">
        <v>0</v>
      </c>
      <c r="AR32" s="71">
        <v>0</v>
      </c>
      <c r="AS32" s="72">
        <v>2</v>
      </c>
      <c r="AT32" s="73">
        <v>4</v>
      </c>
      <c r="AU32" s="70">
        <v>1</v>
      </c>
      <c r="AV32" s="71">
        <v>0</v>
      </c>
      <c r="AW32" s="72">
        <v>1</v>
      </c>
      <c r="AX32" s="244"/>
      <c r="AY32" s="71">
        <v>1</v>
      </c>
      <c r="AZ32" s="71">
        <v>0</v>
      </c>
      <c r="BA32" s="71">
        <v>4</v>
      </c>
      <c r="BB32" s="71">
        <v>1</v>
      </c>
      <c r="BC32" s="71">
        <v>0</v>
      </c>
      <c r="BD32" s="72">
        <v>6</v>
      </c>
      <c r="BE32" s="73">
        <v>7</v>
      </c>
      <c r="BF32" s="70">
        <v>2</v>
      </c>
      <c r="BG32" s="71">
        <v>0</v>
      </c>
      <c r="BH32" s="72">
        <v>2</v>
      </c>
      <c r="BI32" s="244"/>
      <c r="BJ32" s="71">
        <v>1</v>
      </c>
      <c r="BK32" s="71">
        <v>0</v>
      </c>
      <c r="BL32" s="71">
        <v>0</v>
      </c>
      <c r="BM32" s="71">
        <v>1</v>
      </c>
      <c r="BN32" s="71">
        <v>0</v>
      </c>
      <c r="BO32" s="72">
        <v>2</v>
      </c>
      <c r="BP32" s="73">
        <v>4</v>
      </c>
      <c r="BQ32" s="70">
        <v>0</v>
      </c>
      <c r="BR32" s="71">
        <v>0</v>
      </c>
      <c r="BS32" s="72">
        <v>0</v>
      </c>
      <c r="BT32" s="244"/>
      <c r="BU32" s="71">
        <v>1</v>
      </c>
      <c r="BV32" s="71">
        <v>1</v>
      </c>
      <c r="BW32" s="71">
        <v>2</v>
      </c>
      <c r="BX32" s="71">
        <v>2</v>
      </c>
      <c r="BY32" s="71">
        <v>0</v>
      </c>
      <c r="BZ32" s="72">
        <v>6</v>
      </c>
      <c r="CA32" s="73">
        <v>6</v>
      </c>
      <c r="CB32" s="70">
        <v>0</v>
      </c>
      <c r="CC32" s="71">
        <v>0</v>
      </c>
      <c r="CD32" s="72">
        <v>0</v>
      </c>
      <c r="CE32" s="244"/>
      <c r="CF32" s="71">
        <v>0</v>
      </c>
      <c r="CG32" s="71">
        <v>0</v>
      </c>
      <c r="CH32" s="71">
        <v>0</v>
      </c>
      <c r="CI32" s="71">
        <v>0</v>
      </c>
      <c r="CJ32" s="71">
        <v>0</v>
      </c>
      <c r="CK32" s="72">
        <v>0</v>
      </c>
      <c r="CL32" s="73">
        <v>0</v>
      </c>
      <c r="CM32" s="70">
        <v>4</v>
      </c>
      <c r="CN32" s="71">
        <v>1</v>
      </c>
      <c r="CO32" s="72">
        <v>5</v>
      </c>
      <c r="CP32" s="244"/>
      <c r="CQ32" s="71">
        <v>4</v>
      </c>
      <c r="CR32" s="71">
        <v>2</v>
      </c>
      <c r="CS32" s="71">
        <v>8</v>
      </c>
      <c r="CT32" s="71">
        <v>4</v>
      </c>
      <c r="CU32" s="71">
        <v>1</v>
      </c>
      <c r="CV32" s="72">
        <v>19</v>
      </c>
      <c r="CW32" s="73">
        <v>24</v>
      </c>
      <c r="CX32" s="123">
        <v>2</v>
      </c>
      <c r="CY32" s="82">
        <v>2</v>
      </c>
      <c r="CZ32" s="83">
        <v>4</v>
      </c>
      <c r="DA32" s="241"/>
      <c r="DB32" s="82">
        <v>5</v>
      </c>
      <c r="DC32" s="82">
        <v>0</v>
      </c>
      <c r="DD32" s="82">
        <v>2</v>
      </c>
      <c r="DE32" s="82">
        <v>2</v>
      </c>
      <c r="DF32" s="82">
        <v>0</v>
      </c>
      <c r="DG32" s="84">
        <v>9</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2</v>
      </c>
      <c r="EF32" s="71">
        <v>0</v>
      </c>
      <c r="EG32" s="72">
        <v>2</v>
      </c>
      <c r="EH32" s="244"/>
      <c r="EI32" s="71">
        <v>0</v>
      </c>
      <c r="EJ32" s="71">
        <v>0</v>
      </c>
      <c r="EK32" s="71">
        <v>0</v>
      </c>
      <c r="EL32" s="71">
        <v>1</v>
      </c>
      <c r="EM32" s="71">
        <v>0</v>
      </c>
      <c r="EN32" s="72">
        <v>1</v>
      </c>
      <c r="EO32" s="73">
        <v>3</v>
      </c>
      <c r="EP32" s="70">
        <v>0</v>
      </c>
      <c r="EQ32" s="71">
        <v>0</v>
      </c>
      <c r="ER32" s="72">
        <v>0</v>
      </c>
      <c r="ES32" s="244"/>
      <c r="ET32" s="71">
        <v>3</v>
      </c>
      <c r="EU32" s="71">
        <v>0</v>
      </c>
      <c r="EV32" s="71">
        <v>1</v>
      </c>
      <c r="EW32" s="71">
        <v>0</v>
      </c>
      <c r="EX32" s="71">
        <v>0</v>
      </c>
      <c r="EY32" s="72">
        <v>4</v>
      </c>
      <c r="EZ32" s="73">
        <v>4</v>
      </c>
      <c r="FA32" s="70">
        <v>0</v>
      </c>
      <c r="FB32" s="71">
        <v>2</v>
      </c>
      <c r="FC32" s="72">
        <v>2</v>
      </c>
      <c r="FD32" s="244"/>
      <c r="FE32" s="71">
        <v>2</v>
      </c>
      <c r="FF32" s="71">
        <v>0</v>
      </c>
      <c r="FG32" s="71">
        <v>0</v>
      </c>
      <c r="FH32" s="71">
        <v>0</v>
      </c>
      <c r="FI32" s="71">
        <v>0</v>
      </c>
      <c r="FJ32" s="72">
        <v>2</v>
      </c>
      <c r="FK32" s="73">
        <v>4</v>
      </c>
      <c r="FL32" s="70">
        <v>0</v>
      </c>
      <c r="FM32" s="71">
        <v>0</v>
      </c>
      <c r="FN32" s="72">
        <v>0</v>
      </c>
      <c r="FO32" s="244"/>
      <c r="FP32" s="71">
        <v>0</v>
      </c>
      <c r="FQ32" s="71">
        <v>0</v>
      </c>
      <c r="FR32" s="71">
        <v>1</v>
      </c>
      <c r="FS32" s="71">
        <v>1</v>
      </c>
      <c r="FT32" s="71">
        <v>0</v>
      </c>
      <c r="FU32" s="72">
        <v>2</v>
      </c>
      <c r="FV32" s="73">
        <v>2</v>
      </c>
      <c r="FW32" s="70">
        <v>0</v>
      </c>
      <c r="FX32" s="71">
        <v>0</v>
      </c>
      <c r="FY32" s="72">
        <v>0</v>
      </c>
      <c r="FZ32" s="244"/>
      <c r="GA32" s="71">
        <v>0</v>
      </c>
      <c r="GB32" s="71">
        <v>0</v>
      </c>
      <c r="GC32" s="71">
        <v>0</v>
      </c>
      <c r="GD32" s="71">
        <v>0</v>
      </c>
      <c r="GE32" s="71">
        <v>0</v>
      </c>
      <c r="GF32" s="72">
        <v>0</v>
      </c>
      <c r="GG32" s="73">
        <v>0</v>
      </c>
      <c r="GH32" s="70">
        <v>2</v>
      </c>
      <c r="GI32" s="71">
        <v>2</v>
      </c>
      <c r="GJ32" s="72">
        <v>4</v>
      </c>
      <c r="GK32" s="244"/>
      <c r="GL32" s="71">
        <v>5</v>
      </c>
      <c r="GM32" s="71">
        <v>0</v>
      </c>
      <c r="GN32" s="71">
        <v>2</v>
      </c>
      <c r="GO32" s="71">
        <v>2</v>
      </c>
      <c r="GP32" s="71">
        <v>0</v>
      </c>
      <c r="GQ32" s="72">
        <v>9</v>
      </c>
      <c r="GR32" s="73">
        <v>13</v>
      </c>
      <c r="GS32" s="123">
        <v>6</v>
      </c>
      <c r="GT32" s="82">
        <v>3</v>
      </c>
      <c r="GU32" s="83">
        <v>9</v>
      </c>
      <c r="GV32" s="241"/>
      <c r="GW32" s="82">
        <v>9</v>
      </c>
      <c r="GX32" s="82">
        <v>2</v>
      </c>
      <c r="GY32" s="82">
        <v>10</v>
      </c>
      <c r="GZ32" s="82">
        <v>6</v>
      </c>
      <c r="HA32" s="82">
        <v>1</v>
      </c>
      <c r="HB32" s="84">
        <v>28</v>
      </c>
      <c r="HC32" s="85">
        <v>37</v>
      </c>
      <c r="HD32" s="70">
        <v>0</v>
      </c>
      <c r="HE32" s="71">
        <v>0</v>
      </c>
      <c r="HF32" s="72">
        <v>0</v>
      </c>
      <c r="HG32" s="244"/>
      <c r="HH32" s="71">
        <v>0</v>
      </c>
      <c r="HI32" s="71">
        <v>0</v>
      </c>
      <c r="HJ32" s="71">
        <v>1</v>
      </c>
      <c r="HK32" s="71">
        <v>0</v>
      </c>
      <c r="HL32" s="71">
        <v>0</v>
      </c>
      <c r="HM32" s="72">
        <v>1</v>
      </c>
      <c r="HN32" s="73">
        <v>1</v>
      </c>
      <c r="HO32" s="70">
        <v>0</v>
      </c>
      <c r="HP32" s="71">
        <v>0</v>
      </c>
      <c r="HQ32" s="72">
        <v>0</v>
      </c>
      <c r="HR32" s="244"/>
      <c r="HS32" s="71">
        <v>1</v>
      </c>
      <c r="HT32" s="71">
        <v>0</v>
      </c>
      <c r="HU32" s="71">
        <v>0</v>
      </c>
      <c r="HV32" s="71">
        <v>0</v>
      </c>
      <c r="HW32" s="71">
        <v>1</v>
      </c>
      <c r="HX32" s="72">
        <v>2</v>
      </c>
      <c r="HY32" s="73">
        <v>2</v>
      </c>
      <c r="HZ32" s="70">
        <v>3</v>
      </c>
      <c r="IA32" s="71">
        <v>1</v>
      </c>
      <c r="IB32" s="72">
        <v>4</v>
      </c>
      <c r="IC32" s="244"/>
      <c r="ID32" s="71">
        <v>0</v>
      </c>
      <c r="IE32" s="71">
        <v>1</v>
      </c>
      <c r="IF32" s="71">
        <v>1</v>
      </c>
      <c r="IG32" s="71">
        <v>1</v>
      </c>
      <c r="IH32" s="71">
        <v>0</v>
      </c>
      <c r="II32" s="72">
        <v>3</v>
      </c>
      <c r="IJ32" s="73">
        <v>7</v>
      </c>
      <c r="IK32" s="70">
        <v>1</v>
      </c>
      <c r="IL32" s="71">
        <v>0</v>
      </c>
      <c r="IM32" s="72">
        <v>1</v>
      </c>
      <c r="IN32" s="244"/>
      <c r="IO32" s="71">
        <v>4</v>
      </c>
      <c r="IP32" s="71">
        <v>0</v>
      </c>
      <c r="IQ32" s="71">
        <v>5</v>
      </c>
      <c r="IR32" s="71">
        <v>1</v>
      </c>
      <c r="IS32" s="71">
        <v>0</v>
      </c>
      <c r="IT32" s="72">
        <v>10</v>
      </c>
      <c r="IU32" s="73">
        <v>11</v>
      </c>
      <c r="IV32" s="70">
        <v>2</v>
      </c>
      <c r="IW32" s="71">
        <v>2</v>
      </c>
      <c r="IX32" s="72">
        <v>4</v>
      </c>
      <c r="IY32" s="244"/>
      <c r="IZ32" s="71">
        <v>3</v>
      </c>
      <c r="JA32" s="71">
        <v>0</v>
      </c>
      <c r="JB32" s="71">
        <v>0</v>
      </c>
      <c r="JC32" s="71">
        <v>1</v>
      </c>
      <c r="JD32" s="71">
        <v>0</v>
      </c>
      <c r="JE32" s="72">
        <v>4</v>
      </c>
      <c r="JF32" s="73">
        <v>8</v>
      </c>
      <c r="JG32" s="70">
        <v>0</v>
      </c>
      <c r="JH32" s="71">
        <v>0</v>
      </c>
      <c r="JI32" s="72">
        <v>0</v>
      </c>
      <c r="JJ32" s="244"/>
      <c r="JK32" s="71">
        <v>1</v>
      </c>
      <c r="JL32" s="71">
        <v>1</v>
      </c>
      <c r="JM32" s="71">
        <v>3</v>
      </c>
      <c r="JN32" s="71">
        <v>3</v>
      </c>
      <c r="JO32" s="71">
        <v>0</v>
      </c>
      <c r="JP32" s="72">
        <v>8</v>
      </c>
      <c r="JQ32" s="73">
        <v>8</v>
      </c>
      <c r="JR32" s="70">
        <v>0</v>
      </c>
      <c r="JS32" s="71">
        <v>0</v>
      </c>
      <c r="JT32" s="72">
        <v>0</v>
      </c>
      <c r="JU32" s="244"/>
      <c r="JV32" s="71">
        <v>0</v>
      </c>
      <c r="JW32" s="71">
        <v>0</v>
      </c>
      <c r="JX32" s="71">
        <v>0</v>
      </c>
      <c r="JY32" s="71">
        <v>0</v>
      </c>
      <c r="JZ32" s="71">
        <v>0</v>
      </c>
      <c r="KA32" s="72">
        <v>0</v>
      </c>
      <c r="KB32" s="73">
        <v>0</v>
      </c>
      <c r="KC32" s="70">
        <v>6</v>
      </c>
      <c r="KD32" s="71">
        <v>3</v>
      </c>
      <c r="KE32" s="72">
        <v>9</v>
      </c>
      <c r="KF32" s="244"/>
      <c r="KG32" s="71">
        <v>9</v>
      </c>
      <c r="KH32" s="71">
        <v>2</v>
      </c>
      <c r="KI32" s="71">
        <v>10</v>
      </c>
      <c r="KJ32" s="71">
        <v>6</v>
      </c>
      <c r="KK32" s="71">
        <v>1</v>
      </c>
      <c r="KL32" s="72">
        <v>28</v>
      </c>
      <c r="KM32" s="73">
        <v>37</v>
      </c>
    </row>
    <row r="33" spans="2:299" ht="19.8" customHeight="1" x14ac:dyDescent="0.2">
      <c r="B33" s="126" t="s">
        <v>30</v>
      </c>
      <c r="C33" s="316">
        <v>3</v>
      </c>
      <c r="D33" s="82">
        <v>1</v>
      </c>
      <c r="E33" s="83">
        <v>4</v>
      </c>
      <c r="F33" s="241"/>
      <c r="G33" s="82">
        <v>5</v>
      </c>
      <c r="H33" s="82">
        <v>4</v>
      </c>
      <c r="I33" s="82">
        <v>2</v>
      </c>
      <c r="J33" s="82">
        <v>4</v>
      </c>
      <c r="K33" s="82">
        <v>1</v>
      </c>
      <c r="L33" s="84">
        <v>16</v>
      </c>
      <c r="M33" s="85">
        <v>20</v>
      </c>
      <c r="N33" s="70">
        <v>0</v>
      </c>
      <c r="O33" s="71">
        <v>0</v>
      </c>
      <c r="P33" s="72">
        <v>0</v>
      </c>
      <c r="Q33" s="244"/>
      <c r="R33" s="71">
        <v>0</v>
      </c>
      <c r="S33" s="71">
        <v>0</v>
      </c>
      <c r="T33" s="71">
        <v>0</v>
      </c>
      <c r="U33" s="71">
        <v>0</v>
      </c>
      <c r="V33" s="71">
        <v>0</v>
      </c>
      <c r="W33" s="72">
        <v>0</v>
      </c>
      <c r="X33" s="73">
        <v>0</v>
      </c>
      <c r="Y33" s="70">
        <v>1</v>
      </c>
      <c r="Z33" s="71">
        <v>0</v>
      </c>
      <c r="AA33" s="72">
        <v>1</v>
      </c>
      <c r="AB33" s="244"/>
      <c r="AC33" s="71">
        <v>1</v>
      </c>
      <c r="AD33" s="71">
        <v>0</v>
      </c>
      <c r="AE33" s="71">
        <v>0</v>
      </c>
      <c r="AF33" s="71">
        <v>1</v>
      </c>
      <c r="AG33" s="71">
        <v>0</v>
      </c>
      <c r="AH33" s="72">
        <v>2</v>
      </c>
      <c r="AI33" s="73">
        <v>3</v>
      </c>
      <c r="AJ33" s="70">
        <v>0</v>
      </c>
      <c r="AK33" s="71">
        <v>0</v>
      </c>
      <c r="AL33" s="72">
        <v>0</v>
      </c>
      <c r="AM33" s="244"/>
      <c r="AN33" s="71">
        <v>0</v>
      </c>
      <c r="AO33" s="71">
        <v>1</v>
      </c>
      <c r="AP33" s="71">
        <v>0</v>
      </c>
      <c r="AQ33" s="71">
        <v>0</v>
      </c>
      <c r="AR33" s="71">
        <v>0</v>
      </c>
      <c r="AS33" s="72">
        <v>1</v>
      </c>
      <c r="AT33" s="73">
        <v>1</v>
      </c>
      <c r="AU33" s="70">
        <v>0</v>
      </c>
      <c r="AV33" s="71">
        <v>1</v>
      </c>
      <c r="AW33" s="72">
        <v>1</v>
      </c>
      <c r="AX33" s="244"/>
      <c r="AY33" s="71">
        <v>1</v>
      </c>
      <c r="AZ33" s="71">
        <v>1</v>
      </c>
      <c r="BA33" s="71">
        <v>0</v>
      </c>
      <c r="BB33" s="71">
        <v>0</v>
      </c>
      <c r="BC33" s="71">
        <v>0</v>
      </c>
      <c r="BD33" s="72">
        <v>2</v>
      </c>
      <c r="BE33" s="73">
        <v>3</v>
      </c>
      <c r="BF33" s="70">
        <v>1</v>
      </c>
      <c r="BG33" s="71">
        <v>0</v>
      </c>
      <c r="BH33" s="72">
        <v>1</v>
      </c>
      <c r="BI33" s="244"/>
      <c r="BJ33" s="71">
        <v>1</v>
      </c>
      <c r="BK33" s="71">
        <v>2</v>
      </c>
      <c r="BL33" s="71">
        <v>1</v>
      </c>
      <c r="BM33" s="71">
        <v>2</v>
      </c>
      <c r="BN33" s="71">
        <v>1</v>
      </c>
      <c r="BO33" s="72">
        <v>7</v>
      </c>
      <c r="BP33" s="73">
        <v>8</v>
      </c>
      <c r="BQ33" s="70">
        <v>1</v>
      </c>
      <c r="BR33" s="71">
        <v>0</v>
      </c>
      <c r="BS33" s="72">
        <v>1</v>
      </c>
      <c r="BT33" s="244"/>
      <c r="BU33" s="71">
        <v>2</v>
      </c>
      <c r="BV33" s="71">
        <v>0</v>
      </c>
      <c r="BW33" s="71">
        <v>1</v>
      </c>
      <c r="BX33" s="71">
        <v>1</v>
      </c>
      <c r="BY33" s="71">
        <v>0</v>
      </c>
      <c r="BZ33" s="72">
        <v>4</v>
      </c>
      <c r="CA33" s="73">
        <v>5</v>
      </c>
      <c r="CB33" s="70">
        <v>0</v>
      </c>
      <c r="CC33" s="71">
        <v>0</v>
      </c>
      <c r="CD33" s="72">
        <v>0</v>
      </c>
      <c r="CE33" s="244"/>
      <c r="CF33" s="71">
        <v>0</v>
      </c>
      <c r="CG33" s="71">
        <v>0</v>
      </c>
      <c r="CH33" s="71">
        <v>0</v>
      </c>
      <c r="CI33" s="71">
        <v>0</v>
      </c>
      <c r="CJ33" s="71">
        <v>0</v>
      </c>
      <c r="CK33" s="72">
        <v>0</v>
      </c>
      <c r="CL33" s="73">
        <v>0</v>
      </c>
      <c r="CM33" s="70">
        <v>3</v>
      </c>
      <c r="CN33" s="71">
        <v>1</v>
      </c>
      <c r="CO33" s="72">
        <v>4</v>
      </c>
      <c r="CP33" s="244"/>
      <c r="CQ33" s="71">
        <v>5</v>
      </c>
      <c r="CR33" s="71">
        <v>4</v>
      </c>
      <c r="CS33" s="71">
        <v>2</v>
      </c>
      <c r="CT33" s="71">
        <v>4</v>
      </c>
      <c r="CU33" s="71">
        <v>1</v>
      </c>
      <c r="CV33" s="72">
        <v>16</v>
      </c>
      <c r="CW33" s="73">
        <v>20</v>
      </c>
      <c r="CX33" s="123">
        <v>2</v>
      </c>
      <c r="CY33" s="82">
        <v>1</v>
      </c>
      <c r="CZ33" s="83">
        <v>3</v>
      </c>
      <c r="DA33" s="241"/>
      <c r="DB33" s="82">
        <v>3</v>
      </c>
      <c r="DC33" s="82">
        <v>1</v>
      </c>
      <c r="DD33" s="82">
        <v>1</v>
      </c>
      <c r="DE33" s="82">
        <v>2</v>
      </c>
      <c r="DF33" s="82">
        <v>0</v>
      </c>
      <c r="DG33" s="84">
        <v>7</v>
      </c>
      <c r="DH33" s="85">
        <v>10</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0</v>
      </c>
      <c r="EK33" s="71">
        <v>0</v>
      </c>
      <c r="EL33" s="71">
        <v>1</v>
      </c>
      <c r="EM33" s="71">
        <v>0</v>
      </c>
      <c r="EN33" s="72">
        <v>1</v>
      </c>
      <c r="EO33" s="73">
        <v>1</v>
      </c>
      <c r="EP33" s="70">
        <v>1</v>
      </c>
      <c r="EQ33" s="71">
        <v>1</v>
      </c>
      <c r="ER33" s="72">
        <v>2</v>
      </c>
      <c r="ES33" s="244"/>
      <c r="ET33" s="71">
        <v>0</v>
      </c>
      <c r="EU33" s="71">
        <v>0</v>
      </c>
      <c r="EV33" s="71">
        <v>0</v>
      </c>
      <c r="EW33" s="71">
        <v>0</v>
      </c>
      <c r="EX33" s="71">
        <v>0</v>
      </c>
      <c r="EY33" s="72">
        <v>0</v>
      </c>
      <c r="EZ33" s="73">
        <v>2</v>
      </c>
      <c r="FA33" s="70">
        <v>0</v>
      </c>
      <c r="FB33" s="71">
        <v>0</v>
      </c>
      <c r="FC33" s="72">
        <v>0</v>
      </c>
      <c r="FD33" s="244"/>
      <c r="FE33" s="71">
        <v>2</v>
      </c>
      <c r="FF33" s="71">
        <v>0</v>
      </c>
      <c r="FG33" s="71">
        <v>0</v>
      </c>
      <c r="FH33" s="71">
        <v>0</v>
      </c>
      <c r="FI33" s="71">
        <v>0</v>
      </c>
      <c r="FJ33" s="72">
        <v>2</v>
      </c>
      <c r="FK33" s="73">
        <v>2</v>
      </c>
      <c r="FL33" s="70">
        <v>1</v>
      </c>
      <c r="FM33" s="71">
        <v>0</v>
      </c>
      <c r="FN33" s="72">
        <v>1</v>
      </c>
      <c r="FO33" s="244"/>
      <c r="FP33" s="71">
        <v>1</v>
      </c>
      <c r="FQ33" s="71">
        <v>1</v>
      </c>
      <c r="FR33" s="71">
        <v>1</v>
      </c>
      <c r="FS33" s="71">
        <v>1</v>
      </c>
      <c r="FT33" s="71">
        <v>0</v>
      </c>
      <c r="FU33" s="72">
        <v>4</v>
      </c>
      <c r="FV33" s="73">
        <v>5</v>
      </c>
      <c r="FW33" s="70">
        <v>0</v>
      </c>
      <c r="FX33" s="71">
        <v>0</v>
      </c>
      <c r="FY33" s="72">
        <v>0</v>
      </c>
      <c r="FZ33" s="244"/>
      <c r="GA33" s="71">
        <v>0</v>
      </c>
      <c r="GB33" s="71">
        <v>0</v>
      </c>
      <c r="GC33" s="71">
        <v>0</v>
      </c>
      <c r="GD33" s="71">
        <v>0</v>
      </c>
      <c r="GE33" s="71">
        <v>0</v>
      </c>
      <c r="GF33" s="72">
        <v>0</v>
      </c>
      <c r="GG33" s="73">
        <v>0</v>
      </c>
      <c r="GH33" s="70">
        <v>2</v>
      </c>
      <c r="GI33" s="71">
        <v>1</v>
      </c>
      <c r="GJ33" s="72">
        <v>3</v>
      </c>
      <c r="GK33" s="244"/>
      <c r="GL33" s="71">
        <v>3</v>
      </c>
      <c r="GM33" s="71">
        <v>1</v>
      </c>
      <c r="GN33" s="71">
        <v>1</v>
      </c>
      <c r="GO33" s="71">
        <v>2</v>
      </c>
      <c r="GP33" s="71">
        <v>0</v>
      </c>
      <c r="GQ33" s="72">
        <v>7</v>
      </c>
      <c r="GR33" s="73">
        <v>10</v>
      </c>
      <c r="GS33" s="123">
        <v>5</v>
      </c>
      <c r="GT33" s="82">
        <v>2</v>
      </c>
      <c r="GU33" s="83">
        <v>7</v>
      </c>
      <c r="GV33" s="241"/>
      <c r="GW33" s="82">
        <v>8</v>
      </c>
      <c r="GX33" s="82">
        <v>5</v>
      </c>
      <c r="GY33" s="82">
        <v>3</v>
      </c>
      <c r="GZ33" s="82">
        <v>6</v>
      </c>
      <c r="HA33" s="82">
        <v>1</v>
      </c>
      <c r="HB33" s="84">
        <v>23</v>
      </c>
      <c r="HC33" s="85">
        <v>30</v>
      </c>
      <c r="HD33" s="70">
        <v>0</v>
      </c>
      <c r="HE33" s="71">
        <v>0</v>
      </c>
      <c r="HF33" s="72">
        <v>0</v>
      </c>
      <c r="HG33" s="244"/>
      <c r="HH33" s="71">
        <v>0</v>
      </c>
      <c r="HI33" s="71">
        <v>0</v>
      </c>
      <c r="HJ33" s="71">
        <v>0</v>
      </c>
      <c r="HK33" s="71">
        <v>0</v>
      </c>
      <c r="HL33" s="71">
        <v>0</v>
      </c>
      <c r="HM33" s="72">
        <v>0</v>
      </c>
      <c r="HN33" s="73">
        <v>0</v>
      </c>
      <c r="HO33" s="70">
        <v>1</v>
      </c>
      <c r="HP33" s="71">
        <v>0</v>
      </c>
      <c r="HQ33" s="72">
        <v>1</v>
      </c>
      <c r="HR33" s="244"/>
      <c r="HS33" s="71">
        <v>1</v>
      </c>
      <c r="HT33" s="71">
        <v>0</v>
      </c>
      <c r="HU33" s="71">
        <v>0</v>
      </c>
      <c r="HV33" s="71">
        <v>1</v>
      </c>
      <c r="HW33" s="71">
        <v>0</v>
      </c>
      <c r="HX33" s="72">
        <v>2</v>
      </c>
      <c r="HY33" s="73">
        <v>3</v>
      </c>
      <c r="HZ33" s="70">
        <v>0</v>
      </c>
      <c r="IA33" s="71">
        <v>0</v>
      </c>
      <c r="IB33" s="72">
        <v>0</v>
      </c>
      <c r="IC33" s="244"/>
      <c r="ID33" s="71">
        <v>0</v>
      </c>
      <c r="IE33" s="71">
        <v>1</v>
      </c>
      <c r="IF33" s="71">
        <v>0</v>
      </c>
      <c r="IG33" s="71">
        <v>1</v>
      </c>
      <c r="IH33" s="71">
        <v>0</v>
      </c>
      <c r="II33" s="72">
        <v>2</v>
      </c>
      <c r="IJ33" s="73">
        <v>2</v>
      </c>
      <c r="IK33" s="70">
        <v>1</v>
      </c>
      <c r="IL33" s="71">
        <v>2</v>
      </c>
      <c r="IM33" s="72">
        <v>3</v>
      </c>
      <c r="IN33" s="244"/>
      <c r="IO33" s="71">
        <v>1</v>
      </c>
      <c r="IP33" s="71">
        <v>1</v>
      </c>
      <c r="IQ33" s="71">
        <v>0</v>
      </c>
      <c r="IR33" s="71">
        <v>0</v>
      </c>
      <c r="IS33" s="71">
        <v>0</v>
      </c>
      <c r="IT33" s="72">
        <v>2</v>
      </c>
      <c r="IU33" s="73">
        <v>5</v>
      </c>
      <c r="IV33" s="70">
        <v>1</v>
      </c>
      <c r="IW33" s="71">
        <v>0</v>
      </c>
      <c r="IX33" s="72">
        <v>1</v>
      </c>
      <c r="IY33" s="244"/>
      <c r="IZ33" s="71">
        <v>3</v>
      </c>
      <c r="JA33" s="71">
        <v>2</v>
      </c>
      <c r="JB33" s="71">
        <v>1</v>
      </c>
      <c r="JC33" s="71">
        <v>2</v>
      </c>
      <c r="JD33" s="71">
        <v>1</v>
      </c>
      <c r="JE33" s="72">
        <v>9</v>
      </c>
      <c r="JF33" s="73">
        <v>10</v>
      </c>
      <c r="JG33" s="70">
        <v>2</v>
      </c>
      <c r="JH33" s="71">
        <v>0</v>
      </c>
      <c r="JI33" s="72">
        <v>2</v>
      </c>
      <c r="JJ33" s="244"/>
      <c r="JK33" s="71">
        <v>3</v>
      </c>
      <c r="JL33" s="71">
        <v>1</v>
      </c>
      <c r="JM33" s="71">
        <v>2</v>
      </c>
      <c r="JN33" s="71">
        <v>2</v>
      </c>
      <c r="JO33" s="71">
        <v>0</v>
      </c>
      <c r="JP33" s="72">
        <v>8</v>
      </c>
      <c r="JQ33" s="73">
        <v>10</v>
      </c>
      <c r="JR33" s="70">
        <v>0</v>
      </c>
      <c r="JS33" s="71">
        <v>0</v>
      </c>
      <c r="JT33" s="72">
        <v>0</v>
      </c>
      <c r="JU33" s="244"/>
      <c r="JV33" s="71">
        <v>0</v>
      </c>
      <c r="JW33" s="71">
        <v>0</v>
      </c>
      <c r="JX33" s="71">
        <v>0</v>
      </c>
      <c r="JY33" s="71">
        <v>0</v>
      </c>
      <c r="JZ33" s="71">
        <v>0</v>
      </c>
      <c r="KA33" s="72">
        <v>0</v>
      </c>
      <c r="KB33" s="73">
        <v>0</v>
      </c>
      <c r="KC33" s="70">
        <v>5</v>
      </c>
      <c r="KD33" s="71">
        <v>2</v>
      </c>
      <c r="KE33" s="72">
        <v>7</v>
      </c>
      <c r="KF33" s="244"/>
      <c r="KG33" s="71">
        <v>8</v>
      </c>
      <c r="KH33" s="71">
        <v>5</v>
      </c>
      <c r="KI33" s="71">
        <v>3</v>
      </c>
      <c r="KJ33" s="71">
        <v>6</v>
      </c>
      <c r="KK33" s="71">
        <v>1</v>
      </c>
      <c r="KL33" s="72">
        <v>23</v>
      </c>
      <c r="KM33" s="73">
        <v>30</v>
      </c>
    </row>
    <row r="34" spans="2:299" ht="19.8" customHeight="1" x14ac:dyDescent="0.2">
      <c r="B34" s="126" t="s">
        <v>31</v>
      </c>
      <c r="C34" s="316">
        <v>3</v>
      </c>
      <c r="D34" s="82">
        <v>2</v>
      </c>
      <c r="E34" s="83">
        <v>5</v>
      </c>
      <c r="F34" s="241"/>
      <c r="G34" s="82">
        <v>5</v>
      </c>
      <c r="H34" s="82">
        <v>5</v>
      </c>
      <c r="I34" s="82">
        <v>3</v>
      </c>
      <c r="J34" s="82">
        <v>2</v>
      </c>
      <c r="K34" s="82">
        <v>2</v>
      </c>
      <c r="L34" s="84">
        <v>17</v>
      </c>
      <c r="M34" s="85">
        <v>22</v>
      </c>
      <c r="N34" s="70">
        <v>0</v>
      </c>
      <c r="O34" s="71">
        <v>0</v>
      </c>
      <c r="P34" s="72">
        <v>0</v>
      </c>
      <c r="Q34" s="244"/>
      <c r="R34" s="71">
        <v>0</v>
      </c>
      <c r="S34" s="71">
        <v>1</v>
      </c>
      <c r="T34" s="71">
        <v>0</v>
      </c>
      <c r="U34" s="71">
        <v>0</v>
      </c>
      <c r="V34" s="71">
        <v>0</v>
      </c>
      <c r="W34" s="72">
        <v>1</v>
      </c>
      <c r="X34" s="73">
        <v>1</v>
      </c>
      <c r="Y34" s="70">
        <v>0</v>
      </c>
      <c r="Z34" s="71">
        <v>0</v>
      </c>
      <c r="AA34" s="72">
        <v>0</v>
      </c>
      <c r="AB34" s="244"/>
      <c r="AC34" s="71">
        <v>0</v>
      </c>
      <c r="AD34" s="71">
        <v>1</v>
      </c>
      <c r="AE34" s="71">
        <v>2</v>
      </c>
      <c r="AF34" s="71">
        <v>0</v>
      </c>
      <c r="AG34" s="71">
        <v>1</v>
      </c>
      <c r="AH34" s="72">
        <v>4</v>
      </c>
      <c r="AI34" s="73">
        <v>4</v>
      </c>
      <c r="AJ34" s="70">
        <v>0</v>
      </c>
      <c r="AK34" s="71">
        <v>0</v>
      </c>
      <c r="AL34" s="72">
        <v>0</v>
      </c>
      <c r="AM34" s="244"/>
      <c r="AN34" s="71">
        <v>0</v>
      </c>
      <c r="AO34" s="71">
        <v>0</v>
      </c>
      <c r="AP34" s="71">
        <v>0</v>
      </c>
      <c r="AQ34" s="71">
        <v>0</v>
      </c>
      <c r="AR34" s="71">
        <v>0</v>
      </c>
      <c r="AS34" s="72">
        <v>0</v>
      </c>
      <c r="AT34" s="73">
        <v>0</v>
      </c>
      <c r="AU34" s="70">
        <v>0</v>
      </c>
      <c r="AV34" s="71">
        <v>1</v>
      </c>
      <c r="AW34" s="72">
        <v>1</v>
      </c>
      <c r="AX34" s="244"/>
      <c r="AY34" s="71">
        <v>2</v>
      </c>
      <c r="AZ34" s="71">
        <v>1</v>
      </c>
      <c r="BA34" s="71">
        <v>0</v>
      </c>
      <c r="BB34" s="71">
        <v>0</v>
      </c>
      <c r="BC34" s="71">
        <v>1</v>
      </c>
      <c r="BD34" s="72">
        <v>4</v>
      </c>
      <c r="BE34" s="73">
        <v>5</v>
      </c>
      <c r="BF34" s="70">
        <v>3</v>
      </c>
      <c r="BG34" s="71">
        <v>0</v>
      </c>
      <c r="BH34" s="72">
        <v>3</v>
      </c>
      <c r="BI34" s="244"/>
      <c r="BJ34" s="71">
        <v>1</v>
      </c>
      <c r="BK34" s="71">
        <v>1</v>
      </c>
      <c r="BL34" s="71">
        <v>0</v>
      </c>
      <c r="BM34" s="71">
        <v>0</v>
      </c>
      <c r="BN34" s="71">
        <v>0</v>
      </c>
      <c r="BO34" s="72">
        <v>2</v>
      </c>
      <c r="BP34" s="73">
        <v>5</v>
      </c>
      <c r="BQ34" s="70">
        <v>0</v>
      </c>
      <c r="BR34" s="71">
        <v>1</v>
      </c>
      <c r="BS34" s="72">
        <v>1</v>
      </c>
      <c r="BT34" s="244"/>
      <c r="BU34" s="71">
        <v>2</v>
      </c>
      <c r="BV34" s="71">
        <v>1</v>
      </c>
      <c r="BW34" s="71">
        <v>1</v>
      </c>
      <c r="BX34" s="71">
        <v>2</v>
      </c>
      <c r="BY34" s="71">
        <v>0</v>
      </c>
      <c r="BZ34" s="72">
        <v>6</v>
      </c>
      <c r="CA34" s="73">
        <v>7</v>
      </c>
      <c r="CB34" s="70">
        <v>0</v>
      </c>
      <c r="CC34" s="71">
        <v>0</v>
      </c>
      <c r="CD34" s="72">
        <v>0</v>
      </c>
      <c r="CE34" s="244"/>
      <c r="CF34" s="71">
        <v>0</v>
      </c>
      <c r="CG34" s="71">
        <v>0</v>
      </c>
      <c r="CH34" s="71">
        <v>0</v>
      </c>
      <c r="CI34" s="71">
        <v>0</v>
      </c>
      <c r="CJ34" s="71">
        <v>0</v>
      </c>
      <c r="CK34" s="72">
        <v>0</v>
      </c>
      <c r="CL34" s="73">
        <v>0</v>
      </c>
      <c r="CM34" s="70">
        <v>3</v>
      </c>
      <c r="CN34" s="71">
        <v>2</v>
      </c>
      <c r="CO34" s="72">
        <v>5</v>
      </c>
      <c r="CP34" s="244"/>
      <c r="CQ34" s="71">
        <v>5</v>
      </c>
      <c r="CR34" s="71">
        <v>5</v>
      </c>
      <c r="CS34" s="71">
        <v>3</v>
      </c>
      <c r="CT34" s="71">
        <v>2</v>
      </c>
      <c r="CU34" s="71">
        <v>2</v>
      </c>
      <c r="CV34" s="72">
        <v>17</v>
      </c>
      <c r="CW34" s="73">
        <v>22</v>
      </c>
      <c r="CX34" s="123">
        <v>0</v>
      </c>
      <c r="CY34" s="82">
        <v>1</v>
      </c>
      <c r="CZ34" s="83">
        <v>1</v>
      </c>
      <c r="DA34" s="241"/>
      <c r="DB34" s="82">
        <v>1</v>
      </c>
      <c r="DC34" s="82">
        <v>0</v>
      </c>
      <c r="DD34" s="82">
        <v>3</v>
      </c>
      <c r="DE34" s="82">
        <v>1</v>
      </c>
      <c r="DF34" s="82">
        <v>2</v>
      </c>
      <c r="DG34" s="84">
        <v>7</v>
      </c>
      <c r="DH34" s="85">
        <v>8</v>
      </c>
      <c r="DI34" s="70">
        <v>0</v>
      </c>
      <c r="DJ34" s="71">
        <v>0</v>
      </c>
      <c r="DK34" s="72">
        <v>0</v>
      </c>
      <c r="DL34" s="244"/>
      <c r="DM34" s="71">
        <v>0</v>
      </c>
      <c r="DN34" s="71">
        <v>0</v>
      </c>
      <c r="DO34" s="71">
        <v>0</v>
      </c>
      <c r="DP34" s="71">
        <v>0</v>
      </c>
      <c r="DQ34" s="71">
        <v>0</v>
      </c>
      <c r="DR34" s="72">
        <v>0</v>
      </c>
      <c r="DS34" s="73">
        <v>0</v>
      </c>
      <c r="DT34" s="70">
        <v>0</v>
      </c>
      <c r="DU34" s="71">
        <v>1</v>
      </c>
      <c r="DV34" s="72">
        <v>1</v>
      </c>
      <c r="DW34" s="244"/>
      <c r="DX34" s="71">
        <v>0</v>
      </c>
      <c r="DY34" s="71">
        <v>0</v>
      </c>
      <c r="DZ34" s="71">
        <v>0</v>
      </c>
      <c r="EA34" s="71">
        <v>0</v>
      </c>
      <c r="EB34" s="71">
        <v>0</v>
      </c>
      <c r="EC34" s="72">
        <v>0</v>
      </c>
      <c r="ED34" s="73">
        <v>1</v>
      </c>
      <c r="EE34" s="70">
        <v>0</v>
      </c>
      <c r="EF34" s="71">
        <v>0</v>
      </c>
      <c r="EG34" s="72">
        <v>0</v>
      </c>
      <c r="EH34" s="244"/>
      <c r="EI34" s="71">
        <v>0</v>
      </c>
      <c r="EJ34" s="71">
        <v>0</v>
      </c>
      <c r="EK34" s="71">
        <v>2</v>
      </c>
      <c r="EL34" s="71">
        <v>0</v>
      </c>
      <c r="EM34" s="71">
        <v>0</v>
      </c>
      <c r="EN34" s="72">
        <v>2</v>
      </c>
      <c r="EO34" s="73">
        <v>2</v>
      </c>
      <c r="EP34" s="70">
        <v>0</v>
      </c>
      <c r="EQ34" s="71">
        <v>0</v>
      </c>
      <c r="ER34" s="72">
        <v>0</v>
      </c>
      <c r="ES34" s="244"/>
      <c r="ET34" s="71">
        <v>1</v>
      </c>
      <c r="EU34" s="71">
        <v>0</v>
      </c>
      <c r="EV34" s="71">
        <v>0</v>
      </c>
      <c r="EW34" s="71">
        <v>1</v>
      </c>
      <c r="EX34" s="71">
        <v>0</v>
      </c>
      <c r="EY34" s="72">
        <v>2</v>
      </c>
      <c r="EZ34" s="73">
        <v>2</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1</v>
      </c>
      <c r="FS34" s="71">
        <v>0</v>
      </c>
      <c r="FT34" s="71">
        <v>2</v>
      </c>
      <c r="FU34" s="72">
        <v>3</v>
      </c>
      <c r="FV34" s="73">
        <v>3</v>
      </c>
      <c r="FW34" s="70">
        <v>0</v>
      </c>
      <c r="FX34" s="71">
        <v>0</v>
      </c>
      <c r="FY34" s="72">
        <v>0</v>
      </c>
      <c r="FZ34" s="244"/>
      <c r="GA34" s="71">
        <v>0</v>
      </c>
      <c r="GB34" s="71">
        <v>0</v>
      </c>
      <c r="GC34" s="71">
        <v>0</v>
      </c>
      <c r="GD34" s="71">
        <v>0</v>
      </c>
      <c r="GE34" s="71">
        <v>0</v>
      </c>
      <c r="GF34" s="72">
        <v>0</v>
      </c>
      <c r="GG34" s="73">
        <v>0</v>
      </c>
      <c r="GH34" s="70">
        <v>0</v>
      </c>
      <c r="GI34" s="71">
        <v>1</v>
      </c>
      <c r="GJ34" s="72">
        <v>1</v>
      </c>
      <c r="GK34" s="244"/>
      <c r="GL34" s="71">
        <v>1</v>
      </c>
      <c r="GM34" s="71">
        <v>0</v>
      </c>
      <c r="GN34" s="71">
        <v>3</v>
      </c>
      <c r="GO34" s="71">
        <v>1</v>
      </c>
      <c r="GP34" s="71">
        <v>2</v>
      </c>
      <c r="GQ34" s="72">
        <v>7</v>
      </c>
      <c r="GR34" s="73">
        <v>8</v>
      </c>
      <c r="GS34" s="123">
        <v>3</v>
      </c>
      <c r="GT34" s="82">
        <v>3</v>
      </c>
      <c r="GU34" s="83">
        <v>6</v>
      </c>
      <c r="GV34" s="241"/>
      <c r="GW34" s="82">
        <v>6</v>
      </c>
      <c r="GX34" s="82">
        <v>5</v>
      </c>
      <c r="GY34" s="82">
        <v>6</v>
      </c>
      <c r="GZ34" s="82">
        <v>3</v>
      </c>
      <c r="HA34" s="82">
        <v>4</v>
      </c>
      <c r="HB34" s="84">
        <v>24</v>
      </c>
      <c r="HC34" s="85">
        <v>30</v>
      </c>
      <c r="HD34" s="70">
        <v>0</v>
      </c>
      <c r="HE34" s="71">
        <v>0</v>
      </c>
      <c r="HF34" s="72">
        <v>0</v>
      </c>
      <c r="HG34" s="244"/>
      <c r="HH34" s="71">
        <v>0</v>
      </c>
      <c r="HI34" s="71">
        <v>1</v>
      </c>
      <c r="HJ34" s="71">
        <v>0</v>
      </c>
      <c r="HK34" s="71">
        <v>0</v>
      </c>
      <c r="HL34" s="71">
        <v>0</v>
      </c>
      <c r="HM34" s="72">
        <v>1</v>
      </c>
      <c r="HN34" s="73">
        <v>1</v>
      </c>
      <c r="HO34" s="70">
        <v>0</v>
      </c>
      <c r="HP34" s="71">
        <v>1</v>
      </c>
      <c r="HQ34" s="72">
        <v>1</v>
      </c>
      <c r="HR34" s="244"/>
      <c r="HS34" s="71">
        <v>0</v>
      </c>
      <c r="HT34" s="71">
        <v>1</v>
      </c>
      <c r="HU34" s="71">
        <v>2</v>
      </c>
      <c r="HV34" s="71">
        <v>0</v>
      </c>
      <c r="HW34" s="71">
        <v>1</v>
      </c>
      <c r="HX34" s="72">
        <v>4</v>
      </c>
      <c r="HY34" s="73">
        <v>5</v>
      </c>
      <c r="HZ34" s="70">
        <v>0</v>
      </c>
      <c r="IA34" s="71">
        <v>0</v>
      </c>
      <c r="IB34" s="72">
        <v>0</v>
      </c>
      <c r="IC34" s="244"/>
      <c r="ID34" s="71">
        <v>0</v>
      </c>
      <c r="IE34" s="71">
        <v>0</v>
      </c>
      <c r="IF34" s="71">
        <v>2</v>
      </c>
      <c r="IG34" s="71">
        <v>0</v>
      </c>
      <c r="IH34" s="71">
        <v>0</v>
      </c>
      <c r="II34" s="72">
        <v>2</v>
      </c>
      <c r="IJ34" s="73">
        <v>2</v>
      </c>
      <c r="IK34" s="70">
        <v>0</v>
      </c>
      <c r="IL34" s="71">
        <v>1</v>
      </c>
      <c r="IM34" s="72">
        <v>1</v>
      </c>
      <c r="IN34" s="244"/>
      <c r="IO34" s="71">
        <v>3</v>
      </c>
      <c r="IP34" s="71">
        <v>1</v>
      </c>
      <c r="IQ34" s="71">
        <v>0</v>
      </c>
      <c r="IR34" s="71">
        <v>1</v>
      </c>
      <c r="IS34" s="71">
        <v>1</v>
      </c>
      <c r="IT34" s="72">
        <v>6</v>
      </c>
      <c r="IU34" s="73">
        <v>7</v>
      </c>
      <c r="IV34" s="70">
        <v>3</v>
      </c>
      <c r="IW34" s="71">
        <v>0</v>
      </c>
      <c r="IX34" s="72">
        <v>3</v>
      </c>
      <c r="IY34" s="244"/>
      <c r="IZ34" s="71">
        <v>1</v>
      </c>
      <c r="JA34" s="71">
        <v>1</v>
      </c>
      <c r="JB34" s="71">
        <v>0</v>
      </c>
      <c r="JC34" s="71">
        <v>0</v>
      </c>
      <c r="JD34" s="71">
        <v>0</v>
      </c>
      <c r="JE34" s="72">
        <v>2</v>
      </c>
      <c r="JF34" s="73">
        <v>5</v>
      </c>
      <c r="JG34" s="70">
        <v>0</v>
      </c>
      <c r="JH34" s="71">
        <v>1</v>
      </c>
      <c r="JI34" s="72">
        <v>1</v>
      </c>
      <c r="JJ34" s="244"/>
      <c r="JK34" s="71">
        <v>2</v>
      </c>
      <c r="JL34" s="71">
        <v>1</v>
      </c>
      <c r="JM34" s="71">
        <v>2</v>
      </c>
      <c r="JN34" s="71">
        <v>2</v>
      </c>
      <c r="JO34" s="71">
        <v>2</v>
      </c>
      <c r="JP34" s="72">
        <v>9</v>
      </c>
      <c r="JQ34" s="73">
        <v>10</v>
      </c>
      <c r="JR34" s="70">
        <v>0</v>
      </c>
      <c r="JS34" s="71">
        <v>0</v>
      </c>
      <c r="JT34" s="72">
        <v>0</v>
      </c>
      <c r="JU34" s="244"/>
      <c r="JV34" s="71">
        <v>0</v>
      </c>
      <c r="JW34" s="71">
        <v>0</v>
      </c>
      <c r="JX34" s="71">
        <v>0</v>
      </c>
      <c r="JY34" s="71">
        <v>0</v>
      </c>
      <c r="JZ34" s="71">
        <v>0</v>
      </c>
      <c r="KA34" s="72">
        <v>0</v>
      </c>
      <c r="KB34" s="73">
        <v>0</v>
      </c>
      <c r="KC34" s="70">
        <v>3</v>
      </c>
      <c r="KD34" s="71">
        <v>3</v>
      </c>
      <c r="KE34" s="72">
        <v>6</v>
      </c>
      <c r="KF34" s="244"/>
      <c r="KG34" s="71">
        <v>6</v>
      </c>
      <c r="KH34" s="71">
        <v>5</v>
      </c>
      <c r="KI34" s="71">
        <v>6</v>
      </c>
      <c r="KJ34" s="71">
        <v>3</v>
      </c>
      <c r="KK34" s="71">
        <v>4</v>
      </c>
      <c r="KL34" s="72">
        <v>24</v>
      </c>
      <c r="KM34" s="73">
        <v>30</v>
      </c>
    </row>
    <row r="35" spans="2:299" ht="19.8" customHeight="1" x14ac:dyDescent="0.2">
      <c r="B35" s="126" t="s">
        <v>32</v>
      </c>
      <c r="C35" s="316">
        <v>4</v>
      </c>
      <c r="D35" s="82">
        <v>1</v>
      </c>
      <c r="E35" s="83">
        <v>5</v>
      </c>
      <c r="F35" s="241"/>
      <c r="G35" s="82">
        <v>8</v>
      </c>
      <c r="H35" s="82">
        <v>4</v>
      </c>
      <c r="I35" s="82">
        <v>2</v>
      </c>
      <c r="J35" s="82">
        <v>5</v>
      </c>
      <c r="K35" s="82">
        <v>4</v>
      </c>
      <c r="L35" s="84">
        <v>23</v>
      </c>
      <c r="M35" s="85">
        <v>28</v>
      </c>
      <c r="N35" s="70">
        <v>1</v>
      </c>
      <c r="O35" s="71">
        <v>0</v>
      </c>
      <c r="P35" s="72">
        <v>1</v>
      </c>
      <c r="Q35" s="244"/>
      <c r="R35" s="71">
        <v>0</v>
      </c>
      <c r="S35" s="71">
        <v>0</v>
      </c>
      <c r="T35" s="71">
        <v>0</v>
      </c>
      <c r="U35" s="71">
        <v>1</v>
      </c>
      <c r="V35" s="71">
        <v>0</v>
      </c>
      <c r="W35" s="72">
        <v>1</v>
      </c>
      <c r="X35" s="73">
        <v>2</v>
      </c>
      <c r="Y35" s="70">
        <v>1</v>
      </c>
      <c r="Z35" s="71">
        <v>0</v>
      </c>
      <c r="AA35" s="72">
        <v>1</v>
      </c>
      <c r="AB35" s="244"/>
      <c r="AC35" s="71">
        <v>1</v>
      </c>
      <c r="AD35" s="71">
        <v>0</v>
      </c>
      <c r="AE35" s="71">
        <v>1</v>
      </c>
      <c r="AF35" s="71">
        <v>0</v>
      </c>
      <c r="AG35" s="71">
        <v>0</v>
      </c>
      <c r="AH35" s="72">
        <v>2</v>
      </c>
      <c r="AI35" s="73">
        <v>3</v>
      </c>
      <c r="AJ35" s="70">
        <v>2</v>
      </c>
      <c r="AK35" s="71">
        <v>0</v>
      </c>
      <c r="AL35" s="72">
        <v>2</v>
      </c>
      <c r="AM35" s="244"/>
      <c r="AN35" s="71">
        <v>1</v>
      </c>
      <c r="AO35" s="71">
        <v>1</v>
      </c>
      <c r="AP35" s="71">
        <v>0</v>
      </c>
      <c r="AQ35" s="71">
        <v>0</v>
      </c>
      <c r="AR35" s="71">
        <v>2</v>
      </c>
      <c r="AS35" s="72">
        <v>4</v>
      </c>
      <c r="AT35" s="73">
        <v>6</v>
      </c>
      <c r="AU35" s="70">
        <v>0</v>
      </c>
      <c r="AV35" s="71">
        <v>0</v>
      </c>
      <c r="AW35" s="72">
        <v>0</v>
      </c>
      <c r="AX35" s="244"/>
      <c r="AY35" s="71">
        <v>1</v>
      </c>
      <c r="AZ35" s="71">
        <v>0</v>
      </c>
      <c r="BA35" s="71">
        <v>0</v>
      </c>
      <c r="BB35" s="71">
        <v>1</v>
      </c>
      <c r="BC35" s="71">
        <v>1</v>
      </c>
      <c r="BD35" s="72">
        <v>3</v>
      </c>
      <c r="BE35" s="73">
        <v>3</v>
      </c>
      <c r="BF35" s="70">
        <v>0</v>
      </c>
      <c r="BG35" s="71">
        <v>0</v>
      </c>
      <c r="BH35" s="72">
        <v>0</v>
      </c>
      <c r="BI35" s="244"/>
      <c r="BJ35" s="71">
        <v>3</v>
      </c>
      <c r="BK35" s="71">
        <v>2</v>
      </c>
      <c r="BL35" s="71">
        <v>0</v>
      </c>
      <c r="BM35" s="71">
        <v>2</v>
      </c>
      <c r="BN35" s="71">
        <v>0</v>
      </c>
      <c r="BO35" s="72">
        <v>7</v>
      </c>
      <c r="BP35" s="73">
        <v>7</v>
      </c>
      <c r="BQ35" s="70">
        <v>0</v>
      </c>
      <c r="BR35" s="71">
        <v>1</v>
      </c>
      <c r="BS35" s="72">
        <v>1</v>
      </c>
      <c r="BT35" s="244"/>
      <c r="BU35" s="71">
        <v>2</v>
      </c>
      <c r="BV35" s="71">
        <v>1</v>
      </c>
      <c r="BW35" s="71">
        <v>1</v>
      </c>
      <c r="BX35" s="71">
        <v>1</v>
      </c>
      <c r="BY35" s="71">
        <v>1</v>
      </c>
      <c r="BZ35" s="72">
        <v>6</v>
      </c>
      <c r="CA35" s="73">
        <v>7</v>
      </c>
      <c r="CB35" s="70">
        <v>0</v>
      </c>
      <c r="CC35" s="71">
        <v>0</v>
      </c>
      <c r="CD35" s="72">
        <v>0</v>
      </c>
      <c r="CE35" s="244"/>
      <c r="CF35" s="71">
        <v>0</v>
      </c>
      <c r="CG35" s="71">
        <v>0</v>
      </c>
      <c r="CH35" s="71">
        <v>0</v>
      </c>
      <c r="CI35" s="71">
        <v>0</v>
      </c>
      <c r="CJ35" s="71">
        <v>0</v>
      </c>
      <c r="CK35" s="72">
        <v>0</v>
      </c>
      <c r="CL35" s="73">
        <v>0</v>
      </c>
      <c r="CM35" s="70">
        <v>4</v>
      </c>
      <c r="CN35" s="71">
        <v>1</v>
      </c>
      <c r="CO35" s="72">
        <v>5</v>
      </c>
      <c r="CP35" s="244"/>
      <c r="CQ35" s="71">
        <v>8</v>
      </c>
      <c r="CR35" s="71">
        <v>4</v>
      </c>
      <c r="CS35" s="71">
        <v>2</v>
      </c>
      <c r="CT35" s="71">
        <v>5</v>
      </c>
      <c r="CU35" s="71">
        <v>4</v>
      </c>
      <c r="CV35" s="72">
        <v>23</v>
      </c>
      <c r="CW35" s="73">
        <v>28</v>
      </c>
      <c r="CX35" s="123">
        <v>0</v>
      </c>
      <c r="CY35" s="82">
        <v>2</v>
      </c>
      <c r="CZ35" s="83">
        <v>2</v>
      </c>
      <c r="DA35" s="241"/>
      <c r="DB35" s="82">
        <v>2</v>
      </c>
      <c r="DC35" s="82">
        <v>4</v>
      </c>
      <c r="DD35" s="82">
        <v>1</v>
      </c>
      <c r="DE35" s="82">
        <v>2</v>
      </c>
      <c r="DF35" s="82">
        <v>0</v>
      </c>
      <c r="DG35" s="84">
        <v>9</v>
      </c>
      <c r="DH35" s="85">
        <v>11</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1</v>
      </c>
      <c r="EG35" s="72">
        <v>1</v>
      </c>
      <c r="EH35" s="244"/>
      <c r="EI35" s="71">
        <v>0</v>
      </c>
      <c r="EJ35" s="71">
        <v>0</v>
      </c>
      <c r="EK35" s="71">
        <v>0</v>
      </c>
      <c r="EL35" s="71">
        <v>0</v>
      </c>
      <c r="EM35" s="71">
        <v>0</v>
      </c>
      <c r="EN35" s="72">
        <v>0</v>
      </c>
      <c r="EO35" s="73">
        <v>1</v>
      </c>
      <c r="EP35" s="70">
        <v>0</v>
      </c>
      <c r="EQ35" s="71">
        <v>0</v>
      </c>
      <c r="ER35" s="72">
        <v>0</v>
      </c>
      <c r="ES35" s="244"/>
      <c r="ET35" s="71">
        <v>1</v>
      </c>
      <c r="EU35" s="71">
        <v>0</v>
      </c>
      <c r="EV35" s="71">
        <v>0</v>
      </c>
      <c r="EW35" s="71">
        <v>0</v>
      </c>
      <c r="EX35" s="71">
        <v>0</v>
      </c>
      <c r="EY35" s="72">
        <v>1</v>
      </c>
      <c r="EZ35" s="73">
        <v>1</v>
      </c>
      <c r="FA35" s="70">
        <v>0</v>
      </c>
      <c r="FB35" s="71">
        <v>0</v>
      </c>
      <c r="FC35" s="72">
        <v>0</v>
      </c>
      <c r="FD35" s="244"/>
      <c r="FE35" s="71">
        <v>0</v>
      </c>
      <c r="FF35" s="71">
        <v>3</v>
      </c>
      <c r="FG35" s="71">
        <v>0</v>
      </c>
      <c r="FH35" s="71">
        <v>0</v>
      </c>
      <c r="FI35" s="71">
        <v>0</v>
      </c>
      <c r="FJ35" s="72">
        <v>3</v>
      </c>
      <c r="FK35" s="73">
        <v>3</v>
      </c>
      <c r="FL35" s="70">
        <v>0</v>
      </c>
      <c r="FM35" s="71">
        <v>1</v>
      </c>
      <c r="FN35" s="72">
        <v>1</v>
      </c>
      <c r="FO35" s="244"/>
      <c r="FP35" s="71">
        <v>1</v>
      </c>
      <c r="FQ35" s="71">
        <v>1</v>
      </c>
      <c r="FR35" s="71">
        <v>1</v>
      </c>
      <c r="FS35" s="71">
        <v>2</v>
      </c>
      <c r="FT35" s="71">
        <v>0</v>
      </c>
      <c r="FU35" s="72">
        <v>5</v>
      </c>
      <c r="FV35" s="73">
        <v>6</v>
      </c>
      <c r="FW35" s="70">
        <v>0</v>
      </c>
      <c r="FX35" s="71">
        <v>0</v>
      </c>
      <c r="FY35" s="72">
        <v>0</v>
      </c>
      <c r="FZ35" s="244"/>
      <c r="GA35" s="71">
        <v>0</v>
      </c>
      <c r="GB35" s="71">
        <v>0</v>
      </c>
      <c r="GC35" s="71">
        <v>0</v>
      </c>
      <c r="GD35" s="71">
        <v>0</v>
      </c>
      <c r="GE35" s="71">
        <v>0</v>
      </c>
      <c r="GF35" s="72">
        <v>0</v>
      </c>
      <c r="GG35" s="73">
        <v>0</v>
      </c>
      <c r="GH35" s="70">
        <v>0</v>
      </c>
      <c r="GI35" s="71">
        <v>2</v>
      </c>
      <c r="GJ35" s="72">
        <v>2</v>
      </c>
      <c r="GK35" s="244"/>
      <c r="GL35" s="71">
        <v>2</v>
      </c>
      <c r="GM35" s="71">
        <v>4</v>
      </c>
      <c r="GN35" s="71">
        <v>1</v>
      </c>
      <c r="GO35" s="71">
        <v>2</v>
      </c>
      <c r="GP35" s="71">
        <v>0</v>
      </c>
      <c r="GQ35" s="72">
        <v>9</v>
      </c>
      <c r="GR35" s="73">
        <v>11</v>
      </c>
      <c r="GS35" s="123">
        <v>4</v>
      </c>
      <c r="GT35" s="82">
        <v>3</v>
      </c>
      <c r="GU35" s="83">
        <v>7</v>
      </c>
      <c r="GV35" s="241"/>
      <c r="GW35" s="82">
        <v>10</v>
      </c>
      <c r="GX35" s="82">
        <v>8</v>
      </c>
      <c r="GY35" s="82">
        <v>3</v>
      </c>
      <c r="GZ35" s="82">
        <v>7</v>
      </c>
      <c r="HA35" s="82">
        <v>4</v>
      </c>
      <c r="HB35" s="84">
        <v>32</v>
      </c>
      <c r="HC35" s="85">
        <v>39</v>
      </c>
      <c r="HD35" s="70">
        <v>1</v>
      </c>
      <c r="HE35" s="71">
        <v>0</v>
      </c>
      <c r="HF35" s="72">
        <v>1</v>
      </c>
      <c r="HG35" s="244"/>
      <c r="HH35" s="71">
        <v>0</v>
      </c>
      <c r="HI35" s="71">
        <v>0</v>
      </c>
      <c r="HJ35" s="71">
        <v>0</v>
      </c>
      <c r="HK35" s="71">
        <v>1</v>
      </c>
      <c r="HL35" s="71">
        <v>0</v>
      </c>
      <c r="HM35" s="72">
        <v>1</v>
      </c>
      <c r="HN35" s="73">
        <v>2</v>
      </c>
      <c r="HO35" s="70">
        <v>1</v>
      </c>
      <c r="HP35" s="71">
        <v>0</v>
      </c>
      <c r="HQ35" s="72">
        <v>1</v>
      </c>
      <c r="HR35" s="244"/>
      <c r="HS35" s="71">
        <v>1</v>
      </c>
      <c r="HT35" s="71">
        <v>0</v>
      </c>
      <c r="HU35" s="71">
        <v>1</v>
      </c>
      <c r="HV35" s="71">
        <v>0</v>
      </c>
      <c r="HW35" s="71">
        <v>0</v>
      </c>
      <c r="HX35" s="72">
        <v>2</v>
      </c>
      <c r="HY35" s="73">
        <v>3</v>
      </c>
      <c r="HZ35" s="70">
        <v>2</v>
      </c>
      <c r="IA35" s="71">
        <v>1</v>
      </c>
      <c r="IB35" s="72">
        <v>3</v>
      </c>
      <c r="IC35" s="244"/>
      <c r="ID35" s="71">
        <v>1</v>
      </c>
      <c r="IE35" s="71">
        <v>1</v>
      </c>
      <c r="IF35" s="71">
        <v>0</v>
      </c>
      <c r="IG35" s="71">
        <v>0</v>
      </c>
      <c r="IH35" s="71">
        <v>2</v>
      </c>
      <c r="II35" s="72">
        <v>4</v>
      </c>
      <c r="IJ35" s="73">
        <v>7</v>
      </c>
      <c r="IK35" s="70">
        <v>0</v>
      </c>
      <c r="IL35" s="71">
        <v>0</v>
      </c>
      <c r="IM35" s="72">
        <v>0</v>
      </c>
      <c r="IN35" s="244"/>
      <c r="IO35" s="71">
        <v>2</v>
      </c>
      <c r="IP35" s="71">
        <v>0</v>
      </c>
      <c r="IQ35" s="71">
        <v>0</v>
      </c>
      <c r="IR35" s="71">
        <v>1</v>
      </c>
      <c r="IS35" s="71">
        <v>1</v>
      </c>
      <c r="IT35" s="72">
        <v>4</v>
      </c>
      <c r="IU35" s="73">
        <v>4</v>
      </c>
      <c r="IV35" s="70">
        <v>0</v>
      </c>
      <c r="IW35" s="71">
        <v>0</v>
      </c>
      <c r="IX35" s="72">
        <v>0</v>
      </c>
      <c r="IY35" s="244"/>
      <c r="IZ35" s="71">
        <v>3</v>
      </c>
      <c r="JA35" s="71">
        <v>5</v>
      </c>
      <c r="JB35" s="71">
        <v>0</v>
      </c>
      <c r="JC35" s="71">
        <v>2</v>
      </c>
      <c r="JD35" s="71">
        <v>0</v>
      </c>
      <c r="JE35" s="72">
        <v>10</v>
      </c>
      <c r="JF35" s="73">
        <v>10</v>
      </c>
      <c r="JG35" s="70">
        <v>0</v>
      </c>
      <c r="JH35" s="71">
        <v>2</v>
      </c>
      <c r="JI35" s="72">
        <v>2</v>
      </c>
      <c r="JJ35" s="244"/>
      <c r="JK35" s="71">
        <v>3</v>
      </c>
      <c r="JL35" s="71">
        <v>2</v>
      </c>
      <c r="JM35" s="71">
        <v>2</v>
      </c>
      <c r="JN35" s="71">
        <v>3</v>
      </c>
      <c r="JO35" s="71">
        <v>1</v>
      </c>
      <c r="JP35" s="72">
        <v>11</v>
      </c>
      <c r="JQ35" s="73">
        <v>13</v>
      </c>
      <c r="JR35" s="70">
        <v>0</v>
      </c>
      <c r="JS35" s="71">
        <v>0</v>
      </c>
      <c r="JT35" s="72">
        <v>0</v>
      </c>
      <c r="JU35" s="244"/>
      <c r="JV35" s="71">
        <v>0</v>
      </c>
      <c r="JW35" s="71">
        <v>0</v>
      </c>
      <c r="JX35" s="71">
        <v>0</v>
      </c>
      <c r="JY35" s="71">
        <v>0</v>
      </c>
      <c r="JZ35" s="71">
        <v>0</v>
      </c>
      <c r="KA35" s="72">
        <v>0</v>
      </c>
      <c r="KB35" s="73">
        <v>0</v>
      </c>
      <c r="KC35" s="70">
        <v>4</v>
      </c>
      <c r="KD35" s="71">
        <v>3</v>
      </c>
      <c r="KE35" s="72">
        <v>7</v>
      </c>
      <c r="KF35" s="244"/>
      <c r="KG35" s="71">
        <v>10</v>
      </c>
      <c r="KH35" s="71">
        <v>8</v>
      </c>
      <c r="KI35" s="71">
        <v>3</v>
      </c>
      <c r="KJ35" s="71">
        <v>7</v>
      </c>
      <c r="KK35" s="71">
        <v>4</v>
      </c>
      <c r="KL35" s="72">
        <v>32</v>
      </c>
      <c r="KM35" s="73">
        <v>39</v>
      </c>
    </row>
    <row r="36" spans="2:299" ht="19.8" customHeight="1" x14ac:dyDescent="0.2">
      <c r="B36" s="126" t="s">
        <v>33</v>
      </c>
      <c r="C36" s="316">
        <v>4</v>
      </c>
      <c r="D36" s="82">
        <v>1</v>
      </c>
      <c r="E36" s="83">
        <v>5</v>
      </c>
      <c r="F36" s="241"/>
      <c r="G36" s="82">
        <v>9</v>
      </c>
      <c r="H36" s="82">
        <v>1</v>
      </c>
      <c r="I36" s="82">
        <v>2</v>
      </c>
      <c r="J36" s="82">
        <v>1</v>
      </c>
      <c r="K36" s="82">
        <v>3</v>
      </c>
      <c r="L36" s="84">
        <v>16</v>
      </c>
      <c r="M36" s="85">
        <v>21</v>
      </c>
      <c r="N36" s="70">
        <v>0</v>
      </c>
      <c r="O36" s="71">
        <v>0</v>
      </c>
      <c r="P36" s="72">
        <v>0</v>
      </c>
      <c r="Q36" s="244"/>
      <c r="R36" s="71">
        <v>1</v>
      </c>
      <c r="S36" s="71">
        <v>0</v>
      </c>
      <c r="T36" s="71">
        <v>0</v>
      </c>
      <c r="U36" s="71">
        <v>0</v>
      </c>
      <c r="V36" s="71">
        <v>0</v>
      </c>
      <c r="W36" s="72">
        <v>1</v>
      </c>
      <c r="X36" s="73">
        <v>1</v>
      </c>
      <c r="Y36" s="70">
        <v>0</v>
      </c>
      <c r="Z36" s="71">
        <v>0</v>
      </c>
      <c r="AA36" s="72">
        <v>0</v>
      </c>
      <c r="AB36" s="244"/>
      <c r="AC36" s="71">
        <v>1</v>
      </c>
      <c r="AD36" s="71">
        <v>0</v>
      </c>
      <c r="AE36" s="71">
        <v>0</v>
      </c>
      <c r="AF36" s="71">
        <v>1</v>
      </c>
      <c r="AG36" s="71">
        <v>2</v>
      </c>
      <c r="AH36" s="72">
        <v>4</v>
      </c>
      <c r="AI36" s="73">
        <v>4</v>
      </c>
      <c r="AJ36" s="70">
        <v>0</v>
      </c>
      <c r="AK36" s="71">
        <v>0</v>
      </c>
      <c r="AL36" s="72">
        <v>0</v>
      </c>
      <c r="AM36" s="244"/>
      <c r="AN36" s="71">
        <v>2</v>
      </c>
      <c r="AO36" s="71">
        <v>0</v>
      </c>
      <c r="AP36" s="71">
        <v>0</v>
      </c>
      <c r="AQ36" s="71">
        <v>0</v>
      </c>
      <c r="AR36" s="71">
        <v>1</v>
      </c>
      <c r="AS36" s="72">
        <v>3</v>
      </c>
      <c r="AT36" s="73">
        <v>3</v>
      </c>
      <c r="AU36" s="70">
        <v>0</v>
      </c>
      <c r="AV36" s="71">
        <v>0</v>
      </c>
      <c r="AW36" s="72">
        <v>0</v>
      </c>
      <c r="AX36" s="244"/>
      <c r="AY36" s="71">
        <v>0</v>
      </c>
      <c r="AZ36" s="71">
        <v>1</v>
      </c>
      <c r="BA36" s="71">
        <v>0</v>
      </c>
      <c r="BB36" s="71">
        <v>0</v>
      </c>
      <c r="BC36" s="71">
        <v>0</v>
      </c>
      <c r="BD36" s="72">
        <v>1</v>
      </c>
      <c r="BE36" s="73">
        <v>1</v>
      </c>
      <c r="BF36" s="70">
        <v>2</v>
      </c>
      <c r="BG36" s="71">
        <v>0</v>
      </c>
      <c r="BH36" s="72">
        <v>2</v>
      </c>
      <c r="BI36" s="244"/>
      <c r="BJ36" s="71">
        <v>2</v>
      </c>
      <c r="BK36" s="71">
        <v>0</v>
      </c>
      <c r="BL36" s="71">
        <v>1</v>
      </c>
      <c r="BM36" s="71">
        <v>0</v>
      </c>
      <c r="BN36" s="71">
        <v>0</v>
      </c>
      <c r="BO36" s="72">
        <v>3</v>
      </c>
      <c r="BP36" s="73">
        <v>5</v>
      </c>
      <c r="BQ36" s="70">
        <v>2</v>
      </c>
      <c r="BR36" s="71">
        <v>1</v>
      </c>
      <c r="BS36" s="72">
        <v>3</v>
      </c>
      <c r="BT36" s="244"/>
      <c r="BU36" s="71">
        <v>3</v>
      </c>
      <c r="BV36" s="71">
        <v>0</v>
      </c>
      <c r="BW36" s="71">
        <v>1</v>
      </c>
      <c r="BX36" s="71">
        <v>0</v>
      </c>
      <c r="BY36" s="71">
        <v>0</v>
      </c>
      <c r="BZ36" s="72">
        <v>4</v>
      </c>
      <c r="CA36" s="73">
        <v>7</v>
      </c>
      <c r="CB36" s="70">
        <v>0</v>
      </c>
      <c r="CC36" s="71">
        <v>0</v>
      </c>
      <c r="CD36" s="72">
        <v>0</v>
      </c>
      <c r="CE36" s="244"/>
      <c r="CF36" s="71">
        <v>0</v>
      </c>
      <c r="CG36" s="71">
        <v>0</v>
      </c>
      <c r="CH36" s="71">
        <v>0</v>
      </c>
      <c r="CI36" s="71">
        <v>0</v>
      </c>
      <c r="CJ36" s="71">
        <v>0</v>
      </c>
      <c r="CK36" s="72">
        <v>0</v>
      </c>
      <c r="CL36" s="73">
        <v>0</v>
      </c>
      <c r="CM36" s="70">
        <v>4</v>
      </c>
      <c r="CN36" s="71">
        <v>1</v>
      </c>
      <c r="CO36" s="72">
        <v>5</v>
      </c>
      <c r="CP36" s="244"/>
      <c r="CQ36" s="71">
        <v>9</v>
      </c>
      <c r="CR36" s="71">
        <v>1</v>
      </c>
      <c r="CS36" s="71">
        <v>2</v>
      </c>
      <c r="CT36" s="71">
        <v>1</v>
      </c>
      <c r="CU36" s="71">
        <v>3</v>
      </c>
      <c r="CV36" s="72">
        <v>16</v>
      </c>
      <c r="CW36" s="73">
        <v>21</v>
      </c>
      <c r="CX36" s="123">
        <v>4</v>
      </c>
      <c r="CY36" s="82">
        <v>3</v>
      </c>
      <c r="CZ36" s="83">
        <v>7</v>
      </c>
      <c r="DA36" s="241"/>
      <c r="DB36" s="82">
        <v>1</v>
      </c>
      <c r="DC36" s="82">
        <v>2</v>
      </c>
      <c r="DD36" s="82">
        <v>3</v>
      </c>
      <c r="DE36" s="82">
        <v>5</v>
      </c>
      <c r="DF36" s="82">
        <v>1</v>
      </c>
      <c r="DG36" s="84">
        <v>12</v>
      </c>
      <c r="DH36" s="85">
        <v>19</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1</v>
      </c>
      <c r="DZ36" s="71">
        <v>1</v>
      </c>
      <c r="EA36" s="71">
        <v>0</v>
      </c>
      <c r="EB36" s="71">
        <v>0</v>
      </c>
      <c r="EC36" s="72">
        <v>2</v>
      </c>
      <c r="ED36" s="73">
        <v>2</v>
      </c>
      <c r="EE36" s="70">
        <v>0</v>
      </c>
      <c r="EF36" s="71">
        <v>1</v>
      </c>
      <c r="EG36" s="72">
        <v>1</v>
      </c>
      <c r="EH36" s="244"/>
      <c r="EI36" s="71">
        <v>0</v>
      </c>
      <c r="EJ36" s="71">
        <v>0</v>
      </c>
      <c r="EK36" s="71">
        <v>0</v>
      </c>
      <c r="EL36" s="71">
        <v>2</v>
      </c>
      <c r="EM36" s="71">
        <v>0</v>
      </c>
      <c r="EN36" s="72">
        <v>2</v>
      </c>
      <c r="EO36" s="73">
        <v>3</v>
      </c>
      <c r="EP36" s="70">
        <v>2</v>
      </c>
      <c r="EQ36" s="71">
        <v>0</v>
      </c>
      <c r="ER36" s="72">
        <v>2</v>
      </c>
      <c r="ES36" s="244"/>
      <c r="ET36" s="71">
        <v>0</v>
      </c>
      <c r="EU36" s="71">
        <v>0</v>
      </c>
      <c r="EV36" s="71">
        <v>0</v>
      </c>
      <c r="EW36" s="71">
        <v>0</v>
      </c>
      <c r="EX36" s="71">
        <v>0</v>
      </c>
      <c r="EY36" s="72">
        <v>0</v>
      </c>
      <c r="EZ36" s="73">
        <v>2</v>
      </c>
      <c r="FA36" s="70">
        <v>1</v>
      </c>
      <c r="FB36" s="71">
        <v>2</v>
      </c>
      <c r="FC36" s="72">
        <v>3</v>
      </c>
      <c r="FD36" s="244"/>
      <c r="FE36" s="71">
        <v>1</v>
      </c>
      <c r="FF36" s="71">
        <v>0</v>
      </c>
      <c r="FG36" s="71">
        <v>0</v>
      </c>
      <c r="FH36" s="71">
        <v>1</v>
      </c>
      <c r="FI36" s="71">
        <v>1</v>
      </c>
      <c r="FJ36" s="72">
        <v>3</v>
      </c>
      <c r="FK36" s="73">
        <v>6</v>
      </c>
      <c r="FL36" s="70">
        <v>1</v>
      </c>
      <c r="FM36" s="71">
        <v>0</v>
      </c>
      <c r="FN36" s="72">
        <v>1</v>
      </c>
      <c r="FO36" s="244"/>
      <c r="FP36" s="71">
        <v>0</v>
      </c>
      <c r="FQ36" s="71">
        <v>1</v>
      </c>
      <c r="FR36" s="71">
        <v>2</v>
      </c>
      <c r="FS36" s="71">
        <v>2</v>
      </c>
      <c r="FT36" s="71">
        <v>0</v>
      </c>
      <c r="FU36" s="72">
        <v>5</v>
      </c>
      <c r="FV36" s="73">
        <v>6</v>
      </c>
      <c r="FW36" s="70">
        <v>0</v>
      </c>
      <c r="FX36" s="71">
        <v>0</v>
      </c>
      <c r="FY36" s="72">
        <v>0</v>
      </c>
      <c r="FZ36" s="244"/>
      <c r="GA36" s="71">
        <v>0</v>
      </c>
      <c r="GB36" s="71">
        <v>0</v>
      </c>
      <c r="GC36" s="71">
        <v>0</v>
      </c>
      <c r="GD36" s="71">
        <v>0</v>
      </c>
      <c r="GE36" s="71">
        <v>0</v>
      </c>
      <c r="GF36" s="72">
        <v>0</v>
      </c>
      <c r="GG36" s="73">
        <v>0</v>
      </c>
      <c r="GH36" s="70">
        <v>4</v>
      </c>
      <c r="GI36" s="71">
        <v>3</v>
      </c>
      <c r="GJ36" s="72">
        <v>7</v>
      </c>
      <c r="GK36" s="244"/>
      <c r="GL36" s="71">
        <v>1</v>
      </c>
      <c r="GM36" s="71">
        <v>2</v>
      </c>
      <c r="GN36" s="71">
        <v>3</v>
      </c>
      <c r="GO36" s="71">
        <v>5</v>
      </c>
      <c r="GP36" s="71">
        <v>1</v>
      </c>
      <c r="GQ36" s="72">
        <v>12</v>
      </c>
      <c r="GR36" s="73">
        <v>19</v>
      </c>
      <c r="GS36" s="123">
        <v>8</v>
      </c>
      <c r="GT36" s="82">
        <v>4</v>
      </c>
      <c r="GU36" s="83">
        <v>12</v>
      </c>
      <c r="GV36" s="241"/>
      <c r="GW36" s="82">
        <v>10</v>
      </c>
      <c r="GX36" s="82">
        <v>3</v>
      </c>
      <c r="GY36" s="82">
        <v>5</v>
      </c>
      <c r="GZ36" s="82">
        <v>6</v>
      </c>
      <c r="HA36" s="82">
        <v>4</v>
      </c>
      <c r="HB36" s="84">
        <v>28</v>
      </c>
      <c r="HC36" s="85">
        <v>40</v>
      </c>
      <c r="HD36" s="70">
        <v>0</v>
      </c>
      <c r="HE36" s="71">
        <v>0</v>
      </c>
      <c r="HF36" s="72">
        <v>0</v>
      </c>
      <c r="HG36" s="244"/>
      <c r="HH36" s="71">
        <v>1</v>
      </c>
      <c r="HI36" s="71">
        <v>0</v>
      </c>
      <c r="HJ36" s="71">
        <v>0</v>
      </c>
      <c r="HK36" s="71">
        <v>0</v>
      </c>
      <c r="HL36" s="71">
        <v>0</v>
      </c>
      <c r="HM36" s="72">
        <v>1</v>
      </c>
      <c r="HN36" s="73">
        <v>1</v>
      </c>
      <c r="HO36" s="70">
        <v>0</v>
      </c>
      <c r="HP36" s="71">
        <v>0</v>
      </c>
      <c r="HQ36" s="72">
        <v>0</v>
      </c>
      <c r="HR36" s="244"/>
      <c r="HS36" s="71">
        <v>1</v>
      </c>
      <c r="HT36" s="71">
        <v>1</v>
      </c>
      <c r="HU36" s="71">
        <v>1</v>
      </c>
      <c r="HV36" s="71">
        <v>1</v>
      </c>
      <c r="HW36" s="71">
        <v>2</v>
      </c>
      <c r="HX36" s="72">
        <v>6</v>
      </c>
      <c r="HY36" s="73">
        <v>6</v>
      </c>
      <c r="HZ36" s="70">
        <v>0</v>
      </c>
      <c r="IA36" s="71">
        <v>1</v>
      </c>
      <c r="IB36" s="72">
        <v>1</v>
      </c>
      <c r="IC36" s="244"/>
      <c r="ID36" s="71">
        <v>2</v>
      </c>
      <c r="IE36" s="71">
        <v>0</v>
      </c>
      <c r="IF36" s="71">
        <v>0</v>
      </c>
      <c r="IG36" s="71">
        <v>2</v>
      </c>
      <c r="IH36" s="71">
        <v>1</v>
      </c>
      <c r="II36" s="72">
        <v>5</v>
      </c>
      <c r="IJ36" s="73">
        <v>6</v>
      </c>
      <c r="IK36" s="70">
        <v>2</v>
      </c>
      <c r="IL36" s="71">
        <v>0</v>
      </c>
      <c r="IM36" s="72">
        <v>2</v>
      </c>
      <c r="IN36" s="244"/>
      <c r="IO36" s="71">
        <v>0</v>
      </c>
      <c r="IP36" s="71">
        <v>1</v>
      </c>
      <c r="IQ36" s="71">
        <v>0</v>
      </c>
      <c r="IR36" s="71">
        <v>0</v>
      </c>
      <c r="IS36" s="71">
        <v>0</v>
      </c>
      <c r="IT36" s="72">
        <v>1</v>
      </c>
      <c r="IU36" s="73">
        <v>3</v>
      </c>
      <c r="IV36" s="70">
        <v>3</v>
      </c>
      <c r="IW36" s="71">
        <v>2</v>
      </c>
      <c r="IX36" s="72">
        <v>5</v>
      </c>
      <c r="IY36" s="244"/>
      <c r="IZ36" s="71">
        <v>3</v>
      </c>
      <c r="JA36" s="71">
        <v>0</v>
      </c>
      <c r="JB36" s="71">
        <v>1</v>
      </c>
      <c r="JC36" s="71">
        <v>1</v>
      </c>
      <c r="JD36" s="71">
        <v>1</v>
      </c>
      <c r="JE36" s="72">
        <v>6</v>
      </c>
      <c r="JF36" s="73">
        <v>11</v>
      </c>
      <c r="JG36" s="70">
        <v>3</v>
      </c>
      <c r="JH36" s="71">
        <v>1</v>
      </c>
      <c r="JI36" s="72">
        <v>4</v>
      </c>
      <c r="JJ36" s="244"/>
      <c r="JK36" s="71">
        <v>3</v>
      </c>
      <c r="JL36" s="71">
        <v>1</v>
      </c>
      <c r="JM36" s="71">
        <v>3</v>
      </c>
      <c r="JN36" s="71">
        <v>2</v>
      </c>
      <c r="JO36" s="71">
        <v>0</v>
      </c>
      <c r="JP36" s="72">
        <v>9</v>
      </c>
      <c r="JQ36" s="73">
        <v>13</v>
      </c>
      <c r="JR36" s="70">
        <v>0</v>
      </c>
      <c r="JS36" s="71">
        <v>0</v>
      </c>
      <c r="JT36" s="72">
        <v>0</v>
      </c>
      <c r="JU36" s="244"/>
      <c r="JV36" s="71">
        <v>0</v>
      </c>
      <c r="JW36" s="71">
        <v>0</v>
      </c>
      <c r="JX36" s="71">
        <v>0</v>
      </c>
      <c r="JY36" s="71">
        <v>0</v>
      </c>
      <c r="JZ36" s="71">
        <v>0</v>
      </c>
      <c r="KA36" s="72">
        <v>0</v>
      </c>
      <c r="KB36" s="73">
        <v>0</v>
      </c>
      <c r="KC36" s="70">
        <v>8</v>
      </c>
      <c r="KD36" s="71">
        <v>4</v>
      </c>
      <c r="KE36" s="72">
        <v>12</v>
      </c>
      <c r="KF36" s="244"/>
      <c r="KG36" s="71">
        <v>10</v>
      </c>
      <c r="KH36" s="71">
        <v>3</v>
      </c>
      <c r="KI36" s="71">
        <v>5</v>
      </c>
      <c r="KJ36" s="71">
        <v>6</v>
      </c>
      <c r="KK36" s="71">
        <v>4</v>
      </c>
      <c r="KL36" s="72">
        <v>28</v>
      </c>
      <c r="KM36" s="73">
        <v>40</v>
      </c>
    </row>
    <row r="37" spans="2:299" ht="19.8" customHeight="1" x14ac:dyDescent="0.2">
      <c r="B37" s="126" t="s">
        <v>34</v>
      </c>
      <c r="C37" s="316">
        <v>1</v>
      </c>
      <c r="D37" s="82">
        <v>2</v>
      </c>
      <c r="E37" s="83">
        <v>3</v>
      </c>
      <c r="F37" s="241"/>
      <c r="G37" s="82">
        <v>3</v>
      </c>
      <c r="H37" s="82">
        <v>4</v>
      </c>
      <c r="I37" s="82">
        <v>1</v>
      </c>
      <c r="J37" s="82">
        <v>1</v>
      </c>
      <c r="K37" s="82">
        <v>0</v>
      </c>
      <c r="L37" s="84">
        <v>9</v>
      </c>
      <c r="M37" s="85">
        <v>12</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1</v>
      </c>
      <c r="AL37" s="72">
        <v>1</v>
      </c>
      <c r="AM37" s="244"/>
      <c r="AN37" s="71">
        <v>0</v>
      </c>
      <c r="AO37" s="71">
        <v>0</v>
      </c>
      <c r="AP37" s="71">
        <v>1</v>
      </c>
      <c r="AQ37" s="71">
        <v>1</v>
      </c>
      <c r="AR37" s="71">
        <v>0</v>
      </c>
      <c r="AS37" s="72">
        <v>2</v>
      </c>
      <c r="AT37" s="73">
        <v>3</v>
      </c>
      <c r="AU37" s="70">
        <v>1</v>
      </c>
      <c r="AV37" s="71">
        <v>1</v>
      </c>
      <c r="AW37" s="72">
        <v>2</v>
      </c>
      <c r="AX37" s="244"/>
      <c r="AY37" s="71">
        <v>1</v>
      </c>
      <c r="AZ37" s="71">
        <v>0</v>
      </c>
      <c r="BA37" s="71">
        <v>0</v>
      </c>
      <c r="BB37" s="71">
        <v>0</v>
      </c>
      <c r="BC37" s="71">
        <v>0</v>
      </c>
      <c r="BD37" s="72">
        <v>1</v>
      </c>
      <c r="BE37" s="73">
        <v>3</v>
      </c>
      <c r="BF37" s="70">
        <v>0</v>
      </c>
      <c r="BG37" s="71">
        <v>0</v>
      </c>
      <c r="BH37" s="72">
        <v>0</v>
      </c>
      <c r="BI37" s="244"/>
      <c r="BJ37" s="71">
        <v>0</v>
      </c>
      <c r="BK37" s="71">
        <v>1</v>
      </c>
      <c r="BL37" s="71">
        <v>0</v>
      </c>
      <c r="BM37" s="71">
        <v>0</v>
      </c>
      <c r="BN37" s="71">
        <v>0</v>
      </c>
      <c r="BO37" s="72">
        <v>1</v>
      </c>
      <c r="BP37" s="73">
        <v>1</v>
      </c>
      <c r="BQ37" s="70">
        <v>0</v>
      </c>
      <c r="BR37" s="71">
        <v>0</v>
      </c>
      <c r="BS37" s="72">
        <v>0</v>
      </c>
      <c r="BT37" s="244"/>
      <c r="BU37" s="71">
        <v>2</v>
      </c>
      <c r="BV37" s="71">
        <v>2</v>
      </c>
      <c r="BW37" s="71">
        <v>0</v>
      </c>
      <c r="BX37" s="71">
        <v>0</v>
      </c>
      <c r="BY37" s="71">
        <v>0</v>
      </c>
      <c r="BZ37" s="72">
        <v>4</v>
      </c>
      <c r="CA37" s="73">
        <v>4</v>
      </c>
      <c r="CB37" s="70">
        <v>0</v>
      </c>
      <c r="CC37" s="71">
        <v>0</v>
      </c>
      <c r="CD37" s="72">
        <v>0</v>
      </c>
      <c r="CE37" s="244"/>
      <c r="CF37" s="71">
        <v>0</v>
      </c>
      <c r="CG37" s="71">
        <v>0</v>
      </c>
      <c r="CH37" s="71">
        <v>0</v>
      </c>
      <c r="CI37" s="71">
        <v>0</v>
      </c>
      <c r="CJ37" s="71">
        <v>0</v>
      </c>
      <c r="CK37" s="72">
        <v>0</v>
      </c>
      <c r="CL37" s="73">
        <v>0</v>
      </c>
      <c r="CM37" s="70">
        <v>1</v>
      </c>
      <c r="CN37" s="71">
        <v>2</v>
      </c>
      <c r="CO37" s="72">
        <v>3</v>
      </c>
      <c r="CP37" s="244"/>
      <c r="CQ37" s="71">
        <v>3</v>
      </c>
      <c r="CR37" s="71">
        <v>4</v>
      </c>
      <c r="CS37" s="71">
        <v>1</v>
      </c>
      <c r="CT37" s="71">
        <v>1</v>
      </c>
      <c r="CU37" s="71">
        <v>0</v>
      </c>
      <c r="CV37" s="72">
        <v>9</v>
      </c>
      <c r="CW37" s="73">
        <v>12</v>
      </c>
      <c r="CX37" s="123">
        <v>0</v>
      </c>
      <c r="CY37" s="82">
        <v>0</v>
      </c>
      <c r="CZ37" s="83">
        <v>0</v>
      </c>
      <c r="DA37" s="241"/>
      <c r="DB37" s="82">
        <v>1</v>
      </c>
      <c r="DC37" s="82">
        <v>0</v>
      </c>
      <c r="DD37" s="82">
        <v>2</v>
      </c>
      <c r="DE37" s="82">
        <v>1</v>
      </c>
      <c r="DF37" s="82">
        <v>0</v>
      </c>
      <c r="DG37" s="84">
        <v>4</v>
      </c>
      <c r="DH37" s="85">
        <v>4</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0</v>
      </c>
      <c r="EQ37" s="71">
        <v>0</v>
      </c>
      <c r="ER37" s="72">
        <v>0</v>
      </c>
      <c r="ES37" s="244"/>
      <c r="ET37" s="71">
        <v>0</v>
      </c>
      <c r="EU37" s="71">
        <v>0</v>
      </c>
      <c r="EV37" s="71">
        <v>0</v>
      </c>
      <c r="EW37" s="71">
        <v>1</v>
      </c>
      <c r="EX37" s="71">
        <v>0</v>
      </c>
      <c r="EY37" s="72">
        <v>1</v>
      </c>
      <c r="EZ37" s="73">
        <v>1</v>
      </c>
      <c r="FA37" s="70">
        <v>0</v>
      </c>
      <c r="FB37" s="71">
        <v>0</v>
      </c>
      <c r="FC37" s="72">
        <v>0</v>
      </c>
      <c r="FD37" s="244"/>
      <c r="FE37" s="71">
        <v>1</v>
      </c>
      <c r="FF37" s="71">
        <v>0</v>
      </c>
      <c r="FG37" s="71">
        <v>0</v>
      </c>
      <c r="FH37" s="71">
        <v>0</v>
      </c>
      <c r="FI37" s="71">
        <v>0</v>
      </c>
      <c r="FJ37" s="72">
        <v>1</v>
      </c>
      <c r="FK37" s="73">
        <v>1</v>
      </c>
      <c r="FL37" s="70">
        <v>0</v>
      </c>
      <c r="FM37" s="71">
        <v>0</v>
      </c>
      <c r="FN37" s="72">
        <v>0</v>
      </c>
      <c r="FO37" s="244"/>
      <c r="FP37" s="71">
        <v>0</v>
      </c>
      <c r="FQ37" s="71">
        <v>0</v>
      </c>
      <c r="FR37" s="71">
        <v>1</v>
      </c>
      <c r="FS37" s="71">
        <v>0</v>
      </c>
      <c r="FT37" s="71">
        <v>0</v>
      </c>
      <c r="FU37" s="72">
        <v>1</v>
      </c>
      <c r="FV37" s="73">
        <v>1</v>
      </c>
      <c r="FW37" s="70">
        <v>0</v>
      </c>
      <c r="FX37" s="71">
        <v>0</v>
      </c>
      <c r="FY37" s="72">
        <v>0</v>
      </c>
      <c r="FZ37" s="244"/>
      <c r="GA37" s="71">
        <v>0</v>
      </c>
      <c r="GB37" s="71">
        <v>0</v>
      </c>
      <c r="GC37" s="71">
        <v>0</v>
      </c>
      <c r="GD37" s="71">
        <v>0</v>
      </c>
      <c r="GE37" s="71">
        <v>0</v>
      </c>
      <c r="GF37" s="72">
        <v>0</v>
      </c>
      <c r="GG37" s="73">
        <v>0</v>
      </c>
      <c r="GH37" s="70">
        <v>0</v>
      </c>
      <c r="GI37" s="71">
        <v>0</v>
      </c>
      <c r="GJ37" s="72">
        <v>0</v>
      </c>
      <c r="GK37" s="244"/>
      <c r="GL37" s="71">
        <v>1</v>
      </c>
      <c r="GM37" s="71">
        <v>0</v>
      </c>
      <c r="GN37" s="71">
        <v>2</v>
      </c>
      <c r="GO37" s="71">
        <v>1</v>
      </c>
      <c r="GP37" s="71">
        <v>0</v>
      </c>
      <c r="GQ37" s="72">
        <v>4</v>
      </c>
      <c r="GR37" s="73">
        <v>4</v>
      </c>
      <c r="GS37" s="123">
        <v>1</v>
      </c>
      <c r="GT37" s="82">
        <v>2</v>
      </c>
      <c r="GU37" s="83">
        <v>3</v>
      </c>
      <c r="GV37" s="241"/>
      <c r="GW37" s="82">
        <v>4</v>
      </c>
      <c r="GX37" s="82">
        <v>4</v>
      </c>
      <c r="GY37" s="82">
        <v>3</v>
      </c>
      <c r="GZ37" s="82">
        <v>2</v>
      </c>
      <c r="HA37" s="82">
        <v>0</v>
      </c>
      <c r="HB37" s="84">
        <v>13</v>
      </c>
      <c r="HC37" s="85">
        <v>16</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0</v>
      </c>
      <c r="IF37" s="71">
        <v>2</v>
      </c>
      <c r="IG37" s="71">
        <v>1</v>
      </c>
      <c r="IH37" s="71">
        <v>0</v>
      </c>
      <c r="II37" s="72">
        <v>3</v>
      </c>
      <c r="IJ37" s="73">
        <v>4</v>
      </c>
      <c r="IK37" s="70">
        <v>1</v>
      </c>
      <c r="IL37" s="71">
        <v>1</v>
      </c>
      <c r="IM37" s="72">
        <v>2</v>
      </c>
      <c r="IN37" s="244"/>
      <c r="IO37" s="71">
        <v>1</v>
      </c>
      <c r="IP37" s="71">
        <v>0</v>
      </c>
      <c r="IQ37" s="71">
        <v>0</v>
      </c>
      <c r="IR37" s="71">
        <v>1</v>
      </c>
      <c r="IS37" s="71">
        <v>0</v>
      </c>
      <c r="IT37" s="72">
        <v>2</v>
      </c>
      <c r="IU37" s="73">
        <v>4</v>
      </c>
      <c r="IV37" s="70">
        <v>0</v>
      </c>
      <c r="IW37" s="71">
        <v>0</v>
      </c>
      <c r="IX37" s="72">
        <v>0</v>
      </c>
      <c r="IY37" s="244"/>
      <c r="IZ37" s="71">
        <v>1</v>
      </c>
      <c r="JA37" s="71">
        <v>1</v>
      </c>
      <c r="JB37" s="71">
        <v>0</v>
      </c>
      <c r="JC37" s="71">
        <v>0</v>
      </c>
      <c r="JD37" s="71">
        <v>0</v>
      </c>
      <c r="JE37" s="72">
        <v>2</v>
      </c>
      <c r="JF37" s="73">
        <v>2</v>
      </c>
      <c r="JG37" s="70">
        <v>0</v>
      </c>
      <c r="JH37" s="71">
        <v>0</v>
      </c>
      <c r="JI37" s="72">
        <v>0</v>
      </c>
      <c r="JJ37" s="244"/>
      <c r="JK37" s="71">
        <v>2</v>
      </c>
      <c r="JL37" s="71">
        <v>2</v>
      </c>
      <c r="JM37" s="71">
        <v>1</v>
      </c>
      <c r="JN37" s="71">
        <v>0</v>
      </c>
      <c r="JO37" s="71">
        <v>0</v>
      </c>
      <c r="JP37" s="72">
        <v>5</v>
      </c>
      <c r="JQ37" s="73">
        <v>5</v>
      </c>
      <c r="JR37" s="70">
        <v>0</v>
      </c>
      <c r="JS37" s="71">
        <v>0</v>
      </c>
      <c r="JT37" s="72">
        <v>0</v>
      </c>
      <c r="JU37" s="244"/>
      <c r="JV37" s="71">
        <v>0</v>
      </c>
      <c r="JW37" s="71">
        <v>0</v>
      </c>
      <c r="JX37" s="71">
        <v>0</v>
      </c>
      <c r="JY37" s="71">
        <v>0</v>
      </c>
      <c r="JZ37" s="71">
        <v>0</v>
      </c>
      <c r="KA37" s="72">
        <v>0</v>
      </c>
      <c r="KB37" s="73">
        <v>0</v>
      </c>
      <c r="KC37" s="70">
        <v>1</v>
      </c>
      <c r="KD37" s="71">
        <v>2</v>
      </c>
      <c r="KE37" s="72">
        <v>3</v>
      </c>
      <c r="KF37" s="244"/>
      <c r="KG37" s="71">
        <v>4</v>
      </c>
      <c r="KH37" s="71">
        <v>4</v>
      </c>
      <c r="KI37" s="71">
        <v>3</v>
      </c>
      <c r="KJ37" s="71">
        <v>2</v>
      </c>
      <c r="KK37" s="71">
        <v>0</v>
      </c>
      <c r="KL37" s="72">
        <v>13</v>
      </c>
      <c r="KM37" s="73">
        <v>16</v>
      </c>
    </row>
    <row r="38" spans="2:299" ht="19.8" customHeight="1" x14ac:dyDescent="0.2">
      <c r="B38" s="126" t="s">
        <v>35</v>
      </c>
      <c r="C38" s="316">
        <v>7</v>
      </c>
      <c r="D38" s="82">
        <v>6</v>
      </c>
      <c r="E38" s="83">
        <v>13</v>
      </c>
      <c r="F38" s="241"/>
      <c r="G38" s="82">
        <v>14</v>
      </c>
      <c r="H38" s="82">
        <v>7</v>
      </c>
      <c r="I38" s="82">
        <v>3</v>
      </c>
      <c r="J38" s="82">
        <v>4</v>
      </c>
      <c r="K38" s="82">
        <v>0</v>
      </c>
      <c r="L38" s="84">
        <v>28</v>
      </c>
      <c r="M38" s="85">
        <v>41</v>
      </c>
      <c r="N38" s="70">
        <v>0</v>
      </c>
      <c r="O38" s="71">
        <v>0</v>
      </c>
      <c r="P38" s="72">
        <v>0</v>
      </c>
      <c r="Q38" s="244"/>
      <c r="R38" s="71">
        <v>1</v>
      </c>
      <c r="S38" s="71">
        <v>0</v>
      </c>
      <c r="T38" s="71">
        <v>0</v>
      </c>
      <c r="U38" s="71">
        <v>0</v>
      </c>
      <c r="V38" s="71">
        <v>0</v>
      </c>
      <c r="W38" s="72">
        <v>1</v>
      </c>
      <c r="X38" s="73">
        <v>1</v>
      </c>
      <c r="Y38" s="70">
        <v>0</v>
      </c>
      <c r="Z38" s="71">
        <v>0</v>
      </c>
      <c r="AA38" s="72">
        <v>0</v>
      </c>
      <c r="AB38" s="244"/>
      <c r="AC38" s="71">
        <v>1</v>
      </c>
      <c r="AD38" s="71">
        <v>1</v>
      </c>
      <c r="AE38" s="71">
        <v>0</v>
      </c>
      <c r="AF38" s="71">
        <v>0</v>
      </c>
      <c r="AG38" s="71">
        <v>0</v>
      </c>
      <c r="AH38" s="72">
        <v>2</v>
      </c>
      <c r="AI38" s="73">
        <v>2</v>
      </c>
      <c r="AJ38" s="70">
        <v>1</v>
      </c>
      <c r="AK38" s="71">
        <v>2</v>
      </c>
      <c r="AL38" s="72">
        <v>3</v>
      </c>
      <c r="AM38" s="244"/>
      <c r="AN38" s="71">
        <v>1</v>
      </c>
      <c r="AO38" s="71">
        <v>1</v>
      </c>
      <c r="AP38" s="71">
        <v>2</v>
      </c>
      <c r="AQ38" s="71">
        <v>2</v>
      </c>
      <c r="AR38" s="71">
        <v>0</v>
      </c>
      <c r="AS38" s="72">
        <v>6</v>
      </c>
      <c r="AT38" s="73">
        <v>9</v>
      </c>
      <c r="AU38" s="70">
        <v>2</v>
      </c>
      <c r="AV38" s="71">
        <v>1</v>
      </c>
      <c r="AW38" s="72">
        <v>3</v>
      </c>
      <c r="AX38" s="244"/>
      <c r="AY38" s="71">
        <v>3</v>
      </c>
      <c r="AZ38" s="71">
        <v>2</v>
      </c>
      <c r="BA38" s="71">
        <v>0</v>
      </c>
      <c r="BB38" s="71">
        <v>0</v>
      </c>
      <c r="BC38" s="71">
        <v>0</v>
      </c>
      <c r="BD38" s="72">
        <v>5</v>
      </c>
      <c r="BE38" s="73">
        <v>8</v>
      </c>
      <c r="BF38" s="70">
        <v>0</v>
      </c>
      <c r="BG38" s="71">
        <v>3</v>
      </c>
      <c r="BH38" s="72">
        <v>3</v>
      </c>
      <c r="BI38" s="244"/>
      <c r="BJ38" s="71">
        <v>4</v>
      </c>
      <c r="BK38" s="71">
        <v>1</v>
      </c>
      <c r="BL38" s="71">
        <v>0</v>
      </c>
      <c r="BM38" s="71">
        <v>0</v>
      </c>
      <c r="BN38" s="71">
        <v>0</v>
      </c>
      <c r="BO38" s="72">
        <v>5</v>
      </c>
      <c r="BP38" s="73">
        <v>8</v>
      </c>
      <c r="BQ38" s="70">
        <v>4</v>
      </c>
      <c r="BR38" s="71">
        <v>0</v>
      </c>
      <c r="BS38" s="72">
        <v>4</v>
      </c>
      <c r="BT38" s="244"/>
      <c r="BU38" s="71">
        <v>4</v>
      </c>
      <c r="BV38" s="71">
        <v>2</v>
      </c>
      <c r="BW38" s="71">
        <v>1</v>
      </c>
      <c r="BX38" s="71">
        <v>2</v>
      </c>
      <c r="BY38" s="71">
        <v>0</v>
      </c>
      <c r="BZ38" s="72">
        <v>9</v>
      </c>
      <c r="CA38" s="73">
        <v>13</v>
      </c>
      <c r="CB38" s="70">
        <v>0</v>
      </c>
      <c r="CC38" s="71">
        <v>0</v>
      </c>
      <c r="CD38" s="72">
        <v>0</v>
      </c>
      <c r="CE38" s="244"/>
      <c r="CF38" s="71">
        <v>0</v>
      </c>
      <c r="CG38" s="71">
        <v>0</v>
      </c>
      <c r="CH38" s="71">
        <v>0</v>
      </c>
      <c r="CI38" s="71">
        <v>0</v>
      </c>
      <c r="CJ38" s="71">
        <v>0</v>
      </c>
      <c r="CK38" s="72">
        <v>0</v>
      </c>
      <c r="CL38" s="73">
        <v>0</v>
      </c>
      <c r="CM38" s="70">
        <v>7</v>
      </c>
      <c r="CN38" s="71">
        <v>6</v>
      </c>
      <c r="CO38" s="72">
        <v>13</v>
      </c>
      <c r="CP38" s="244"/>
      <c r="CQ38" s="71">
        <v>14</v>
      </c>
      <c r="CR38" s="71">
        <v>7</v>
      </c>
      <c r="CS38" s="71">
        <v>3</v>
      </c>
      <c r="CT38" s="71">
        <v>4</v>
      </c>
      <c r="CU38" s="71">
        <v>0</v>
      </c>
      <c r="CV38" s="72">
        <v>28</v>
      </c>
      <c r="CW38" s="73">
        <v>41</v>
      </c>
      <c r="CX38" s="123">
        <v>2</v>
      </c>
      <c r="CY38" s="82">
        <v>1</v>
      </c>
      <c r="CZ38" s="83">
        <v>3</v>
      </c>
      <c r="DA38" s="241"/>
      <c r="DB38" s="82">
        <v>5</v>
      </c>
      <c r="DC38" s="82">
        <v>3</v>
      </c>
      <c r="DD38" s="82">
        <v>3</v>
      </c>
      <c r="DE38" s="82">
        <v>6</v>
      </c>
      <c r="DF38" s="82">
        <v>0</v>
      </c>
      <c r="DG38" s="84">
        <v>17</v>
      </c>
      <c r="DH38" s="85">
        <v>20</v>
      </c>
      <c r="DI38" s="70">
        <v>0</v>
      </c>
      <c r="DJ38" s="71">
        <v>0</v>
      </c>
      <c r="DK38" s="72">
        <v>0</v>
      </c>
      <c r="DL38" s="244"/>
      <c r="DM38" s="71">
        <v>0</v>
      </c>
      <c r="DN38" s="71">
        <v>0</v>
      </c>
      <c r="DO38" s="71">
        <v>0</v>
      </c>
      <c r="DP38" s="71">
        <v>0</v>
      </c>
      <c r="DQ38" s="71">
        <v>0</v>
      </c>
      <c r="DR38" s="72">
        <v>0</v>
      </c>
      <c r="DS38" s="73">
        <v>0</v>
      </c>
      <c r="DT38" s="70">
        <v>0</v>
      </c>
      <c r="DU38" s="71">
        <v>0</v>
      </c>
      <c r="DV38" s="72">
        <v>0</v>
      </c>
      <c r="DW38" s="244"/>
      <c r="DX38" s="71">
        <v>1</v>
      </c>
      <c r="DY38" s="71">
        <v>0</v>
      </c>
      <c r="DZ38" s="71">
        <v>1</v>
      </c>
      <c r="EA38" s="71">
        <v>0</v>
      </c>
      <c r="EB38" s="71">
        <v>0</v>
      </c>
      <c r="EC38" s="72">
        <v>2</v>
      </c>
      <c r="ED38" s="73">
        <v>2</v>
      </c>
      <c r="EE38" s="70">
        <v>0</v>
      </c>
      <c r="EF38" s="71">
        <v>0</v>
      </c>
      <c r="EG38" s="72">
        <v>0</v>
      </c>
      <c r="EH38" s="244"/>
      <c r="EI38" s="71">
        <v>1</v>
      </c>
      <c r="EJ38" s="71">
        <v>0</v>
      </c>
      <c r="EK38" s="71">
        <v>0</v>
      </c>
      <c r="EL38" s="71">
        <v>0</v>
      </c>
      <c r="EM38" s="71">
        <v>0</v>
      </c>
      <c r="EN38" s="72">
        <v>1</v>
      </c>
      <c r="EO38" s="73">
        <v>1</v>
      </c>
      <c r="EP38" s="70">
        <v>1</v>
      </c>
      <c r="EQ38" s="71">
        <v>0</v>
      </c>
      <c r="ER38" s="72">
        <v>1</v>
      </c>
      <c r="ES38" s="244"/>
      <c r="ET38" s="71">
        <v>1</v>
      </c>
      <c r="EU38" s="71">
        <v>1</v>
      </c>
      <c r="EV38" s="71">
        <v>1</v>
      </c>
      <c r="EW38" s="71">
        <v>1</v>
      </c>
      <c r="EX38" s="71">
        <v>0</v>
      </c>
      <c r="EY38" s="72">
        <v>4</v>
      </c>
      <c r="EZ38" s="73">
        <v>5</v>
      </c>
      <c r="FA38" s="70">
        <v>1</v>
      </c>
      <c r="FB38" s="71">
        <v>0</v>
      </c>
      <c r="FC38" s="72">
        <v>1</v>
      </c>
      <c r="FD38" s="244"/>
      <c r="FE38" s="71">
        <v>2</v>
      </c>
      <c r="FF38" s="71">
        <v>2</v>
      </c>
      <c r="FG38" s="71">
        <v>0</v>
      </c>
      <c r="FH38" s="71">
        <v>0</v>
      </c>
      <c r="FI38" s="71">
        <v>0</v>
      </c>
      <c r="FJ38" s="72">
        <v>4</v>
      </c>
      <c r="FK38" s="73">
        <v>5</v>
      </c>
      <c r="FL38" s="70">
        <v>0</v>
      </c>
      <c r="FM38" s="71">
        <v>1</v>
      </c>
      <c r="FN38" s="72">
        <v>1</v>
      </c>
      <c r="FO38" s="244"/>
      <c r="FP38" s="71">
        <v>0</v>
      </c>
      <c r="FQ38" s="71">
        <v>0</v>
      </c>
      <c r="FR38" s="71">
        <v>1</v>
      </c>
      <c r="FS38" s="71">
        <v>5</v>
      </c>
      <c r="FT38" s="71">
        <v>0</v>
      </c>
      <c r="FU38" s="72">
        <v>6</v>
      </c>
      <c r="FV38" s="73">
        <v>7</v>
      </c>
      <c r="FW38" s="70">
        <v>0</v>
      </c>
      <c r="FX38" s="71">
        <v>0</v>
      </c>
      <c r="FY38" s="72">
        <v>0</v>
      </c>
      <c r="FZ38" s="244"/>
      <c r="GA38" s="71">
        <v>0</v>
      </c>
      <c r="GB38" s="71">
        <v>0</v>
      </c>
      <c r="GC38" s="71">
        <v>0</v>
      </c>
      <c r="GD38" s="71">
        <v>0</v>
      </c>
      <c r="GE38" s="71">
        <v>0</v>
      </c>
      <c r="GF38" s="72">
        <v>0</v>
      </c>
      <c r="GG38" s="73">
        <v>0</v>
      </c>
      <c r="GH38" s="70">
        <v>2</v>
      </c>
      <c r="GI38" s="71">
        <v>1</v>
      </c>
      <c r="GJ38" s="72">
        <v>3</v>
      </c>
      <c r="GK38" s="244"/>
      <c r="GL38" s="71">
        <v>5</v>
      </c>
      <c r="GM38" s="71">
        <v>3</v>
      </c>
      <c r="GN38" s="71">
        <v>3</v>
      </c>
      <c r="GO38" s="71">
        <v>6</v>
      </c>
      <c r="GP38" s="71">
        <v>0</v>
      </c>
      <c r="GQ38" s="72">
        <v>17</v>
      </c>
      <c r="GR38" s="73">
        <v>20</v>
      </c>
      <c r="GS38" s="123">
        <v>9</v>
      </c>
      <c r="GT38" s="82">
        <v>7</v>
      </c>
      <c r="GU38" s="83">
        <v>16</v>
      </c>
      <c r="GV38" s="241"/>
      <c r="GW38" s="82">
        <v>19</v>
      </c>
      <c r="GX38" s="82">
        <v>10</v>
      </c>
      <c r="GY38" s="82">
        <v>6</v>
      </c>
      <c r="GZ38" s="82">
        <v>10</v>
      </c>
      <c r="HA38" s="82">
        <v>0</v>
      </c>
      <c r="HB38" s="84">
        <v>45</v>
      </c>
      <c r="HC38" s="85">
        <v>61</v>
      </c>
      <c r="HD38" s="70">
        <v>0</v>
      </c>
      <c r="HE38" s="71">
        <v>0</v>
      </c>
      <c r="HF38" s="72">
        <v>0</v>
      </c>
      <c r="HG38" s="244"/>
      <c r="HH38" s="71">
        <v>1</v>
      </c>
      <c r="HI38" s="71">
        <v>0</v>
      </c>
      <c r="HJ38" s="71">
        <v>0</v>
      </c>
      <c r="HK38" s="71">
        <v>0</v>
      </c>
      <c r="HL38" s="71">
        <v>0</v>
      </c>
      <c r="HM38" s="72">
        <v>1</v>
      </c>
      <c r="HN38" s="73">
        <v>1</v>
      </c>
      <c r="HO38" s="70">
        <v>0</v>
      </c>
      <c r="HP38" s="71">
        <v>0</v>
      </c>
      <c r="HQ38" s="72">
        <v>0</v>
      </c>
      <c r="HR38" s="244"/>
      <c r="HS38" s="71">
        <v>2</v>
      </c>
      <c r="HT38" s="71">
        <v>1</v>
      </c>
      <c r="HU38" s="71">
        <v>1</v>
      </c>
      <c r="HV38" s="71">
        <v>0</v>
      </c>
      <c r="HW38" s="71">
        <v>0</v>
      </c>
      <c r="HX38" s="72">
        <v>4</v>
      </c>
      <c r="HY38" s="73">
        <v>4</v>
      </c>
      <c r="HZ38" s="70">
        <v>1</v>
      </c>
      <c r="IA38" s="71">
        <v>2</v>
      </c>
      <c r="IB38" s="72">
        <v>3</v>
      </c>
      <c r="IC38" s="244"/>
      <c r="ID38" s="71">
        <v>2</v>
      </c>
      <c r="IE38" s="71">
        <v>1</v>
      </c>
      <c r="IF38" s="71">
        <v>2</v>
      </c>
      <c r="IG38" s="71">
        <v>2</v>
      </c>
      <c r="IH38" s="71">
        <v>0</v>
      </c>
      <c r="II38" s="72">
        <v>7</v>
      </c>
      <c r="IJ38" s="73">
        <v>10</v>
      </c>
      <c r="IK38" s="70">
        <v>3</v>
      </c>
      <c r="IL38" s="71">
        <v>1</v>
      </c>
      <c r="IM38" s="72">
        <v>4</v>
      </c>
      <c r="IN38" s="244"/>
      <c r="IO38" s="71">
        <v>4</v>
      </c>
      <c r="IP38" s="71">
        <v>3</v>
      </c>
      <c r="IQ38" s="71">
        <v>1</v>
      </c>
      <c r="IR38" s="71">
        <v>1</v>
      </c>
      <c r="IS38" s="71">
        <v>0</v>
      </c>
      <c r="IT38" s="72">
        <v>9</v>
      </c>
      <c r="IU38" s="73">
        <v>13</v>
      </c>
      <c r="IV38" s="70">
        <v>1</v>
      </c>
      <c r="IW38" s="71">
        <v>3</v>
      </c>
      <c r="IX38" s="72">
        <v>4</v>
      </c>
      <c r="IY38" s="244"/>
      <c r="IZ38" s="71">
        <v>6</v>
      </c>
      <c r="JA38" s="71">
        <v>3</v>
      </c>
      <c r="JB38" s="71">
        <v>0</v>
      </c>
      <c r="JC38" s="71">
        <v>0</v>
      </c>
      <c r="JD38" s="71">
        <v>0</v>
      </c>
      <c r="JE38" s="72">
        <v>9</v>
      </c>
      <c r="JF38" s="73">
        <v>13</v>
      </c>
      <c r="JG38" s="70">
        <v>4</v>
      </c>
      <c r="JH38" s="71">
        <v>1</v>
      </c>
      <c r="JI38" s="72">
        <v>5</v>
      </c>
      <c r="JJ38" s="244"/>
      <c r="JK38" s="71">
        <v>4</v>
      </c>
      <c r="JL38" s="71">
        <v>2</v>
      </c>
      <c r="JM38" s="71">
        <v>2</v>
      </c>
      <c r="JN38" s="71">
        <v>7</v>
      </c>
      <c r="JO38" s="71">
        <v>0</v>
      </c>
      <c r="JP38" s="72">
        <v>15</v>
      </c>
      <c r="JQ38" s="73">
        <v>20</v>
      </c>
      <c r="JR38" s="70">
        <v>0</v>
      </c>
      <c r="JS38" s="71">
        <v>0</v>
      </c>
      <c r="JT38" s="72">
        <v>0</v>
      </c>
      <c r="JU38" s="244"/>
      <c r="JV38" s="71">
        <v>0</v>
      </c>
      <c r="JW38" s="71">
        <v>0</v>
      </c>
      <c r="JX38" s="71">
        <v>0</v>
      </c>
      <c r="JY38" s="71">
        <v>0</v>
      </c>
      <c r="JZ38" s="71">
        <v>0</v>
      </c>
      <c r="KA38" s="72">
        <v>0</v>
      </c>
      <c r="KB38" s="73">
        <v>0</v>
      </c>
      <c r="KC38" s="70">
        <v>9</v>
      </c>
      <c r="KD38" s="71">
        <v>7</v>
      </c>
      <c r="KE38" s="72">
        <v>16</v>
      </c>
      <c r="KF38" s="244"/>
      <c r="KG38" s="71">
        <v>19</v>
      </c>
      <c r="KH38" s="71">
        <v>10</v>
      </c>
      <c r="KI38" s="71">
        <v>6</v>
      </c>
      <c r="KJ38" s="71">
        <v>10</v>
      </c>
      <c r="KK38" s="71">
        <v>0</v>
      </c>
      <c r="KL38" s="72">
        <v>45</v>
      </c>
      <c r="KM38" s="73">
        <v>61</v>
      </c>
    </row>
    <row r="39" spans="2:299" ht="19.8" customHeight="1" x14ac:dyDescent="0.2">
      <c r="B39" s="126" t="s">
        <v>36</v>
      </c>
      <c r="C39" s="316">
        <v>1</v>
      </c>
      <c r="D39" s="82">
        <v>7</v>
      </c>
      <c r="E39" s="83">
        <v>8</v>
      </c>
      <c r="F39" s="241"/>
      <c r="G39" s="82">
        <v>8</v>
      </c>
      <c r="H39" s="82">
        <v>5</v>
      </c>
      <c r="I39" s="82">
        <v>4</v>
      </c>
      <c r="J39" s="82">
        <v>3</v>
      </c>
      <c r="K39" s="82">
        <v>2</v>
      </c>
      <c r="L39" s="84">
        <v>22</v>
      </c>
      <c r="M39" s="85">
        <v>30</v>
      </c>
      <c r="N39" s="70">
        <v>0</v>
      </c>
      <c r="O39" s="71">
        <v>0</v>
      </c>
      <c r="P39" s="72">
        <v>0</v>
      </c>
      <c r="Q39" s="244"/>
      <c r="R39" s="71">
        <v>0</v>
      </c>
      <c r="S39" s="71">
        <v>0</v>
      </c>
      <c r="T39" s="71">
        <v>0</v>
      </c>
      <c r="U39" s="71">
        <v>0</v>
      </c>
      <c r="V39" s="71">
        <v>0</v>
      </c>
      <c r="W39" s="72">
        <v>0</v>
      </c>
      <c r="X39" s="73">
        <v>0</v>
      </c>
      <c r="Y39" s="70">
        <v>0</v>
      </c>
      <c r="Z39" s="71">
        <v>0</v>
      </c>
      <c r="AA39" s="72">
        <v>0</v>
      </c>
      <c r="AB39" s="244"/>
      <c r="AC39" s="71">
        <v>1</v>
      </c>
      <c r="AD39" s="71">
        <v>2</v>
      </c>
      <c r="AE39" s="71">
        <v>0</v>
      </c>
      <c r="AF39" s="71">
        <v>0</v>
      </c>
      <c r="AG39" s="71">
        <v>0</v>
      </c>
      <c r="AH39" s="72">
        <v>3</v>
      </c>
      <c r="AI39" s="73">
        <v>3</v>
      </c>
      <c r="AJ39" s="70">
        <v>0</v>
      </c>
      <c r="AK39" s="71">
        <v>0</v>
      </c>
      <c r="AL39" s="72">
        <v>0</v>
      </c>
      <c r="AM39" s="244"/>
      <c r="AN39" s="71">
        <v>1</v>
      </c>
      <c r="AO39" s="71">
        <v>0</v>
      </c>
      <c r="AP39" s="71">
        <v>0</v>
      </c>
      <c r="AQ39" s="71">
        <v>0</v>
      </c>
      <c r="AR39" s="71">
        <v>1</v>
      </c>
      <c r="AS39" s="72">
        <v>2</v>
      </c>
      <c r="AT39" s="73">
        <v>2</v>
      </c>
      <c r="AU39" s="70">
        <v>0</v>
      </c>
      <c r="AV39" s="71">
        <v>4</v>
      </c>
      <c r="AW39" s="72">
        <v>4</v>
      </c>
      <c r="AX39" s="244"/>
      <c r="AY39" s="71">
        <v>3</v>
      </c>
      <c r="AZ39" s="71">
        <v>2</v>
      </c>
      <c r="BA39" s="71">
        <v>1</v>
      </c>
      <c r="BB39" s="71">
        <v>0</v>
      </c>
      <c r="BC39" s="71">
        <v>1</v>
      </c>
      <c r="BD39" s="72">
        <v>7</v>
      </c>
      <c r="BE39" s="73">
        <v>11</v>
      </c>
      <c r="BF39" s="70">
        <v>0</v>
      </c>
      <c r="BG39" s="71">
        <v>3</v>
      </c>
      <c r="BH39" s="72">
        <v>3</v>
      </c>
      <c r="BI39" s="244"/>
      <c r="BJ39" s="71">
        <v>0</v>
      </c>
      <c r="BK39" s="71">
        <v>0</v>
      </c>
      <c r="BL39" s="71">
        <v>2</v>
      </c>
      <c r="BM39" s="71">
        <v>2</v>
      </c>
      <c r="BN39" s="71">
        <v>0</v>
      </c>
      <c r="BO39" s="72">
        <v>4</v>
      </c>
      <c r="BP39" s="73">
        <v>7</v>
      </c>
      <c r="BQ39" s="70">
        <v>1</v>
      </c>
      <c r="BR39" s="71">
        <v>0</v>
      </c>
      <c r="BS39" s="72">
        <v>1</v>
      </c>
      <c r="BT39" s="244"/>
      <c r="BU39" s="71">
        <v>3</v>
      </c>
      <c r="BV39" s="71">
        <v>1</v>
      </c>
      <c r="BW39" s="71">
        <v>1</v>
      </c>
      <c r="BX39" s="71">
        <v>1</v>
      </c>
      <c r="BY39" s="71">
        <v>0</v>
      </c>
      <c r="BZ39" s="72">
        <v>6</v>
      </c>
      <c r="CA39" s="73">
        <v>7</v>
      </c>
      <c r="CB39" s="70">
        <v>0</v>
      </c>
      <c r="CC39" s="71">
        <v>0</v>
      </c>
      <c r="CD39" s="72">
        <v>0</v>
      </c>
      <c r="CE39" s="244"/>
      <c r="CF39" s="71">
        <v>0</v>
      </c>
      <c r="CG39" s="71">
        <v>0</v>
      </c>
      <c r="CH39" s="71">
        <v>0</v>
      </c>
      <c r="CI39" s="71">
        <v>0</v>
      </c>
      <c r="CJ39" s="71">
        <v>0</v>
      </c>
      <c r="CK39" s="72">
        <v>0</v>
      </c>
      <c r="CL39" s="73">
        <v>0</v>
      </c>
      <c r="CM39" s="70">
        <v>1</v>
      </c>
      <c r="CN39" s="71">
        <v>7</v>
      </c>
      <c r="CO39" s="72">
        <v>8</v>
      </c>
      <c r="CP39" s="244"/>
      <c r="CQ39" s="71">
        <v>8</v>
      </c>
      <c r="CR39" s="71">
        <v>5</v>
      </c>
      <c r="CS39" s="71">
        <v>4</v>
      </c>
      <c r="CT39" s="71">
        <v>3</v>
      </c>
      <c r="CU39" s="71">
        <v>2</v>
      </c>
      <c r="CV39" s="72">
        <v>22</v>
      </c>
      <c r="CW39" s="73">
        <v>30</v>
      </c>
      <c r="CX39" s="123">
        <v>2</v>
      </c>
      <c r="CY39" s="82">
        <v>3</v>
      </c>
      <c r="CZ39" s="83">
        <v>5</v>
      </c>
      <c r="DA39" s="241"/>
      <c r="DB39" s="82">
        <v>6</v>
      </c>
      <c r="DC39" s="82">
        <v>3</v>
      </c>
      <c r="DD39" s="82">
        <v>2</v>
      </c>
      <c r="DE39" s="82">
        <v>6</v>
      </c>
      <c r="DF39" s="82">
        <v>3</v>
      </c>
      <c r="DG39" s="84">
        <v>20</v>
      </c>
      <c r="DH39" s="85">
        <v>25</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1</v>
      </c>
      <c r="EG39" s="72">
        <v>1</v>
      </c>
      <c r="EH39" s="244"/>
      <c r="EI39" s="71">
        <v>0</v>
      </c>
      <c r="EJ39" s="71">
        <v>0</v>
      </c>
      <c r="EK39" s="71">
        <v>0</v>
      </c>
      <c r="EL39" s="71">
        <v>0</v>
      </c>
      <c r="EM39" s="71">
        <v>0</v>
      </c>
      <c r="EN39" s="72">
        <v>0</v>
      </c>
      <c r="EO39" s="73">
        <v>1</v>
      </c>
      <c r="EP39" s="70">
        <v>0</v>
      </c>
      <c r="EQ39" s="71">
        <v>1</v>
      </c>
      <c r="ER39" s="72">
        <v>1</v>
      </c>
      <c r="ES39" s="244"/>
      <c r="ET39" s="71">
        <v>2</v>
      </c>
      <c r="EU39" s="71">
        <v>0</v>
      </c>
      <c r="EV39" s="71">
        <v>1</v>
      </c>
      <c r="EW39" s="71">
        <v>0</v>
      </c>
      <c r="EX39" s="71">
        <v>0</v>
      </c>
      <c r="EY39" s="72">
        <v>3</v>
      </c>
      <c r="EZ39" s="73">
        <v>4</v>
      </c>
      <c r="FA39" s="70">
        <v>1</v>
      </c>
      <c r="FB39" s="71">
        <v>1</v>
      </c>
      <c r="FC39" s="72">
        <v>2</v>
      </c>
      <c r="FD39" s="244"/>
      <c r="FE39" s="71">
        <v>2</v>
      </c>
      <c r="FF39" s="71">
        <v>2</v>
      </c>
      <c r="FG39" s="71">
        <v>1</v>
      </c>
      <c r="FH39" s="71">
        <v>3</v>
      </c>
      <c r="FI39" s="71">
        <v>0</v>
      </c>
      <c r="FJ39" s="72">
        <v>8</v>
      </c>
      <c r="FK39" s="73">
        <v>10</v>
      </c>
      <c r="FL39" s="70">
        <v>1</v>
      </c>
      <c r="FM39" s="71">
        <v>0</v>
      </c>
      <c r="FN39" s="72">
        <v>1</v>
      </c>
      <c r="FO39" s="244"/>
      <c r="FP39" s="71">
        <v>2</v>
      </c>
      <c r="FQ39" s="71">
        <v>1</v>
      </c>
      <c r="FR39" s="71">
        <v>0</v>
      </c>
      <c r="FS39" s="71">
        <v>3</v>
      </c>
      <c r="FT39" s="71">
        <v>3</v>
      </c>
      <c r="FU39" s="72">
        <v>9</v>
      </c>
      <c r="FV39" s="73">
        <v>10</v>
      </c>
      <c r="FW39" s="70">
        <v>0</v>
      </c>
      <c r="FX39" s="71">
        <v>0</v>
      </c>
      <c r="FY39" s="72">
        <v>0</v>
      </c>
      <c r="FZ39" s="244"/>
      <c r="GA39" s="71">
        <v>0</v>
      </c>
      <c r="GB39" s="71">
        <v>0</v>
      </c>
      <c r="GC39" s="71">
        <v>0</v>
      </c>
      <c r="GD39" s="71">
        <v>0</v>
      </c>
      <c r="GE39" s="71">
        <v>0</v>
      </c>
      <c r="GF39" s="72">
        <v>0</v>
      </c>
      <c r="GG39" s="73">
        <v>0</v>
      </c>
      <c r="GH39" s="70">
        <v>2</v>
      </c>
      <c r="GI39" s="71">
        <v>3</v>
      </c>
      <c r="GJ39" s="72">
        <v>5</v>
      </c>
      <c r="GK39" s="244"/>
      <c r="GL39" s="71">
        <v>6</v>
      </c>
      <c r="GM39" s="71">
        <v>3</v>
      </c>
      <c r="GN39" s="71">
        <v>2</v>
      </c>
      <c r="GO39" s="71">
        <v>6</v>
      </c>
      <c r="GP39" s="71">
        <v>3</v>
      </c>
      <c r="GQ39" s="72">
        <v>20</v>
      </c>
      <c r="GR39" s="73">
        <v>25</v>
      </c>
      <c r="GS39" s="123">
        <v>3</v>
      </c>
      <c r="GT39" s="82">
        <v>10</v>
      </c>
      <c r="GU39" s="83">
        <v>13</v>
      </c>
      <c r="GV39" s="241"/>
      <c r="GW39" s="82">
        <v>14</v>
      </c>
      <c r="GX39" s="82">
        <v>8</v>
      </c>
      <c r="GY39" s="82">
        <v>6</v>
      </c>
      <c r="GZ39" s="82">
        <v>9</v>
      </c>
      <c r="HA39" s="82">
        <v>5</v>
      </c>
      <c r="HB39" s="84">
        <v>42</v>
      </c>
      <c r="HC39" s="85">
        <v>55</v>
      </c>
      <c r="HD39" s="70">
        <v>0</v>
      </c>
      <c r="HE39" s="71">
        <v>0</v>
      </c>
      <c r="HF39" s="72">
        <v>0</v>
      </c>
      <c r="HG39" s="244"/>
      <c r="HH39" s="71">
        <v>0</v>
      </c>
      <c r="HI39" s="71">
        <v>0</v>
      </c>
      <c r="HJ39" s="71">
        <v>0</v>
      </c>
      <c r="HK39" s="71">
        <v>0</v>
      </c>
      <c r="HL39" s="71">
        <v>0</v>
      </c>
      <c r="HM39" s="72">
        <v>0</v>
      </c>
      <c r="HN39" s="73">
        <v>0</v>
      </c>
      <c r="HO39" s="70">
        <v>0</v>
      </c>
      <c r="HP39" s="71">
        <v>0</v>
      </c>
      <c r="HQ39" s="72">
        <v>0</v>
      </c>
      <c r="HR39" s="244"/>
      <c r="HS39" s="71">
        <v>1</v>
      </c>
      <c r="HT39" s="71">
        <v>2</v>
      </c>
      <c r="HU39" s="71">
        <v>0</v>
      </c>
      <c r="HV39" s="71">
        <v>0</v>
      </c>
      <c r="HW39" s="71">
        <v>0</v>
      </c>
      <c r="HX39" s="72">
        <v>3</v>
      </c>
      <c r="HY39" s="73">
        <v>3</v>
      </c>
      <c r="HZ39" s="70">
        <v>0</v>
      </c>
      <c r="IA39" s="71">
        <v>1</v>
      </c>
      <c r="IB39" s="72">
        <v>1</v>
      </c>
      <c r="IC39" s="244"/>
      <c r="ID39" s="71">
        <v>1</v>
      </c>
      <c r="IE39" s="71">
        <v>0</v>
      </c>
      <c r="IF39" s="71">
        <v>0</v>
      </c>
      <c r="IG39" s="71">
        <v>0</v>
      </c>
      <c r="IH39" s="71">
        <v>1</v>
      </c>
      <c r="II39" s="72">
        <v>2</v>
      </c>
      <c r="IJ39" s="73">
        <v>3</v>
      </c>
      <c r="IK39" s="70">
        <v>0</v>
      </c>
      <c r="IL39" s="71">
        <v>5</v>
      </c>
      <c r="IM39" s="72">
        <v>5</v>
      </c>
      <c r="IN39" s="244"/>
      <c r="IO39" s="71">
        <v>5</v>
      </c>
      <c r="IP39" s="71">
        <v>2</v>
      </c>
      <c r="IQ39" s="71">
        <v>2</v>
      </c>
      <c r="IR39" s="71">
        <v>0</v>
      </c>
      <c r="IS39" s="71">
        <v>1</v>
      </c>
      <c r="IT39" s="72">
        <v>10</v>
      </c>
      <c r="IU39" s="73">
        <v>15</v>
      </c>
      <c r="IV39" s="70">
        <v>1</v>
      </c>
      <c r="IW39" s="71">
        <v>4</v>
      </c>
      <c r="IX39" s="72">
        <v>5</v>
      </c>
      <c r="IY39" s="244"/>
      <c r="IZ39" s="71">
        <v>2</v>
      </c>
      <c r="JA39" s="71">
        <v>2</v>
      </c>
      <c r="JB39" s="71">
        <v>3</v>
      </c>
      <c r="JC39" s="71">
        <v>5</v>
      </c>
      <c r="JD39" s="71">
        <v>0</v>
      </c>
      <c r="JE39" s="72">
        <v>12</v>
      </c>
      <c r="JF39" s="73">
        <v>17</v>
      </c>
      <c r="JG39" s="70">
        <v>2</v>
      </c>
      <c r="JH39" s="71">
        <v>0</v>
      </c>
      <c r="JI39" s="72">
        <v>2</v>
      </c>
      <c r="JJ39" s="244"/>
      <c r="JK39" s="71">
        <v>5</v>
      </c>
      <c r="JL39" s="71">
        <v>2</v>
      </c>
      <c r="JM39" s="71">
        <v>1</v>
      </c>
      <c r="JN39" s="71">
        <v>4</v>
      </c>
      <c r="JO39" s="71">
        <v>3</v>
      </c>
      <c r="JP39" s="72">
        <v>15</v>
      </c>
      <c r="JQ39" s="73">
        <v>17</v>
      </c>
      <c r="JR39" s="70">
        <v>0</v>
      </c>
      <c r="JS39" s="71">
        <v>0</v>
      </c>
      <c r="JT39" s="72">
        <v>0</v>
      </c>
      <c r="JU39" s="244"/>
      <c r="JV39" s="71">
        <v>0</v>
      </c>
      <c r="JW39" s="71">
        <v>0</v>
      </c>
      <c r="JX39" s="71">
        <v>0</v>
      </c>
      <c r="JY39" s="71">
        <v>0</v>
      </c>
      <c r="JZ39" s="71">
        <v>0</v>
      </c>
      <c r="KA39" s="72">
        <v>0</v>
      </c>
      <c r="KB39" s="73">
        <v>0</v>
      </c>
      <c r="KC39" s="70">
        <v>3</v>
      </c>
      <c r="KD39" s="71">
        <v>10</v>
      </c>
      <c r="KE39" s="72">
        <v>13</v>
      </c>
      <c r="KF39" s="244"/>
      <c r="KG39" s="71">
        <v>14</v>
      </c>
      <c r="KH39" s="71">
        <v>8</v>
      </c>
      <c r="KI39" s="71">
        <v>6</v>
      </c>
      <c r="KJ39" s="71">
        <v>9</v>
      </c>
      <c r="KK39" s="71">
        <v>5</v>
      </c>
      <c r="KL39" s="72">
        <v>42</v>
      </c>
      <c r="KM39" s="73">
        <v>55</v>
      </c>
    </row>
    <row r="40" spans="2:299" ht="19.8" customHeight="1" thickBot="1" x14ac:dyDescent="0.25">
      <c r="B40" s="127" t="s">
        <v>37</v>
      </c>
      <c r="C40" s="317">
        <v>0</v>
      </c>
      <c r="D40" s="87">
        <v>1</v>
      </c>
      <c r="E40" s="88">
        <v>1</v>
      </c>
      <c r="F40" s="242"/>
      <c r="G40" s="87">
        <v>0</v>
      </c>
      <c r="H40" s="87">
        <v>0</v>
      </c>
      <c r="I40" s="87">
        <v>1</v>
      </c>
      <c r="J40" s="87">
        <v>1</v>
      </c>
      <c r="K40" s="87">
        <v>1</v>
      </c>
      <c r="L40" s="89">
        <v>3</v>
      </c>
      <c r="M40" s="90">
        <v>4</v>
      </c>
      <c r="N40" s="74">
        <v>0</v>
      </c>
      <c r="O40" s="75">
        <v>0</v>
      </c>
      <c r="P40" s="76">
        <v>0</v>
      </c>
      <c r="Q40" s="245"/>
      <c r="R40" s="75">
        <v>0</v>
      </c>
      <c r="S40" s="75">
        <v>0</v>
      </c>
      <c r="T40" s="75">
        <v>0</v>
      </c>
      <c r="U40" s="75">
        <v>0</v>
      </c>
      <c r="V40" s="75">
        <v>0</v>
      </c>
      <c r="W40" s="76">
        <v>0</v>
      </c>
      <c r="X40" s="77">
        <v>0</v>
      </c>
      <c r="Y40" s="74">
        <v>0</v>
      </c>
      <c r="Z40" s="75">
        <v>1</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1</v>
      </c>
      <c r="BD40" s="76">
        <v>2</v>
      </c>
      <c r="BE40" s="77">
        <v>2</v>
      </c>
      <c r="BF40" s="74">
        <v>0</v>
      </c>
      <c r="BG40" s="75">
        <v>0</v>
      </c>
      <c r="BH40" s="76">
        <v>0</v>
      </c>
      <c r="BI40" s="245"/>
      <c r="BJ40" s="75">
        <v>0</v>
      </c>
      <c r="BK40" s="75">
        <v>0</v>
      </c>
      <c r="BL40" s="75">
        <v>1</v>
      </c>
      <c r="BM40" s="75">
        <v>0</v>
      </c>
      <c r="BN40" s="75">
        <v>0</v>
      </c>
      <c r="BO40" s="76">
        <v>1</v>
      </c>
      <c r="BP40" s="77">
        <v>1</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0</v>
      </c>
      <c r="CS40" s="75">
        <v>1</v>
      </c>
      <c r="CT40" s="75">
        <v>1</v>
      </c>
      <c r="CU40" s="75">
        <v>1</v>
      </c>
      <c r="CV40" s="76">
        <v>3</v>
      </c>
      <c r="CW40" s="77">
        <v>4</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1</v>
      </c>
      <c r="GU40" s="88">
        <v>1</v>
      </c>
      <c r="GV40" s="242"/>
      <c r="GW40" s="87">
        <v>0</v>
      </c>
      <c r="GX40" s="87">
        <v>0</v>
      </c>
      <c r="GY40" s="87">
        <v>1</v>
      </c>
      <c r="GZ40" s="87">
        <v>1</v>
      </c>
      <c r="HA40" s="87">
        <v>2</v>
      </c>
      <c r="HB40" s="89">
        <v>4</v>
      </c>
      <c r="HC40" s="90">
        <v>5</v>
      </c>
      <c r="HD40" s="74">
        <v>0</v>
      </c>
      <c r="HE40" s="75">
        <v>0</v>
      </c>
      <c r="HF40" s="76">
        <v>0</v>
      </c>
      <c r="HG40" s="245"/>
      <c r="HH40" s="75">
        <v>0</v>
      </c>
      <c r="HI40" s="75">
        <v>0</v>
      </c>
      <c r="HJ40" s="75">
        <v>0</v>
      </c>
      <c r="HK40" s="75">
        <v>0</v>
      </c>
      <c r="HL40" s="75">
        <v>0</v>
      </c>
      <c r="HM40" s="76">
        <v>0</v>
      </c>
      <c r="HN40" s="77">
        <v>0</v>
      </c>
      <c r="HO40" s="74">
        <v>0</v>
      </c>
      <c r="HP40" s="75">
        <v>1</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1</v>
      </c>
      <c r="IT40" s="76">
        <v>2</v>
      </c>
      <c r="IU40" s="77">
        <v>2</v>
      </c>
      <c r="IV40" s="74">
        <v>0</v>
      </c>
      <c r="IW40" s="75">
        <v>0</v>
      </c>
      <c r="IX40" s="76">
        <v>0</v>
      </c>
      <c r="IY40" s="245"/>
      <c r="IZ40" s="75">
        <v>0</v>
      </c>
      <c r="JA40" s="75">
        <v>0</v>
      </c>
      <c r="JB40" s="75">
        <v>1</v>
      </c>
      <c r="JC40" s="75">
        <v>0</v>
      </c>
      <c r="JD40" s="75">
        <v>0</v>
      </c>
      <c r="JE40" s="76">
        <v>1</v>
      </c>
      <c r="JF40" s="77">
        <v>1</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0</v>
      </c>
      <c r="KI40" s="75">
        <v>1</v>
      </c>
      <c r="KJ40" s="75">
        <v>1</v>
      </c>
      <c r="KK40" s="75">
        <v>2</v>
      </c>
      <c r="KL40" s="76">
        <v>4</v>
      </c>
      <c r="KM40" s="77">
        <v>5</v>
      </c>
    </row>
    <row r="41" spans="2:299" ht="32.25" customHeight="1" x14ac:dyDescent="0.2">
      <c r="C41" s="311" t="s">
        <v>126</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8.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28">
        <f>第１表!F2</f>
        <v>4</v>
      </c>
      <c r="H1" s="528"/>
      <c r="I1" s="248">
        <f>第１表!G2</f>
        <v>8</v>
      </c>
      <c r="J1" s="529">
        <f>IF(I1&lt;3,I1+12-2,I1-2)</f>
        <v>6</v>
      </c>
      <c r="K1" s="529"/>
    </row>
    <row r="2" spans="2:35" ht="24" customHeight="1" thickBot="1" x14ac:dyDescent="0.25">
      <c r="B2" s="292"/>
      <c r="J2" s="24"/>
      <c r="K2" s="24"/>
      <c r="L2" s="24"/>
      <c r="M2" s="24"/>
      <c r="N2" s="24"/>
      <c r="O2" s="24"/>
      <c r="P2" s="25"/>
      <c r="Q2" s="25"/>
      <c r="R2" s="25"/>
    </row>
    <row r="3" spans="2:35" s="44" customFormat="1" ht="19.5" customHeight="1" thickBot="1" x14ac:dyDescent="0.25">
      <c r="B3" s="54"/>
      <c r="C3" s="525" t="s">
        <v>53</v>
      </c>
      <c r="D3" s="526"/>
      <c r="E3" s="526"/>
      <c r="F3" s="526"/>
      <c r="G3" s="526"/>
      <c r="H3" s="526"/>
      <c r="I3" s="526"/>
      <c r="J3" s="526"/>
      <c r="K3" s="526"/>
      <c r="L3" s="526"/>
      <c r="M3" s="527"/>
      <c r="N3" s="525" t="s">
        <v>54</v>
      </c>
      <c r="O3" s="526"/>
      <c r="P3" s="526"/>
      <c r="Q3" s="526"/>
      <c r="R3" s="526"/>
      <c r="S3" s="526"/>
      <c r="T3" s="526"/>
      <c r="U3" s="526"/>
      <c r="V3" s="526"/>
      <c r="W3" s="526"/>
      <c r="X3" s="527"/>
      <c r="Y3" s="525" t="s">
        <v>55</v>
      </c>
      <c r="Z3" s="526"/>
      <c r="AA3" s="526"/>
      <c r="AB3" s="526"/>
      <c r="AC3" s="526"/>
      <c r="AD3" s="526"/>
      <c r="AE3" s="526"/>
      <c r="AF3" s="526"/>
      <c r="AG3" s="526"/>
      <c r="AH3" s="526"/>
      <c r="AI3" s="527"/>
    </row>
    <row r="4" spans="2:35" s="44" customFormat="1" ht="29.25"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19.8" customHeight="1" x14ac:dyDescent="0.2">
      <c r="B5" s="46" t="s">
        <v>4</v>
      </c>
      <c r="C5" s="215">
        <v>16183</v>
      </c>
      <c r="D5" s="216">
        <v>28250</v>
      </c>
      <c r="E5" s="217">
        <v>44433</v>
      </c>
      <c r="F5" s="212">
        <v>0</v>
      </c>
      <c r="G5" s="216">
        <v>59205</v>
      </c>
      <c r="H5" s="216">
        <v>59349</v>
      </c>
      <c r="I5" s="216">
        <v>34580</v>
      </c>
      <c r="J5" s="216">
        <v>27098</v>
      </c>
      <c r="K5" s="216">
        <v>16240</v>
      </c>
      <c r="L5" s="217">
        <v>196472</v>
      </c>
      <c r="M5" s="218">
        <v>240905</v>
      </c>
      <c r="N5" s="219">
        <v>274</v>
      </c>
      <c r="O5" s="216">
        <v>808</v>
      </c>
      <c r="P5" s="217">
        <v>1082</v>
      </c>
      <c r="Q5" s="212">
        <v>0</v>
      </c>
      <c r="R5" s="216">
        <v>1069</v>
      </c>
      <c r="S5" s="216">
        <v>1843</v>
      </c>
      <c r="T5" s="216">
        <v>991</v>
      </c>
      <c r="U5" s="216">
        <v>820</v>
      </c>
      <c r="V5" s="216">
        <v>728</v>
      </c>
      <c r="W5" s="217">
        <v>5451</v>
      </c>
      <c r="X5" s="218">
        <v>6533</v>
      </c>
      <c r="Y5" s="215">
        <v>16457</v>
      </c>
      <c r="Z5" s="216">
        <v>29058</v>
      </c>
      <c r="AA5" s="217">
        <v>45515</v>
      </c>
      <c r="AB5" s="212">
        <v>0</v>
      </c>
      <c r="AC5" s="216">
        <v>60274</v>
      </c>
      <c r="AD5" s="216">
        <v>61192</v>
      </c>
      <c r="AE5" s="216">
        <v>35571</v>
      </c>
      <c r="AF5" s="216">
        <v>27918</v>
      </c>
      <c r="AG5" s="216">
        <v>16968</v>
      </c>
      <c r="AH5" s="217">
        <v>201923</v>
      </c>
      <c r="AI5" s="218">
        <v>247438</v>
      </c>
    </row>
    <row r="6" spans="2:35" ht="19.8" customHeight="1" x14ac:dyDescent="0.2">
      <c r="B6" s="49" t="s">
        <v>5</v>
      </c>
      <c r="C6" s="220">
        <v>6002</v>
      </c>
      <c r="D6" s="221">
        <v>12420</v>
      </c>
      <c r="E6" s="222">
        <v>18422</v>
      </c>
      <c r="F6" s="213">
        <v>0</v>
      </c>
      <c r="G6" s="221">
        <v>15910</v>
      </c>
      <c r="H6" s="221">
        <v>22405</v>
      </c>
      <c r="I6" s="221">
        <v>11315</v>
      </c>
      <c r="J6" s="221">
        <v>9086</v>
      </c>
      <c r="K6" s="221">
        <v>5336</v>
      </c>
      <c r="L6" s="222">
        <v>64052</v>
      </c>
      <c r="M6" s="223">
        <v>82474</v>
      </c>
      <c r="N6" s="224">
        <v>111</v>
      </c>
      <c r="O6" s="221">
        <v>330</v>
      </c>
      <c r="P6" s="222">
        <v>441</v>
      </c>
      <c r="Q6" s="213">
        <v>0</v>
      </c>
      <c r="R6" s="221">
        <v>252</v>
      </c>
      <c r="S6" s="221">
        <v>757</v>
      </c>
      <c r="T6" s="221">
        <v>381</v>
      </c>
      <c r="U6" s="221">
        <v>303</v>
      </c>
      <c r="V6" s="221">
        <v>286</v>
      </c>
      <c r="W6" s="222">
        <v>1979</v>
      </c>
      <c r="X6" s="223">
        <v>2420</v>
      </c>
      <c r="Y6" s="220">
        <v>6113</v>
      </c>
      <c r="Z6" s="221">
        <v>12750</v>
      </c>
      <c r="AA6" s="222">
        <v>18863</v>
      </c>
      <c r="AB6" s="213">
        <v>0</v>
      </c>
      <c r="AC6" s="221">
        <v>16162</v>
      </c>
      <c r="AD6" s="221">
        <v>23162</v>
      </c>
      <c r="AE6" s="221">
        <v>11696</v>
      </c>
      <c r="AF6" s="221">
        <v>9389</v>
      </c>
      <c r="AG6" s="221">
        <v>5622</v>
      </c>
      <c r="AH6" s="222">
        <v>66031</v>
      </c>
      <c r="AI6" s="223">
        <v>84894</v>
      </c>
    </row>
    <row r="7" spans="2:35" ht="19.8" customHeight="1" x14ac:dyDescent="0.2">
      <c r="B7" s="49" t="s">
        <v>6</v>
      </c>
      <c r="C7" s="220">
        <v>2237</v>
      </c>
      <c r="D7" s="221">
        <v>3440</v>
      </c>
      <c r="E7" s="222">
        <v>5677</v>
      </c>
      <c r="F7" s="213">
        <v>0</v>
      </c>
      <c r="G7" s="221">
        <v>10781</v>
      </c>
      <c r="H7" s="221">
        <v>8503</v>
      </c>
      <c r="I7" s="221">
        <v>5662</v>
      </c>
      <c r="J7" s="221">
        <v>4701</v>
      </c>
      <c r="K7" s="221">
        <v>2882</v>
      </c>
      <c r="L7" s="222">
        <v>32529</v>
      </c>
      <c r="M7" s="223">
        <v>38206</v>
      </c>
      <c r="N7" s="224">
        <v>45</v>
      </c>
      <c r="O7" s="221">
        <v>111</v>
      </c>
      <c r="P7" s="222">
        <v>156</v>
      </c>
      <c r="Q7" s="213">
        <v>0</v>
      </c>
      <c r="R7" s="221">
        <v>234</v>
      </c>
      <c r="S7" s="221">
        <v>259</v>
      </c>
      <c r="T7" s="221">
        <v>168</v>
      </c>
      <c r="U7" s="221">
        <v>158</v>
      </c>
      <c r="V7" s="221">
        <v>129</v>
      </c>
      <c r="W7" s="222">
        <v>948</v>
      </c>
      <c r="X7" s="223">
        <v>1104</v>
      </c>
      <c r="Y7" s="220">
        <v>2282</v>
      </c>
      <c r="Z7" s="221">
        <v>3551</v>
      </c>
      <c r="AA7" s="222">
        <v>5833</v>
      </c>
      <c r="AB7" s="213">
        <v>0</v>
      </c>
      <c r="AC7" s="221">
        <v>11015</v>
      </c>
      <c r="AD7" s="221">
        <v>8762</v>
      </c>
      <c r="AE7" s="221">
        <v>5830</v>
      </c>
      <c r="AF7" s="221">
        <v>4859</v>
      </c>
      <c r="AG7" s="221">
        <v>3011</v>
      </c>
      <c r="AH7" s="222">
        <v>33477</v>
      </c>
      <c r="AI7" s="223">
        <v>39310</v>
      </c>
    </row>
    <row r="8" spans="2:35" ht="19.8" customHeight="1" x14ac:dyDescent="0.2">
      <c r="B8" s="49" t="s">
        <v>14</v>
      </c>
      <c r="C8" s="220">
        <v>1174</v>
      </c>
      <c r="D8" s="221">
        <v>2619</v>
      </c>
      <c r="E8" s="222">
        <v>3793</v>
      </c>
      <c r="F8" s="213">
        <v>0</v>
      </c>
      <c r="G8" s="221">
        <v>4429</v>
      </c>
      <c r="H8" s="221">
        <v>5233</v>
      </c>
      <c r="I8" s="221">
        <v>3288</v>
      </c>
      <c r="J8" s="221">
        <v>2326</v>
      </c>
      <c r="K8" s="221">
        <v>1344</v>
      </c>
      <c r="L8" s="222">
        <v>16620</v>
      </c>
      <c r="M8" s="223">
        <v>20413</v>
      </c>
      <c r="N8" s="224">
        <v>20</v>
      </c>
      <c r="O8" s="221">
        <v>94</v>
      </c>
      <c r="P8" s="222">
        <v>114</v>
      </c>
      <c r="Q8" s="213">
        <v>0</v>
      </c>
      <c r="R8" s="221">
        <v>64</v>
      </c>
      <c r="S8" s="221">
        <v>156</v>
      </c>
      <c r="T8" s="221">
        <v>77</v>
      </c>
      <c r="U8" s="221">
        <v>76</v>
      </c>
      <c r="V8" s="221">
        <v>58</v>
      </c>
      <c r="W8" s="222">
        <v>431</v>
      </c>
      <c r="X8" s="223">
        <v>545</v>
      </c>
      <c r="Y8" s="220">
        <v>1194</v>
      </c>
      <c r="Z8" s="221">
        <v>2713</v>
      </c>
      <c r="AA8" s="222">
        <v>3907</v>
      </c>
      <c r="AB8" s="213">
        <v>0</v>
      </c>
      <c r="AC8" s="221">
        <v>4493</v>
      </c>
      <c r="AD8" s="221">
        <v>5389</v>
      </c>
      <c r="AE8" s="221">
        <v>3365</v>
      </c>
      <c r="AF8" s="221">
        <v>2402</v>
      </c>
      <c r="AG8" s="221">
        <v>1402</v>
      </c>
      <c r="AH8" s="222">
        <v>17051</v>
      </c>
      <c r="AI8" s="223">
        <v>20958</v>
      </c>
    </row>
    <row r="9" spans="2:35" ht="19.8" customHeight="1" x14ac:dyDescent="0.2">
      <c r="B9" s="49" t="s">
        <v>7</v>
      </c>
      <c r="C9" s="220">
        <v>516</v>
      </c>
      <c r="D9" s="221">
        <v>799</v>
      </c>
      <c r="E9" s="222">
        <v>1315</v>
      </c>
      <c r="F9" s="213">
        <v>0</v>
      </c>
      <c r="G9" s="221">
        <v>4921</v>
      </c>
      <c r="H9" s="221">
        <v>3453</v>
      </c>
      <c r="I9" s="221">
        <v>1975</v>
      </c>
      <c r="J9" s="221">
        <v>1529</v>
      </c>
      <c r="K9" s="221">
        <v>861</v>
      </c>
      <c r="L9" s="222">
        <v>12739</v>
      </c>
      <c r="M9" s="223">
        <v>14054</v>
      </c>
      <c r="N9" s="224">
        <v>8</v>
      </c>
      <c r="O9" s="221">
        <v>11</v>
      </c>
      <c r="P9" s="222">
        <v>19</v>
      </c>
      <c r="Q9" s="213">
        <v>0</v>
      </c>
      <c r="R9" s="221">
        <v>93</v>
      </c>
      <c r="S9" s="221">
        <v>100</v>
      </c>
      <c r="T9" s="221">
        <v>44</v>
      </c>
      <c r="U9" s="221">
        <v>30</v>
      </c>
      <c r="V9" s="221">
        <v>29</v>
      </c>
      <c r="W9" s="222">
        <v>296</v>
      </c>
      <c r="X9" s="223">
        <v>315</v>
      </c>
      <c r="Y9" s="220">
        <v>524</v>
      </c>
      <c r="Z9" s="221">
        <v>810</v>
      </c>
      <c r="AA9" s="222">
        <v>1334</v>
      </c>
      <c r="AB9" s="213">
        <v>0</v>
      </c>
      <c r="AC9" s="221">
        <v>5014</v>
      </c>
      <c r="AD9" s="221">
        <v>3553</v>
      </c>
      <c r="AE9" s="221">
        <v>2019</v>
      </c>
      <c r="AF9" s="221">
        <v>1559</v>
      </c>
      <c r="AG9" s="221">
        <v>890</v>
      </c>
      <c r="AH9" s="222">
        <v>13035</v>
      </c>
      <c r="AI9" s="223">
        <v>14369</v>
      </c>
    </row>
    <row r="10" spans="2:35" ht="19.8" customHeight="1" x14ac:dyDescent="0.2">
      <c r="B10" s="49" t="s">
        <v>8</v>
      </c>
      <c r="C10" s="220">
        <v>548</v>
      </c>
      <c r="D10" s="221">
        <v>639</v>
      </c>
      <c r="E10" s="222">
        <v>1187</v>
      </c>
      <c r="F10" s="213">
        <v>0</v>
      </c>
      <c r="G10" s="221">
        <v>1974</v>
      </c>
      <c r="H10" s="221">
        <v>2033</v>
      </c>
      <c r="I10" s="221">
        <v>1247</v>
      </c>
      <c r="J10" s="221">
        <v>839</v>
      </c>
      <c r="K10" s="221">
        <v>541</v>
      </c>
      <c r="L10" s="222">
        <v>6634</v>
      </c>
      <c r="M10" s="223">
        <v>7821</v>
      </c>
      <c r="N10" s="224">
        <v>4</v>
      </c>
      <c r="O10" s="221">
        <v>24</v>
      </c>
      <c r="P10" s="222">
        <v>28</v>
      </c>
      <c r="Q10" s="213">
        <v>0</v>
      </c>
      <c r="R10" s="221">
        <v>34</v>
      </c>
      <c r="S10" s="221">
        <v>58</v>
      </c>
      <c r="T10" s="221">
        <v>37</v>
      </c>
      <c r="U10" s="221">
        <v>23</v>
      </c>
      <c r="V10" s="221">
        <v>25</v>
      </c>
      <c r="W10" s="222">
        <v>177</v>
      </c>
      <c r="X10" s="223">
        <v>205</v>
      </c>
      <c r="Y10" s="220">
        <v>552</v>
      </c>
      <c r="Z10" s="221">
        <v>663</v>
      </c>
      <c r="AA10" s="222">
        <v>1215</v>
      </c>
      <c r="AB10" s="213">
        <v>0</v>
      </c>
      <c r="AC10" s="221">
        <v>2008</v>
      </c>
      <c r="AD10" s="221">
        <v>2091</v>
      </c>
      <c r="AE10" s="221">
        <v>1284</v>
      </c>
      <c r="AF10" s="221">
        <v>862</v>
      </c>
      <c r="AG10" s="221">
        <v>566</v>
      </c>
      <c r="AH10" s="222">
        <v>6811</v>
      </c>
      <c r="AI10" s="223">
        <v>8026</v>
      </c>
    </row>
    <row r="11" spans="2:35" ht="19.8" customHeight="1" x14ac:dyDescent="0.2">
      <c r="B11" s="49" t="s">
        <v>9</v>
      </c>
      <c r="C11" s="220">
        <v>476</v>
      </c>
      <c r="D11" s="221">
        <v>563</v>
      </c>
      <c r="E11" s="222">
        <v>1039</v>
      </c>
      <c r="F11" s="213">
        <v>0</v>
      </c>
      <c r="G11" s="221">
        <v>1928</v>
      </c>
      <c r="H11" s="221">
        <v>1495</v>
      </c>
      <c r="I11" s="221">
        <v>996</v>
      </c>
      <c r="J11" s="221">
        <v>840</v>
      </c>
      <c r="K11" s="221">
        <v>524</v>
      </c>
      <c r="L11" s="222">
        <v>5783</v>
      </c>
      <c r="M11" s="223">
        <v>6822</v>
      </c>
      <c r="N11" s="224">
        <v>2</v>
      </c>
      <c r="O11" s="221">
        <v>15</v>
      </c>
      <c r="P11" s="222">
        <v>17</v>
      </c>
      <c r="Q11" s="213">
        <v>0</v>
      </c>
      <c r="R11" s="221">
        <v>29</v>
      </c>
      <c r="S11" s="221">
        <v>34</v>
      </c>
      <c r="T11" s="221">
        <v>17</v>
      </c>
      <c r="U11" s="221">
        <v>17</v>
      </c>
      <c r="V11" s="221">
        <v>11</v>
      </c>
      <c r="W11" s="222">
        <v>108</v>
      </c>
      <c r="X11" s="223">
        <v>125</v>
      </c>
      <c r="Y11" s="220">
        <v>478</v>
      </c>
      <c r="Z11" s="221">
        <v>578</v>
      </c>
      <c r="AA11" s="222">
        <v>1056</v>
      </c>
      <c r="AB11" s="213">
        <v>0</v>
      </c>
      <c r="AC11" s="221">
        <v>1957</v>
      </c>
      <c r="AD11" s="221">
        <v>1529</v>
      </c>
      <c r="AE11" s="221">
        <v>1013</v>
      </c>
      <c r="AF11" s="221">
        <v>857</v>
      </c>
      <c r="AG11" s="221">
        <v>535</v>
      </c>
      <c r="AH11" s="222">
        <v>5891</v>
      </c>
      <c r="AI11" s="223">
        <v>6947</v>
      </c>
    </row>
    <row r="12" spans="2:35" ht="19.8" customHeight="1" x14ac:dyDescent="0.2">
      <c r="B12" s="49" t="s">
        <v>10</v>
      </c>
      <c r="C12" s="220">
        <v>1273</v>
      </c>
      <c r="D12" s="221">
        <v>1592</v>
      </c>
      <c r="E12" s="222">
        <v>2865</v>
      </c>
      <c r="F12" s="213">
        <v>0</v>
      </c>
      <c r="G12" s="221">
        <v>3961</v>
      </c>
      <c r="H12" s="221">
        <v>2372</v>
      </c>
      <c r="I12" s="221">
        <v>1543</v>
      </c>
      <c r="J12" s="221">
        <v>1236</v>
      </c>
      <c r="K12" s="221">
        <v>886</v>
      </c>
      <c r="L12" s="222">
        <v>9998</v>
      </c>
      <c r="M12" s="223">
        <v>12863</v>
      </c>
      <c r="N12" s="224">
        <v>24</v>
      </c>
      <c r="O12" s="221">
        <v>42</v>
      </c>
      <c r="P12" s="222">
        <v>66</v>
      </c>
      <c r="Q12" s="213">
        <v>0</v>
      </c>
      <c r="R12" s="221">
        <v>88</v>
      </c>
      <c r="S12" s="221">
        <v>70</v>
      </c>
      <c r="T12" s="221">
        <v>43</v>
      </c>
      <c r="U12" s="221">
        <v>24</v>
      </c>
      <c r="V12" s="221">
        <v>36</v>
      </c>
      <c r="W12" s="222">
        <v>261</v>
      </c>
      <c r="X12" s="223">
        <v>327</v>
      </c>
      <c r="Y12" s="220">
        <v>1297</v>
      </c>
      <c r="Z12" s="221">
        <v>1634</v>
      </c>
      <c r="AA12" s="222">
        <v>2931</v>
      </c>
      <c r="AB12" s="213">
        <v>0</v>
      </c>
      <c r="AC12" s="221">
        <v>4049</v>
      </c>
      <c r="AD12" s="221">
        <v>2442</v>
      </c>
      <c r="AE12" s="221">
        <v>1586</v>
      </c>
      <c r="AF12" s="221">
        <v>1260</v>
      </c>
      <c r="AG12" s="221">
        <v>922</v>
      </c>
      <c r="AH12" s="222">
        <v>10259</v>
      </c>
      <c r="AI12" s="223">
        <v>13190</v>
      </c>
    </row>
    <row r="13" spans="2:35" ht="19.8" customHeight="1" x14ac:dyDescent="0.2">
      <c r="B13" s="49" t="s">
        <v>11</v>
      </c>
      <c r="C13" s="220">
        <v>539</v>
      </c>
      <c r="D13" s="221">
        <v>570</v>
      </c>
      <c r="E13" s="222">
        <v>1109</v>
      </c>
      <c r="F13" s="213">
        <v>0</v>
      </c>
      <c r="G13" s="221">
        <v>2172</v>
      </c>
      <c r="H13" s="221">
        <v>1282</v>
      </c>
      <c r="I13" s="221">
        <v>917</v>
      </c>
      <c r="J13" s="221">
        <v>722</v>
      </c>
      <c r="K13" s="221">
        <v>396</v>
      </c>
      <c r="L13" s="222">
        <v>5489</v>
      </c>
      <c r="M13" s="223">
        <v>6598</v>
      </c>
      <c r="N13" s="224">
        <v>8</v>
      </c>
      <c r="O13" s="221">
        <v>10</v>
      </c>
      <c r="P13" s="222">
        <v>18</v>
      </c>
      <c r="Q13" s="213">
        <v>0</v>
      </c>
      <c r="R13" s="221">
        <v>37</v>
      </c>
      <c r="S13" s="221">
        <v>36</v>
      </c>
      <c r="T13" s="221">
        <v>20</v>
      </c>
      <c r="U13" s="221">
        <v>16</v>
      </c>
      <c r="V13" s="221">
        <v>16</v>
      </c>
      <c r="W13" s="222">
        <v>125</v>
      </c>
      <c r="X13" s="223">
        <v>143</v>
      </c>
      <c r="Y13" s="220">
        <v>547</v>
      </c>
      <c r="Z13" s="221">
        <v>580</v>
      </c>
      <c r="AA13" s="222">
        <v>1127</v>
      </c>
      <c r="AB13" s="213">
        <v>0</v>
      </c>
      <c r="AC13" s="221">
        <v>2209</v>
      </c>
      <c r="AD13" s="221">
        <v>1318</v>
      </c>
      <c r="AE13" s="221">
        <v>937</v>
      </c>
      <c r="AF13" s="221">
        <v>738</v>
      </c>
      <c r="AG13" s="221">
        <v>412</v>
      </c>
      <c r="AH13" s="222">
        <v>5614</v>
      </c>
      <c r="AI13" s="223">
        <v>6741</v>
      </c>
    </row>
    <row r="14" spans="2:35" ht="19.8" customHeight="1" x14ac:dyDescent="0.2">
      <c r="B14" s="49" t="s">
        <v>12</v>
      </c>
      <c r="C14" s="220">
        <v>756</v>
      </c>
      <c r="D14" s="221">
        <v>995</v>
      </c>
      <c r="E14" s="222">
        <v>1751</v>
      </c>
      <c r="F14" s="213">
        <v>0</v>
      </c>
      <c r="G14" s="221">
        <v>1600</v>
      </c>
      <c r="H14" s="221">
        <v>1365</v>
      </c>
      <c r="I14" s="221">
        <v>986</v>
      </c>
      <c r="J14" s="221">
        <v>834</v>
      </c>
      <c r="K14" s="221">
        <v>491</v>
      </c>
      <c r="L14" s="222">
        <v>5276</v>
      </c>
      <c r="M14" s="223">
        <v>7027</v>
      </c>
      <c r="N14" s="224">
        <v>13</v>
      </c>
      <c r="O14" s="221">
        <v>24</v>
      </c>
      <c r="P14" s="222">
        <v>37</v>
      </c>
      <c r="Q14" s="213">
        <v>0</v>
      </c>
      <c r="R14" s="221">
        <v>18</v>
      </c>
      <c r="S14" s="221">
        <v>29</v>
      </c>
      <c r="T14" s="221">
        <v>16</v>
      </c>
      <c r="U14" s="221">
        <v>28</v>
      </c>
      <c r="V14" s="221">
        <v>16</v>
      </c>
      <c r="W14" s="222">
        <v>107</v>
      </c>
      <c r="X14" s="223">
        <v>144</v>
      </c>
      <c r="Y14" s="220">
        <v>769</v>
      </c>
      <c r="Z14" s="221">
        <v>1019</v>
      </c>
      <c r="AA14" s="222">
        <v>1788</v>
      </c>
      <c r="AB14" s="213">
        <v>0</v>
      </c>
      <c r="AC14" s="221">
        <v>1618</v>
      </c>
      <c r="AD14" s="221">
        <v>1394</v>
      </c>
      <c r="AE14" s="221">
        <v>1002</v>
      </c>
      <c r="AF14" s="221">
        <v>862</v>
      </c>
      <c r="AG14" s="221">
        <v>507</v>
      </c>
      <c r="AH14" s="222">
        <v>5383</v>
      </c>
      <c r="AI14" s="223">
        <v>7171</v>
      </c>
    </row>
    <row r="15" spans="2:35" ht="19.8" customHeight="1" x14ac:dyDescent="0.2">
      <c r="B15" s="49" t="s">
        <v>13</v>
      </c>
      <c r="C15" s="220">
        <v>130</v>
      </c>
      <c r="D15" s="221">
        <v>225</v>
      </c>
      <c r="E15" s="222">
        <v>355</v>
      </c>
      <c r="F15" s="213">
        <v>0</v>
      </c>
      <c r="G15" s="221">
        <v>646</v>
      </c>
      <c r="H15" s="221">
        <v>604</v>
      </c>
      <c r="I15" s="221">
        <v>393</v>
      </c>
      <c r="J15" s="221">
        <v>320</v>
      </c>
      <c r="K15" s="221">
        <v>211</v>
      </c>
      <c r="L15" s="222">
        <v>2174</v>
      </c>
      <c r="M15" s="223">
        <v>2529</v>
      </c>
      <c r="N15" s="224">
        <v>0</v>
      </c>
      <c r="O15" s="221">
        <v>1</v>
      </c>
      <c r="P15" s="222">
        <v>1</v>
      </c>
      <c r="Q15" s="213">
        <v>0</v>
      </c>
      <c r="R15" s="221">
        <v>12</v>
      </c>
      <c r="S15" s="221">
        <v>16</v>
      </c>
      <c r="T15" s="221">
        <v>14</v>
      </c>
      <c r="U15" s="221">
        <v>6</v>
      </c>
      <c r="V15" s="221">
        <v>9</v>
      </c>
      <c r="W15" s="222">
        <v>57</v>
      </c>
      <c r="X15" s="223">
        <v>58</v>
      </c>
      <c r="Y15" s="220">
        <v>130</v>
      </c>
      <c r="Z15" s="221">
        <v>226</v>
      </c>
      <c r="AA15" s="222">
        <v>356</v>
      </c>
      <c r="AB15" s="213">
        <v>0</v>
      </c>
      <c r="AC15" s="221">
        <v>658</v>
      </c>
      <c r="AD15" s="221">
        <v>620</v>
      </c>
      <c r="AE15" s="221">
        <v>407</v>
      </c>
      <c r="AF15" s="221">
        <v>326</v>
      </c>
      <c r="AG15" s="221">
        <v>220</v>
      </c>
      <c r="AH15" s="222">
        <v>2231</v>
      </c>
      <c r="AI15" s="223">
        <v>2587</v>
      </c>
    </row>
    <row r="16" spans="2:35" ht="19.8" customHeight="1" x14ac:dyDescent="0.2">
      <c r="B16" s="49" t="s">
        <v>15</v>
      </c>
      <c r="C16" s="220">
        <v>82</v>
      </c>
      <c r="D16" s="221">
        <v>194</v>
      </c>
      <c r="E16" s="222">
        <v>276</v>
      </c>
      <c r="F16" s="213">
        <v>0</v>
      </c>
      <c r="G16" s="221">
        <v>483</v>
      </c>
      <c r="H16" s="221">
        <v>532</v>
      </c>
      <c r="I16" s="221">
        <v>294</v>
      </c>
      <c r="J16" s="221">
        <v>218</v>
      </c>
      <c r="K16" s="221">
        <v>122</v>
      </c>
      <c r="L16" s="222">
        <v>1649</v>
      </c>
      <c r="M16" s="223">
        <v>1925</v>
      </c>
      <c r="N16" s="224">
        <v>0</v>
      </c>
      <c r="O16" s="221">
        <v>6</v>
      </c>
      <c r="P16" s="222">
        <v>6</v>
      </c>
      <c r="Q16" s="213">
        <v>0</v>
      </c>
      <c r="R16" s="221">
        <v>4</v>
      </c>
      <c r="S16" s="221">
        <v>15</v>
      </c>
      <c r="T16" s="221">
        <v>4</v>
      </c>
      <c r="U16" s="221">
        <v>1</v>
      </c>
      <c r="V16" s="221">
        <v>7</v>
      </c>
      <c r="W16" s="222">
        <v>31</v>
      </c>
      <c r="X16" s="223">
        <v>37</v>
      </c>
      <c r="Y16" s="220">
        <v>82</v>
      </c>
      <c r="Z16" s="221">
        <v>200</v>
      </c>
      <c r="AA16" s="222">
        <v>282</v>
      </c>
      <c r="AB16" s="213">
        <v>0</v>
      </c>
      <c r="AC16" s="221">
        <v>487</v>
      </c>
      <c r="AD16" s="221">
        <v>547</v>
      </c>
      <c r="AE16" s="221">
        <v>298</v>
      </c>
      <c r="AF16" s="221">
        <v>219</v>
      </c>
      <c r="AG16" s="221">
        <v>129</v>
      </c>
      <c r="AH16" s="222">
        <v>1680</v>
      </c>
      <c r="AI16" s="223">
        <v>1962</v>
      </c>
    </row>
    <row r="17" spans="2:35" ht="19.8" customHeight="1" x14ac:dyDescent="0.2">
      <c r="B17" s="49" t="s">
        <v>16</v>
      </c>
      <c r="C17" s="220">
        <v>242</v>
      </c>
      <c r="D17" s="221">
        <v>399</v>
      </c>
      <c r="E17" s="222">
        <v>641</v>
      </c>
      <c r="F17" s="213">
        <v>0</v>
      </c>
      <c r="G17" s="221">
        <v>974</v>
      </c>
      <c r="H17" s="221">
        <v>1280</v>
      </c>
      <c r="I17" s="221">
        <v>742</v>
      </c>
      <c r="J17" s="221">
        <v>548</v>
      </c>
      <c r="K17" s="221">
        <v>347</v>
      </c>
      <c r="L17" s="222">
        <v>3891</v>
      </c>
      <c r="M17" s="223">
        <v>4532</v>
      </c>
      <c r="N17" s="224">
        <v>7</v>
      </c>
      <c r="O17" s="221">
        <v>10</v>
      </c>
      <c r="P17" s="222">
        <v>17</v>
      </c>
      <c r="Q17" s="213">
        <v>0</v>
      </c>
      <c r="R17" s="221">
        <v>12</v>
      </c>
      <c r="S17" s="221">
        <v>35</v>
      </c>
      <c r="T17" s="221">
        <v>24</v>
      </c>
      <c r="U17" s="221">
        <v>19</v>
      </c>
      <c r="V17" s="221">
        <v>11</v>
      </c>
      <c r="W17" s="222">
        <v>101</v>
      </c>
      <c r="X17" s="223">
        <v>118</v>
      </c>
      <c r="Y17" s="220">
        <v>249</v>
      </c>
      <c r="Z17" s="221">
        <v>409</v>
      </c>
      <c r="AA17" s="222">
        <v>658</v>
      </c>
      <c r="AB17" s="213">
        <v>0</v>
      </c>
      <c r="AC17" s="221">
        <v>986</v>
      </c>
      <c r="AD17" s="221">
        <v>1315</v>
      </c>
      <c r="AE17" s="221">
        <v>766</v>
      </c>
      <c r="AF17" s="221">
        <v>567</v>
      </c>
      <c r="AG17" s="221">
        <v>358</v>
      </c>
      <c r="AH17" s="222">
        <v>3992</v>
      </c>
      <c r="AI17" s="223">
        <v>4650</v>
      </c>
    </row>
    <row r="18" spans="2:35" ht="19.8" customHeight="1" x14ac:dyDescent="0.2">
      <c r="B18" s="49" t="s">
        <v>17</v>
      </c>
      <c r="C18" s="220">
        <v>279</v>
      </c>
      <c r="D18" s="221">
        <v>572</v>
      </c>
      <c r="E18" s="222">
        <v>851</v>
      </c>
      <c r="F18" s="213">
        <v>0</v>
      </c>
      <c r="G18" s="221">
        <v>1130</v>
      </c>
      <c r="H18" s="221">
        <v>1616</v>
      </c>
      <c r="I18" s="221">
        <v>919</v>
      </c>
      <c r="J18" s="221">
        <v>701</v>
      </c>
      <c r="K18" s="221">
        <v>456</v>
      </c>
      <c r="L18" s="222">
        <v>4822</v>
      </c>
      <c r="M18" s="223">
        <v>5673</v>
      </c>
      <c r="N18" s="224">
        <v>2</v>
      </c>
      <c r="O18" s="221">
        <v>26</v>
      </c>
      <c r="P18" s="222">
        <v>28</v>
      </c>
      <c r="Q18" s="213">
        <v>0</v>
      </c>
      <c r="R18" s="221">
        <v>13</v>
      </c>
      <c r="S18" s="221">
        <v>69</v>
      </c>
      <c r="T18" s="221">
        <v>35</v>
      </c>
      <c r="U18" s="221">
        <v>29</v>
      </c>
      <c r="V18" s="221">
        <v>17</v>
      </c>
      <c r="W18" s="222">
        <v>163</v>
      </c>
      <c r="X18" s="223">
        <v>191</v>
      </c>
      <c r="Y18" s="220">
        <v>281</v>
      </c>
      <c r="Z18" s="221">
        <v>598</v>
      </c>
      <c r="AA18" s="222">
        <v>879</v>
      </c>
      <c r="AB18" s="213">
        <v>0</v>
      </c>
      <c r="AC18" s="221">
        <v>1143</v>
      </c>
      <c r="AD18" s="221">
        <v>1685</v>
      </c>
      <c r="AE18" s="221">
        <v>954</v>
      </c>
      <c r="AF18" s="221">
        <v>730</v>
      </c>
      <c r="AG18" s="221">
        <v>473</v>
      </c>
      <c r="AH18" s="222">
        <v>4985</v>
      </c>
      <c r="AI18" s="223">
        <v>5864</v>
      </c>
    </row>
    <row r="19" spans="2:35" ht="19.8" customHeight="1" x14ac:dyDescent="0.2">
      <c r="B19" s="49" t="s">
        <v>18</v>
      </c>
      <c r="C19" s="220">
        <v>347</v>
      </c>
      <c r="D19" s="221">
        <v>629</v>
      </c>
      <c r="E19" s="222">
        <v>976</v>
      </c>
      <c r="F19" s="213">
        <v>0</v>
      </c>
      <c r="G19" s="221">
        <v>1767</v>
      </c>
      <c r="H19" s="221">
        <v>1675</v>
      </c>
      <c r="I19" s="221">
        <v>1023</v>
      </c>
      <c r="J19" s="221">
        <v>743</v>
      </c>
      <c r="K19" s="221">
        <v>442</v>
      </c>
      <c r="L19" s="222">
        <v>5650</v>
      </c>
      <c r="M19" s="223">
        <v>6626</v>
      </c>
      <c r="N19" s="224">
        <v>9</v>
      </c>
      <c r="O19" s="221">
        <v>18</v>
      </c>
      <c r="P19" s="222">
        <v>27</v>
      </c>
      <c r="Q19" s="213">
        <v>0</v>
      </c>
      <c r="R19" s="221">
        <v>44</v>
      </c>
      <c r="S19" s="221">
        <v>55</v>
      </c>
      <c r="T19" s="221">
        <v>39</v>
      </c>
      <c r="U19" s="221">
        <v>27</v>
      </c>
      <c r="V19" s="221">
        <v>21</v>
      </c>
      <c r="W19" s="222">
        <v>186</v>
      </c>
      <c r="X19" s="223">
        <v>213</v>
      </c>
      <c r="Y19" s="220">
        <v>356</v>
      </c>
      <c r="Z19" s="221">
        <v>647</v>
      </c>
      <c r="AA19" s="222">
        <v>1003</v>
      </c>
      <c r="AB19" s="213">
        <v>0</v>
      </c>
      <c r="AC19" s="221">
        <v>1811</v>
      </c>
      <c r="AD19" s="221">
        <v>1730</v>
      </c>
      <c r="AE19" s="221">
        <v>1062</v>
      </c>
      <c r="AF19" s="221">
        <v>770</v>
      </c>
      <c r="AG19" s="221">
        <v>463</v>
      </c>
      <c r="AH19" s="222">
        <v>5836</v>
      </c>
      <c r="AI19" s="223">
        <v>6839</v>
      </c>
    </row>
    <row r="20" spans="2:35" ht="19.8" customHeight="1" x14ac:dyDescent="0.2">
      <c r="B20" s="49" t="s">
        <v>19</v>
      </c>
      <c r="C20" s="220">
        <v>199</v>
      </c>
      <c r="D20" s="221">
        <v>316</v>
      </c>
      <c r="E20" s="222">
        <v>515</v>
      </c>
      <c r="F20" s="213">
        <v>0</v>
      </c>
      <c r="G20" s="221">
        <v>797</v>
      </c>
      <c r="H20" s="221">
        <v>680</v>
      </c>
      <c r="I20" s="221">
        <v>406</v>
      </c>
      <c r="J20" s="221">
        <v>290</v>
      </c>
      <c r="K20" s="221">
        <v>208</v>
      </c>
      <c r="L20" s="222">
        <v>2381</v>
      </c>
      <c r="M20" s="223">
        <v>2896</v>
      </c>
      <c r="N20" s="224">
        <v>2</v>
      </c>
      <c r="O20" s="221">
        <v>14</v>
      </c>
      <c r="P20" s="222">
        <v>16</v>
      </c>
      <c r="Q20" s="213">
        <v>0</v>
      </c>
      <c r="R20" s="221">
        <v>17</v>
      </c>
      <c r="S20" s="221">
        <v>21</v>
      </c>
      <c r="T20" s="221">
        <v>11</v>
      </c>
      <c r="U20" s="221">
        <v>6</v>
      </c>
      <c r="V20" s="221">
        <v>9</v>
      </c>
      <c r="W20" s="222">
        <v>64</v>
      </c>
      <c r="X20" s="223">
        <v>80</v>
      </c>
      <c r="Y20" s="220">
        <v>201</v>
      </c>
      <c r="Z20" s="221">
        <v>330</v>
      </c>
      <c r="AA20" s="222">
        <v>531</v>
      </c>
      <c r="AB20" s="213">
        <v>0</v>
      </c>
      <c r="AC20" s="221">
        <v>814</v>
      </c>
      <c r="AD20" s="221">
        <v>701</v>
      </c>
      <c r="AE20" s="221">
        <v>417</v>
      </c>
      <c r="AF20" s="221">
        <v>296</v>
      </c>
      <c r="AG20" s="221">
        <v>217</v>
      </c>
      <c r="AH20" s="222">
        <v>2445</v>
      </c>
      <c r="AI20" s="223">
        <v>2976</v>
      </c>
    </row>
    <row r="21" spans="2:35" ht="19.8" customHeight="1" x14ac:dyDescent="0.2">
      <c r="B21" s="49" t="s">
        <v>20</v>
      </c>
      <c r="C21" s="220">
        <v>194</v>
      </c>
      <c r="D21" s="221">
        <v>422</v>
      </c>
      <c r="E21" s="222">
        <v>616</v>
      </c>
      <c r="F21" s="213">
        <v>0</v>
      </c>
      <c r="G21" s="221">
        <v>1069</v>
      </c>
      <c r="H21" s="221">
        <v>681</v>
      </c>
      <c r="I21" s="221">
        <v>478</v>
      </c>
      <c r="J21" s="221">
        <v>330</v>
      </c>
      <c r="K21" s="221">
        <v>159</v>
      </c>
      <c r="L21" s="222">
        <v>2717</v>
      </c>
      <c r="M21" s="223">
        <v>3333</v>
      </c>
      <c r="N21" s="224">
        <v>2</v>
      </c>
      <c r="O21" s="221">
        <v>19</v>
      </c>
      <c r="P21" s="222">
        <v>21</v>
      </c>
      <c r="Q21" s="213">
        <v>0</v>
      </c>
      <c r="R21" s="221">
        <v>34</v>
      </c>
      <c r="S21" s="221">
        <v>15</v>
      </c>
      <c r="T21" s="221">
        <v>18</v>
      </c>
      <c r="U21" s="221">
        <v>12</v>
      </c>
      <c r="V21" s="221">
        <v>5</v>
      </c>
      <c r="W21" s="222">
        <v>84</v>
      </c>
      <c r="X21" s="223">
        <v>105</v>
      </c>
      <c r="Y21" s="220">
        <v>196</v>
      </c>
      <c r="Z21" s="221">
        <v>441</v>
      </c>
      <c r="AA21" s="222">
        <v>637</v>
      </c>
      <c r="AB21" s="213">
        <v>0</v>
      </c>
      <c r="AC21" s="221">
        <v>1103</v>
      </c>
      <c r="AD21" s="221">
        <v>696</v>
      </c>
      <c r="AE21" s="221">
        <v>496</v>
      </c>
      <c r="AF21" s="221">
        <v>342</v>
      </c>
      <c r="AG21" s="221">
        <v>164</v>
      </c>
      <c r="AH21" s="222">
        <v>2801</v>
      </c>
      <c r="AI21" s="223">
        <v>3438</v>
      </c>
    </row>
    <row r="22" spans="2:35" ht="19.8" customHeight="1" x14ac:dyDescent="0.2">
      <c r="B22" s="49" t="s">
        <v>21</v>
      </c>
      <c r="C22" s="220">
        <v>273</v>
      </c>
      <c r="D22" s="221">
        <v>426</v>
      </c>
      <c r="E22" s="222">
        <v>699</v>
      </c>
      <c r="F22" s="213">
        <v>0</v>
      </c>
      <c r="G22" s="221">
        <v>904</v>
      </c>
      <c r="H22" s="221">
        <v>1044</v>
      </c>
      <c r="I22" s="221">
        <v>549</v>
      </c>
      <c r="J22" s="221">
        <v>405</v>
      </c>
      <c r="K22" s="221">
        <v>246</v>
      </c>
      <c r="L22" s="222">
        <v>3148</v>
      </c>
      <c r="M22" s="223">
        <v>3847</v>
      </c>
      <c r="N22" s="224">
        <v>6</v>
      </c>
      <c r="O22" s="221">
        <v>18</v>
      </c>
      <c r="P22" s="222">
        <v>24</v>
      </c>
      <c r="Q22" s="213">
        <v>0</v>
      </c>
      <c r="R22" s="221">
        <v>11</v>
      </c>
      <c r="S22" s="221">
        <v>38</v>
      </c>
      <c r="T22" s="221">
        <v>11</v>
      </c>
      <c r="U22" s="221">
        <v>12</v>
      </c>
      <c r="V22" s="221">
        <v>11</v>
      </c>
      <c r="W22" s="222">
        <v>83</v>
      </c>
      <c r="X22" s="223">
        <v>107</v>
      </c>
      <c r="Y22" s="220">
        <v>279</v>
      </c>
      <c r="Z22" s="221">
        <v>444</v>
      </c>
      <c r="AA22" s="222">
        <v>723</v>
      </c>
      <c r="AB22" s="213">
        <v>0</v>
      </c>
      <c r="AC22" s="221">
        <v>915</v>
      </c>
      <c r="AD22" s="221">
        <v>1082</v>
      </c>
      <c r="AE22" s="221">
        <v>560</v>
      </c>
      <c r="AF22" s="221">
        <v>417</v>
      </c>
      <c r="AG22" s="221">
        <v>257</v>
      </c>
      <c r="AH22" s="222">
        <v>3231</v>
      </c>
      <c r="AI22" s="223">
        <v>3954</v>
      </c>
    </row>
    <row r="23" spans="2:35" ht="19.8" customHeight="1" x14ac:dyDescent="0.2">
      <c r="B23" s="49" t="s">
        <v>22</v>
      </c>
      <c r="C23" s="220">
        <v>57</v>
      </c>
      <c r="D23" s="221">
        <v>160</v>
      </c>
      <c r="E23" s="222">
        <v>217</v>
      </c>
      <c r="F23" s="213">
        <v>0</v>
      </c>
      <c r="G23" s="221">
        <v>424</v>
      </c>
      <c r="H23" s="221">
        <v>389</v>
      </c>
      <c r="I23" s="221">
        <v>185</v>
      </c>
      <c r="J23" s="221">
        <v>143</v>
      </c>
      <c r="K23" s="221">
        <v>85</v>
      </c>
      <c r="L23" s="222">
        <v>1226</v>
      </c>
      <c r="M23" s="223">
        <v>1443</v>
      </c>
      <c r="N23" s="224">
        <v>0</v>
      </c>
      <c r="O23" s="221">
        <v>5</v>
      </c>
      <c r="P23" s="222">
        <v>5</v>
      </c>
      <c r="Q23" s="213">
        <v>0</v>
      </c>
      <c r="R23" s="221">
        <v>12</v>
      </c>
      <c r="S23" s="221">
        <v>6</v>
      </c>
      <c r="T23" s="221">
        <v>5</v>
      </c>
      <c r="U23" s="221">
        <v>4</v>
      </c>
      <c r="V23" s="221">
        <v>1</v>
      </c>
      <c r="W23" s="222">
        <v>28</v>
      </c>
      <c r="X23" s="223">
        <v>33</v>
      </c>
      <c r="Y23" s="220">
        <v>57</v>
      </c>
      <c r="Z23" s="221">
        <v>165</v>
      </c>
      <c r="AA23" s="222">
        <v>222</v>
      </c>
      <c r="AB23" s="213">
        <v>0</v>
      </c>
      <c r="AC23" s="221">
        <v>436</v>
      </c>
      <c r="AD23" s="221">
        <v>395</v>
      </c>
      <c r="AE23" s="221">
        <v>190</v>
      </c>
      <c r="AF23" s="221">
        <v>147</v>
      </c>
      <c r="AG23" s="221">
        <v>86</v>
      </c>
      <c r="AH23" s="222">
        <v>1254</v>
      </c>
      <c r="AI23" s="223">
        <v>1476</v>
      </c>
    </row>
    <row r="24" spans="2:35" ht="19.8" customHeight="1" x14ac:dyDescent="0.2">
      <c r="B24" s="49" t="s">
        <v>23</v>
      </c>
      <c r="C24" s="220">
        <v>127</v>
      </c>
      <c r="D24" s="221">
        <v>251</v>
      </c>
      <c r="E24" s="222">
        <v>378</v>
      </c>
      <c r="F24" s="213">
        <v>0</v>
      </c>
      <c r="G24" s="221">
        <v>606</v>
      </c>
      <c r="H24" s="221">
        <v>563</v>
      </c>
      <c r="I24" s="221">
        <v>320</v>
      </c>
      <c r="J24" s="221">
        <v>267</v>
      </c>
      <c r="K24" s="221">
        <v>128</v>
      </c>
      <c r="L24" s="222">
        <v>1884</v>
      </c>
      <c r="M24" s="223">
        <v>2262</v>
      </c>
      <c r="N24" s="224">
        <v>5</v>
      </c>
      <c r="O24" s="221">
        <v>8</v>
      </c>
      <c r="P24" s="222">
        <v>13</v>
      </c>
      <c r="Q24" s="213">
        <v>0</v>
      </c>
      <c r="R24" s="221">
        <v>8</v>
      </c>
      <c r="S24" s="221">
        <v>16</v>
      </c>
      <c r="T24" s="221">
        <v>6</v>
      </c>
      <c r="U24" s="221">
        <v>7</v>
      </c>
      <c r="V24" s="221">
        <v>5</v>
      </c>
      <c r="W24" s="222">
        <v>42</v>
      </c>
      <c r="X24" s="223">
        <v>55</v>
      </c>
      <c r="Y24" s="220">
        <v>132</v>
      </c>
      <c r="Z24" s="221">
        <v>259</v>
      </c>
      <c r="AA24" s="222">
        <v>391</v>
      </c>
      <c r="AB24" s="213">
        <v>0</v>
      </c>
      <c r="AC24" s="221">
        <v>614</v>
      </c>
      <c r="AD24" s="221">
        <v>579</v>
      </c>
      <c r="AE24" s="221">
        <v>326</v>
      </c>
      <c r="AF24" s="221">
        <v>274</v>
      </c>
      <c r="AG24" s="221">
        <v>133</v>
      </c>
      <c r="AH24" s="222">
        <v>1926</v>
      </c>
      <c r="AI24" s="223">
        <v>2317</v>
      </c>
    </row>
    <row r="25" spans="2:35" ht="19.8" customHeight="1" x14ac:dyDescent="0.2">
      <c r="B25" s="49" t="s">
        <v>24</v>
      </c>
      <c r="C25" s="220">
        <v>113</v>
      </c>
      <c r="D25" s="221">
        <v>101</v>
      </c>
      <c r="E25" s="222">
        <v>214</v>
      </c>
      <c r="F25" s="213">
        <v>0</v>
      </c>
      <c r="G25" s="221">
        <v>342</v>
      </c>
      <c r="H25" s="221">
        <v>230</v>
      </c>
      <c r="I25" s="221">
        <v>165</v>
      </c>
      <c r="J25" s="221">
        <v>124</v>
      </c>
      <c r="K25" s="221">
        <v>93</v>
      </c>
      <c r="L25" s="222">
        <v>954</v>
      </c>
      <c r="M25" s="223">
        <v>1168</v>
      </c>
      <c r="N25" s="224">
        <v>2</v>
      </c>
      <c r="O25" s="221">
        <v>2</v>
      </c>
      <c r="P25" s="222">
        <v>4</v>
      </c>
      <c r="Q25" s="213">
        <v>0</v>
      </c>
      <c r="R25" s="221">
        <v>4</v>
      </c>
      <c r="S25" s="221">
        <v>8</v>
      </c>
      <c r="T25" s="221">
        <v>1</v>
      </c>
      <c r="U25" s="221">
        <v>1</v>
      </c>
      <c r="V25" s="221">
        <v>1</v>
      </c>
      <c r="W25" s="222">
        <v>15</v>
      </c>
      <c r="X25" s="223">
        <v>19</v>
      </c>
      <c r="Y25" s="220">
        <v>115</v>
      </c>
      <c r="Z25" s="221">
        <v>103</v>
      </c>
      <c r="AA25" s="222">
        <v>218</v>
      </c>
      <c r="AB25" s="213">
        <v>0</v>
      </c>
      <c r="AC25" s="221">
        <v>346</v>
      </c>
      <c r="AD25" s="221">
        <v>238</v>
      </c>
      <c r="AE25" s="221">
        <v>166</v>
      </c>
      <c r="AF25" s="221">
        <v>125</v>
      </c>
      <c r="AG25" s="221">
        <v>94</v>
      </c>
      <c r="AH25" s="222">
        <v>969</v>
      </c>
      <c r="AI25" s="223">
        <v>1187</v>
      </c>
    </row>
    <row r="26" spans="2:35" ht="19.8" customHeight="1" x14ac:dyDescent="0.2">
      <c r="B26" s="49" t="s">
        <v>25</v>
      </c>
      <c r="C26" s="220">
        <v>89</v>
      </c>
      <c r="D26" s="221">
        <v>144</v>
      </c>
      <c r="E26" s="222">
        <v>233</v>
      </c>
      <c r="F26" s="213">
        <v>0</v>
      </c>
      <c r="G26" s="221">
        <v>396</v>
      </c>
      <c r="H26" s="221">
        <v>274</v>
      </c>
      <c r="I26" s="221">
        <v>134</v>
      </c>
      <c r="J26" s="221">
        <v>153</v>
      </c>
      <c r="K26" s="221">
        <v>70</v>
      </c>
      <c r="L26" s="222">
        <v>1027</v>
      </c>
      <c r="M26" s="223">
        <v>1260</v>
      </c>
      <c r="N26" s="224">
        <v>0</v>
      </c>
      <c r="O26" s="221">
        <v>5</v>
      </c>
      <c r="P26" s="222">
        <v>5</v>
      </c>
      <c r="Q26" s="213">
        <v>0</v>
      </c>
      <c r="R26" s="221">
        <v>7</v>
      </c>
      <c r="S26" s="221">
        <v>10</v>
      </c>
      <c r="T26" s="221">
        <v>3</v>
      </c>
      <c r="U26" s="221">
        <v>3</v>
      </c>
      <c r="V26" s="221">
        <v>5</v>
      </c>
      <c r="W26" s="222">
        <v>28</v>
      </c>
      <c r="X26" s="223">
        <v>33</v>
      </c>
      <c r="Y26" s="220">
        <v>89</v>
      </c>
      <c r="Z26" s="221">
        <v>149</v>
      </c>
      <c r="AA26" s="222">
        <v>238</v>
      </c>
      <c r="AB26" s="213">
        <v>0</v>
      </c>
      <c r="AC26" s="221">
        <v>403</v>
      </c>
      <c r="AD26" s="221">
        <v>284</v>
      </c>
      <c r="AE26" s="221">
        <v>137</v>
      </c>
      <c r="AF26" s="221">
        <v>156</v>
      </c>
      <c r="AG26" s="221">
        <v>75</v>
      </c>
      <c r="AH26" s="222">
        <v>1055</v>
      </c>
      <c r="AI26" s="223">
        <v>1293</v>
      </c>
    </row>
    <row r="27" spans="2:35" ht="19.8" customHeight="1" x14ac:dyDescent="0.2">
      <c r="B27" s="49" t="s">
        <v>26</v>
      </c>
      <c r="C27" s="220">
        <v>80</v>
      </c>
      <c r="D27" s="221">
        <v>109</v>
      </c>
      <c r="E27" s="222">
        <v>189</v>
      </c>
      <c r="F27" s="213">
        <v>0</v>
      </c>
      <c r="G27" s="221">
        <v>312</v>
      </c>
      <c r="H27" s="221">
        <v>253</v>
      </c>
      <c r="I27" s="221">
        <v>172</v>
      </c>
      <c r="J27" s="221">
        <v>118</v>
      </c>
      <c r="K27" s="221">
        <v>84</v>
      </c>
      <c r="L27" s="222">
        <v>939</v>
      </c>
      <c r="M27" s="223">
        <v>1128</v>
      </c>
      <c r="N27" s="224">
        <v>0</v>
      </c>
      <c r="O27" s="221">
        <v>1</v>
      </c>
      <c r="P27" s="222">
        <v>1</v>
      </c>
      <c r="Q27" s="213">
        <v>0</v>
      </c>
      <c r="R27" s="221">
        <v>9</v>
      </c>
      <c r="S27" s="221">
        <v>4</v>
      </c>
      <c r="T27" s="221">
        <v>2</v>
      </c>
      <c r="U27" s="221">
        <v>4</v>
      </c>
      <c r="V27" s="221">
        <v>3</v>
      </c>
      <c r="W27" s="222">
        <v>22</v>
      </c>
      <c r="X27" s="223">
        <v>23</v>
      </c>
      <c r="Y27" s="220">
        <v>80</v>
      </c>
      <c r="Z27" s="221">
        <v>110</v>
      </c>
      <c r="AA27" s="222">
        <v>190</v>
      </c>
      <c r="AB27" s="213">
        <v>0</v>
      </c>
      <c r="AC27" s="221">
        <v>321</v>
      </c>
      <c r="AD27" s="221">
        <v>257</v>
      </c>
      <c r="AE27" s="221">
        <v>174</v>
      </c>
      <c r="AF27" s="221">
        <v>122</v>
      </c>
      <c r="AG27" s="221">
        <v>87</v>
      </c>
      <c r="AH27" s="222">
        <v>961</v>
      </c>
      <c r="AI27" s="223">
        <v>1151</v>
      </c>
    </row>
    <row r="28" spans="2:35" ht="19.8" customHeight="1" x14ac:dyDescent="0.2">
      <c r="B28" s="49" t="s">
        <v>27</v>
      </c>
      <c r="C28" s="220">
        <v>124</v>
      </c>
      <c r="D28" s="221">
        <v>169</v>
      </c>
      <c r="E28" s="222">
        <v>293</v>
      </c>
      <c r="F28" s="213">
        <v>0</v>
      </c>
      <c r="G28" s="221">
        <v>239</v>
      </c>
      <c r="H28" s="221">
        <v>217</v>
      </c>
      <c r="I28" s="221">
        <v>162</v>
      </c>
      <c r="J28" s="221">
        <v>114</v>
      </c>
      <c r="K28" s="221">
        <v>57</v>
      </c>
      <c r="L28" s="222">
        <v>789</v>
      </c>
      <c r="M28" s="223">
        <v>1082</v>
      </c>
      <c r="N28" s="224">
        <v>1</v>
      </c>
      <c r="O28" s="221">
        <v>4</v>
      </c>
      <c r="P28" s="222">
        <v>5</v>
      </c>
      <c r="Q28" s="213">
        <v>0</v>
      </c>
      <c r="R28" s="221">
        <v>6</v>
      </c>
      <c r="S28" s="221">
        <v>5</v>
      </c>
      <c r="T28" s="221">
        <v>2</v>
      </c>
      <c r="U28" s="221">
        <v>1</v>
      </c>
      <c r="V28" s="221">
        <v>3</v>
      </c>
      <c r="W28" s="222">
        <v>17</v>
      </c>
      <c r="X28" s="223">
        <v>22</v>
      </c>
      <c r="Y28" s="220">
        <v>125</v>
      </c>
      <c r="Z28" s="221">
        <v>173</v>
      </c>
      <c r="AA28" s="222">
        <v>298</v>
      </c>
      <c r="AB28" s="213">
        <v>0</v>
      </c>
      <c r="AC28" s="221">
        <v>245</v>
      </c>
      <c r="AD28" s="221">
        <v>222</v>
      </c>
      <c r="AE28" s="221">
        <v>164</v>
      </c>
      <c r="AF28" s="221">
        <v>115</v>
      </c>
      <c r="AG28" s="221">
        <v>60</v>
      </c>
      <c r="AH28" s="222">
        <v>806</v>
      </c>
      <c r="AI28" s="223">
        <v>1104</v>
      </c>
    </row>
    <row r="29" spans="2:35" ht="19.8" customHeight="1" x14ac:dyDescent="0.2">
      <c r="B29" s="49" t="s">
        <v>28</v>
      </c>
      <c r="C29" s="220">
        <v>7</v>
      </c>
      <c r="D29" s="221">
        <v>19</v>
      </c>
      <c r="E29" s="222">
        <v>26</v>
      </c>
      <c r="F29" s="213">
        <v>0</v>
      </c>
      <c r="G29" s="221">
        <v>76</v>
      </c>
      <c r="H29" s="221">
        <v>94</v>
      </c>
      <c r="I29" s="221">
        <v>44</v>
      </c>
      <c r="J29" s="221">
        <v>33</v>
      </c>
      <c r="K29" s="221">
        <v>22</v>
      </c>
      <c r="L29" s="222">
        <v>269</v>
      </c>
      <c r="M29" s="223">
        <v>295</v>
      </c>
      <c r="N29" s="224">
        <v>0</v>
      </c>
      <c r="O29" s="221">
        <v>1</v>
      </c>
      <c r="P29" s="222">
        <v>1</v>
      </c>
      <c r="Q29" s="213">
        <v>0</v>
      </c>
      <c r="R29" s="221">
        <v>0</v>
      </c>
      <c r="S29" s="221">
        <v>1</v>
      </c>
      <c r="T29" s="221">
        <v>0</v>
      </c>
      <c r="U29" s="221">
        <v>1</v>
      </c>
      <c r="V29" s="221">
        <v>3</v>
      </c>
      <c r="W29" s="222">
        <v>5</v>
      </c>
      <c r="X29" s="223">
        <v>6</v>
      </c>
      <c r="Y29" s="220">
        <v>7</v>
      </c>
      <c r="Z29" s="221">
        <v>20</v>
      </c>
      <c r="AA29" s="222">
        <v>27</v>
      </c>
      <c r="AB29" s="213">
        <v>0</v>
      </c>
      <c r="AC29" s="221">
        <v>76</v>
      </c>
      <c r="AD29" s="221">
        <v>95</v>
      </c>
      <c r="AE29" s="221">
        <v>44</v>
      </c>
      <c r="AF29" s="221">
        <v>34</v>
      </c>
      <c r="AG29" s="221">
        <v>25</v>
      </c>
      <c r="AH29" s="222">
        <v>274</v>
      </c>
      <c r="AI29" s="223">
        <v>301</v>
      </c>
    </row>
    <row r="30" spans="2:35" ht="19.8" customHeight="1" x14ac:dyDescent="0.2">
      <c r="B30" s="49" t="s">
        <v>29</v>
      </c>
      <c r="C30" s="220">
        <v>30</v>
      </c>
      <c r="D30" s="221">
        <v>34</v>
      </c>
      <c r="E30" s="222">
        <v>64</v>
      </c>
      <c r="F30" s="213">
        <v>0</v>
      </c>
      <c r="G30" s="221">
        <v>88</v>
      </c>
      <c r="H30" s="221">
        <v>103</v>
      </c>
      <c r="I30" s="221">
        <v>51</v>
      </c>
      <c r="J30" s="221">
        <v>54</v>
      </c>
      <c r="K30" s="221">
        <v>28</v>
      </c>
      <c r="L30" s="222">
        <v>324</v>
      </c>
      <c r="M30" s="223">
        <v>388</v>
      </c>
      <c r="N30" s="224">
        <v>1</v>
      </c>
      <c r="O30" s="221">
        <v>2</v>
      </c>
      <c r="P30" s="222">
        <v>3</v>
      </c>
      <c r="Q30" s="213">
        <v>0</v>
      </c>
      <c r="R30" s="221">
        <v>2</v>
      </c>
      <c r="S30" s="221">
        <v>3</v>
      </c>
      <c r="T30" s="221">
        <v>2</v>
      </c>
      <c r="U30" s="221">
        <v>1</v>
      </c>
      <c r="V30" s="221">
        <v>0</v>
      </c>
      <c r="W30" s="222">
        <v>8</v>
      </c>
      <c r="X30" s="223">
        <v>11</v>
      </c>
      <c r="Y30" s="220">
        <v>31</v>
      </c>
      <c r="Z30" s="221">
        <v>36</v>
      </c>
      <c r="AA30" s="222">
        <v>67</v>
      </c>
      <c r="AB30" s="213">
        <v>0</v>
      </c>
      <c r="AC30" s="221">
        <v>90</v>
      </c>
      <c r="AD30" s="221">
        <v>106</v>
      </c>
      <c r="AE30" s="221">
        <v>53</v>
      </c>
      <c r="AF30" s="221">
        <v>55</v>
      </c>
      <c r="AG30" s="221">
        <v>28</v>
      </c>
      <c r="AH30" s="222">
        <v>332</v>
      </c>
      <c r="AI30" s="223">
        <v>399</v>
      </c>
    </row>
    <row r="31" spans="2:35" ht="19.8" customHeight="1" x14ac:dyDescent="0.2">
      <c r="B31" s="49" t="s">
        <v>30</v>
      </c>
      <c r="C31" s="220">
        <v>29</v>
      </c>
      <c r="D31" s="221">
        <v>29</v>
      </c>
      <c r="E31" s="222">
        <v>58</v>
      </c>
      <c r="F31" s="213">
        <v>0</v>
      </c>
      <c r="G31" s="221">
        <v>109</v>
      </c>
      <c r="H31" s="221">
        <v>86</v>
      </c>
      <c r="I31" s="221">
        <v>59</v>
      </c>
      <c r="J31" s="221">
        <v>54</v>
      </c>
      <c r="K31" s="221">
        <v>19</v>
      </c>
      <c r="L31" s="222">
        <v>327</v>
      </c>
      <c r="M31" s="223">
        <v>385</v>
      </c>
      <c r="N31" s="224">
        <v>0</v>
      </c>
      <c r="O31" s="221">
        <v>0</v>
      </c>
      <c r="P31" s="222">
        <v>0</v>
      </c>
      <c r="Q31" s="213">
        <v>0</v>
      </c>
      <c r="R31" s="221">
        <v>1</v>
      </c>
      <c r="S31" s="221">
        <v>0</v>
      </c>
      <c r="T31" s="221">
        <v>1</v>
      </c>
      <c r="U31" s="221">
        <v>1</v>
      </c>
      <c r="V31" s="221">
        <v>1</v>
      </c>
      <c r="W31" s="222">
        <v>4</v>
      </c>
      <c r="X31" s="223">
        <v>4</v>
      </c>
      <c r="Y31" s="220">
        <v>29</v>
      </c>
      <c r="Z31" s="221">
        <v>29</v>
      </c>
      <c r="AA31" s="222">
        <v>58</v>
      </c>
      <c r="AB31" s="213">
        <v>0</v>
      </c>
      <c r="AC31" s="221">
        <v>110</v>
      </c>
      <c r="AD31" s="221">
        <v>86</v>
      </c>
      <c r="AE31" s="221">
        <v>60</v>
      </c>
      <c r="AF31" s="221">
        <v>55</v>
      </c>
      <c r="AG31" s="221">
        <v>20</v>
      </c>
      <c r="AH31" s="222">
        <v>331</v>
      </c>
      <c r="AI31" s="223">
        <v>389</v>
      </c>
    </row>
    <row r="32" spans="2:35" ht="19.8" customHeight="1" x14ac:dyDescent="0.2">
      <c r="B32" s="49" t="s">
        <v>31</v>
      </c>
      <c r="C32" s="220">
        <v>24</v>
      </c>
      <c r="D32" s="221">
        <v>50</v>
      </c>
      <c r="E32" s="222">
        <v>74</v>
      </c>
      <c r="F32" s="213">
        <v>0</v>
      </c>
      <c r="G32" s="221">
        <v>112</v>
      </c>
      <c r="H32" s="221">
        <v>107</v>
      </c>
      <c r="I32" s="221">
        <v>63</v>
      </c>
      <c r="J32" s="221">
        <v>27</v>
      </c>
      <c r="K32" s="221">
        <v>18</v>
      </c>
      <c r="L32" s="222">
        <v>327</v>
      </c>
      <c r="M32" s="223">
        <v>401</v>
      </c>
      <c r="N32" s="224">
        <v>0</v>
      </c>
      <c r="O32" s="221">
        <v>1</v>
      </c>
      <c r="P32" s="222">
        <v>1</v>
      </c>
      <c r="Q32" s="213">
        <v>0</v>
      </c>
      <c r="R32" s="221">
        <v>3</v>
      </c>
      <c r="S32" s="221">
        <v>1</v>
      </c>
      <c r="T32" s="221">
        <v>1</v>
      </c>
      <c r="U32" s="221">
        <v>1</v>
      </c>
      <c r="V32" s="221">
        <v>2</v>
      </c>
      <c r="W32" s="222">
        <v>8</v>
      </c>
      <c r="X32" s="223">
        <v>9</v>
      </c>
      <c r="Y32" s="220">
        <v>24</v>
      </c>
      <c r="Z32" s="221">
        <v>51</v>
      </c>
      <c r="AA32" s="222">
        <v>75</v>
      </c>
      <c r="AB32" s="213">
        <v>0</v>
      </c>
      <c r="AC32" s="221">
        <v>115</v>
      </c>
      <c r="AD32" s="221">
        <v>108</v>
      </c>
      <c r="AE32" s="221">
        <v>64</v>
      </c>
      <c r="AF32" s="221">
        <v>28</v>
      </c>
      <c r="AG32" s="221">
        <v>20</v>
      </c>
      <c r="AH32" s="222">
        <v>335</v>
      </c>
      <c r="AI32" s="223">
        <v>410</v>
      </c>
    </row>
    <row r="33" spans="2:35" ht="19.8" customHeight="1" x14ac:dyDescent="0.2">
      <c r="B33" s="49" t="s">
        <v>32</v>
      </c>
      <c r="C33" s="220">
        <v>33</v>
      </c>
      <c r="D33" s="221">
        <v>44</v>
      </c>
      <c r="E33" s="222">
        <v>77</v>
      </c>
      <c r="F33" s="213">
        <v>0</v>
      </c>
      <c r="G33" s="221">
        <v>144</v>
      </c>
      <c r="H33" s="221">
        <v>111</v>
      </c>
      <c r="I33" s="221">
        <v>70</v>
      </c>
      <c r="J33" s="221">
        <v>52</v>
      </c>
      <c r="K33" s="221">
        <v>26</v>
      </c>
      <c r="L33" s="222">
        <v>403</v>
      </c>
      <c r="M33" s="223">
        <v>480</v>
      </c>
      <c r="N33" s="224">
        <v>1</v>
      </c>
      <c r="O33" s="221">
        <v>1</v>
      </c>
      <c r="P33" s="222">
        <v>2</v>
      </c>
      <c r="Q33" s="213">
        <v>0</v>
      </c>
      <c r="R33" s="221">
        <v>8</v>
      </c>
      <c r="S33" s="221">
        <v>7</v>
      </c>
      <c r="T33" s="221">
        <v>0</v>
      </c>
      <c r="U33" s="221">
        <v>4</v>
      </c>
      <c r="V33" s="221">
        <v>2</v>
      </c>
      <c r="W33" s="222">
        <v>21</v>
      </c>
      <c r="X33" s="223">
        <v>23</v>
      </c>
      <c r="Y33" s="220">
        <v>34</v>
      </c>
      <c r="Z33" s="221">
        <v>45</v>
      </c>
      <c r="AA33" s="222">
        <v>79</v>
      </c>
      <c r="AB33" s="213">
        <v>0</v>
      </c>
      <c r="AC33" s="221">
        <v>152</v>
      </c>
      <c r="AD33" s="221">
        <v>118</v>
      </c>
      <c r="AE33" s="221">
        <v>70</v>
      </c>
      <c r="AF33" s="221">
        <v>56</v>
      </c>
      <c r="AG33" s="221">
        <v>28</v>
      </c>
      <c r="AH33" s="222">
        <v>424</v>
      </c>
      <c r="AI33" s="223">
        <v>503</v>
      </c>
    </row>
    <row r="34" spans="2:35" ht="19.8" customHeight="1" x14ac:dyDescent="0.2">
      <c r="B34" s="49" t="s">
        <v>33</v>
      </c>
      <c r="C34" s="220">
        <v>46</v>
      </c>
      <c r="D34" s="221">
        <v>60</v>
      </c>
      <c r="E34" s="222">
        <v>106</v>
      </c>
      <c r="F34" s="213">
        <v>0</v>
      </c>
      <c r="G34" s="221">
        <v>128</v>
      </c>
      <c r="H34" s="221">
        <v>88</v>
      </c>
      <c r="I34" s="221">
        <v>38</v>
      </c>
      <c r="J34" s="221">
        <v>38</v>
      </c>
      <c r="K34" s="221">
        <v>23</v>
      </c>
      <c r="L34" s="222">
        <v>315</v>
      </c>
      <c r="M34" s="223">
        <v>421</v>
      </c>
      <c r="N34" s="224">
        <v>0</v>
      </c>
      <c r="O34" s="221">
        <v>0</v>
      </c>
      <c r="P34" s="222">
        <v>0</v>
      </c>
      <c r="Q34" s="213">
        <v>0</v>
      </c>
      <c r="R34" s="221">
        <v>3</v>
      </c>
      <c r="S34" s="221">
        <v>1</v>
      </c>
      <c r="T34" s="221">
        <v>0</v>
      </c>
      <c r="U34" s="221">
        <v>1</v>
      </c>
      <c r="V34" s="221">
        <v>1</v>
      </c>
      <c r="W34" s="222">
        <v>6</v>
      </c>
      <c r="X34" s="223">
        <v>6</v>
      </c>
      <c r="Y34" s="220">
        <v>46</v>
      </c>
      <c r="Z34" s="221">
        <v>60</v>
      </c>
      <c r="AA34" s="222">
        <v>106</v>
      </c>
      <c r="AB34" s="213">
        <v>0</v>
      </c>
      <c r="AC34" s="221">
        <v>131</v>
      </c>
      <c r="AD34" s="221">
        <v>89</v>
      </c>
      <c r="AE34" s="221">
        <v>38</v>
      </c>
      <c r="AF34" s="221">
        <v>39</v>
      </c>
      <c r="AG34" s="221">
        <v>24</v>
      </c>
      <c r="AH34" s="222">
        <v>321</v>
      </c>
      <c r="AI34" s="223">
        <v>427</v>
      </c>
    </row>
    <row r="35" spans="2:35" ht="19.8" customHeight="1" x14ac:dyDescent="0.2">
      <c r="B35" s="49" t="s">
        <v>34</v>
      </c>
      <c r="C35" s="220">
        <v>17</v>
      </c>
      <c r="D35" s="221">
        <v>28</v>
      </c>
      <c r="E35" s="222">
        <v>45</v>
      </c>
      <c r="F35" s="213">
        <v>0</v>
      </c>
      <c r="G35" s="221">
        <v>97</v>
      </c>
      <c r="H35" s="221">
        <v>73</v>
      </c>
      <c r="I35" s="221">
        <v>44</v>
      </c>
      <c r="J35" s="221">
        <v>30</v>
      </c>
      <c r="K35" s="221">
        <v>14</v>
      </c>
      <c r="L35" s="222">
        <v>258</v>
      </c>
      <c r="M35" s="223">
        <v>303</v>
      </c>
      <c r="N35" s="224">
        <v>0</v>
      </c>
      <c r="O35" s="221">
        <v>0</v>
      </c>
      <c r="P35" s="222">
        <v>0</v>
      </c>
      <c r="Q35" s="213">
        <v>0</v>
      </c>
      <c r="R35" s="221">
        <v>4</v>
      </c>
      <c r="S35" s="221">
        <v>1</v>
      </c>
      <c r="T35" s="221">
        <v>2</v>
      </c>
      <c r="U35" s="221">
        <v>1</v>
      </c>
      <c r="V35" s="221">
        <v>1</v>
      </c>
      <c r="W35" s="222">
        <v>9</v>
      </c>
      <c r="X35" s="223">
        <v>9</v>
      </c>
      <c r="Y35" s="220">
        <v>17</v>
      </c>
      <c r="Z35" s="221">
        <v>28</v>
      </c>
      <c r="AA35" s="222">
        <v>45</v>
      </c>
      <c r="AB35" s="213">
        <v>0</v>
      </c>
      <c r="AC35" s="221">
        <v>101</v>
      </c>
      <c r="AD35" s="221">
        <v>74</v>
      </c>
      <c r="AE35" s="221">
        <v>46</v>
      </c>
      <c r="AF35" s="221">
        <v>31</v>
      </c>
      <c r="AG35" s="221">
        <v>15</v>
      </c>
      <c r="AH35" s="222">
        <v>267</v>
      </c>
      <c r="AI35" s="223">
        <v>312</v>
      </c>
    </row>
    <row r="36" spans="2:35" ht="19.8" customHeight="1" x14ac:dyDescent="0.2">
      <c r="B36" s="49" t="s">
        <v>35</v>
      </c>
      <c r="C36" s="220">
        <v>72</v>
      </c>
      <c r="D36" s="221">
        <v>99</v>
      </c>
      <c r="E36" s="222">
        <v>171</v>
      </c>
      <c r="F36" s="213">
        <v>0</v>
      </c>
      <c r="G36" s="221">
        <v>368</v>
      </c>
      <c r="H36" s="221">
        <v>245</v>
      </c>
      <c r="I36" s="221">
        <v>142</v>
      </c>
      <c r="J36" s="221">
        <v>115</v>
      </c>
      <c r="K36" s="221">
        <v>51</v>
      </c>
      <c r="L36" s="222">
        <v>921</v>
      </c>
      <c r="M36" s="223">
        <v>1092</v>
      </c>
      <c r="N36" s="224">
        <v>0</v>
      </c>
      <c r="O36" s="221">
        <v>1</v>
      </c>
      <c r="P36" s="222">
        <v>1</v>
      </c>
      <c r="Q36" s="213">
        <v>0</v>
      </c>
      <c r="R36" s="221">
        <v>2</v>
      </c>
      <c r="S36" s="221">
        <v>7</v>
      </c>
      <c r="T36" s="221">
        <v>1</v>
      </c>
      <c r="U36" s="221">
        <v>1</v>
      </c>
      <c r="V36" s="221">
        <v>2</v>
      </c>
      <c r="W36" s="222">
        <v>13</v>
      </c>
      <c r="X36" s="223">
        <v>14</v>
      </c>
      <c r="Y36" s="220">
        <v>72</v>
      </c>
      <c r="Z36" s="221">
        <v>100</v>
      </c>
      <c r="AA36" s="222">
        <v>172</v>
      </c>
      <c r="AB36" s="213">
        <v>0</v>
      </c>
      <c r="AC36" s="221">
        <v>370</v>
      </c>
      <c r="AD36" s="221">
        <v>252</v>
      </c>
      <c r="AE36" s="221">
        <v>143</v>
      </c>
      <c r="AF36" s="221">
        <v>116</v>
      </c>
      <c r="AG36" s="221">
        <v>53</v>
      </c>
      <c r="AH36" s="222">
        <v>934</v>
      </c>
      <c r="AI36" s="223">
        <v>1106</v>
      </c>
    </row>
    <row r="37" spans="2:35" ht="19.8" customHeight="1" x14ac:dyDescent="0.2">
      <c r="B37" s="49" t="s">
        <v>36</v>
      </c>
      <c r="C37" s="220">
        <v>57</v>
      </c>
      <c r="D37" s="221">
        <v>127</v>
      </c>
      <c r="E37" s="222">
        <v>184</v>
      </c>
      <c r="F37" s="213">
        <v>0</v>
      </c>
      <c r="G37" s="221">
        <v>284</v>
      </c>
      <c r="H37" s="221">
        <v>245</v>
      </c>
      <c r="I37" s="221">
        <v>178</v>
      </c>
      <c r="J37" s="221">
        <v>101</v>
      </c>
      <c r="K37" s="221">
        <v>64</v>
      </c>
      <c r="L37" s="222">
        <v>872</v>
      </c>
      <c r="M37" s="223">
        <v>1056</v>
      </c>
      <c r="N37" s="224">
        <v>1</v>
      </c>
      <c r="O37" s="221">
        <v>4</v>
      </c>
      <c r="P37" s="222">
        <v>5</v>
      </c>
      <c r="Q37" s="213">
        <v>0</v>
      </c>
      <c r="R37" s="221">
        <v>4</v>
      </c>
      <c r="S37" s="221">
        <v>9</v>
      </c>
      <c r="T37" s="221">
        <v>4</v>
      </c>
      <c r="U37" s="221">
        <v>1</v>
      </c>
      <c r="V37" s="221">
        <v>2</v>
      </c>
      <c r="W37" s="222">
        <v>20</v>
      </c>
      <c r="X37" s="223">
        <v>25</v>
      </c>
      <c r="Y37" s="220">
        <v>58</v>
      </c>
      <c r="Z37" s="221">
        <v>131</v>
      </c>
      <c r="AA37" s="222">
        <v>189</v>
      </c>
      <c r="AB37" s="213">
        <v>0</v>
      </c>
      <c r="AC37" s="221">
        <v>288</v>
      </c>
      <c r="AD37" s="221">
        <v>254</v>
      </c>
      <c r="AE37" s="221">
        <v>182</v>
      </c>
      <c r="AF37" s="221">
        <v>102</v>
      </c>
      <c r="AG37" s="221">
        <v>66</v>
      </c>
      <c r="AH37" s="222">
        <v>892</v>
      </c>
      <c r="AI37" s="223">
        <v>1081</v>
      </c>
    </row>
    <row r="38" spans="2:35" ht="19.8" customHeight="1" thickBot="1" x14ac:dyDescent="0.25">
      <c r="B38" s="50" t="s">
        <v>37</v>
      </c>
      <c r="C38" s="225">
        <v>11</v>
      </c>
      <c r="D38" s="226">
        <v>6</v>
      </c>
      <c r="E38" s="227">
        <v>17</v>
      </c>
      <c r="F38" s="214">
        <v>0</v>
      </c>
      <c r="G38" s="226">
        <v>34</v>
      </c>
      <c r="H38" s="226">
        <v>18</v>
      </c>
      <c r="I38" s="226">
        <v>20</v>
      </c>
      <c r="J38" s="226">
        <v>7</v>
      </c>
      <c r="K38" s="226">
        <v>6</v>
      </c>
      <c r="L38" s="227">
        <v>85</v>
      </c>
      <c r="M38" s="228">
        <v>102</v>
      </c>
      <c r="N38" s="229">
        <v>0</v>
      </c>
      <c r="O38" s="226">
        <v>0</v>
      </c>
      <c r="P38" s="227">
        <v>0</v>
      </c>
      <c r="Q38" s="214">
        <v>0</v>
      </c>
      <c r="R38" s="226">
        <v>0</v>
      </c>
      <c r="S38" s="226">
        <v>1</v>
      </c>
      <c r="T38" s="226">
        <v>2</v>
      </c>
      <c r="U38" s="226">
        <v>1</v>
      </c>
      <c r="V38" s="226">
        <v>0</v>
      </c>
      <c r="W38" s="227">
        <v>4</v>
      </c>
      <c r="X38" s="228">
        <v>4</v>
      </c>
      <c r="Y38" s="225">
        <v>11</v>
      </c>
      <c r="Z38" s="226">
        <v>6</v>
      </c>
      <c r="AA38" s="227">
        <v>17</v>
      </c>
      <c r="AB38" s="214">
        <v>0</v>
      </c>
      <c r="AC38" s="226">
        <v>34</v>
      </c>
      <c r="AD38" s="226">
        <v>19</v>
      </c>
      <c r="AE38" s="226">
        <v>22</v>
      </c>
      <c r="AF38" s="226">
        <v>8</v>
      </c>
      <c r="AG38" s="226">
        <v>6</v>
      </c>
      <c r="AH38" s="227">
        <v>89</v>
      </c>
      <c r="AI38" s="228">
        <v>106</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20" sqref="B20"/>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10.21875" style="256" customWidth="1"/>
    <col min="8" max="8" width="10.4414062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21875" style="256" customWidth="1"/>
    <col min="51" max="60" width="9" style="256"/>
    <col min="61" max="61" width="7.2187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04" width="9" style="256"/>
    <col min="105" max="105" width="7.44140625" style="256" customWidth="1"/>
    <col min="106" max="115" width="9" style="256"/>
    <col min="116" max="116" width="7.44140625" style="256" customWidth="1"/>
    <col min="117" max="126" width="9" style="256"/>
    <col min="127" max="127" width="7.44140625" style="256" customWidth="1"/>
    <col min="128" max="137" width="9" style="256"/>
    <col min="138" max="138" width="7.33203125" style="256" customWidth="1"/>
    <col min="139" max="148" width="9" style="256"/>
    <col min="149" max="149" width="7.77734375" style="256" customWidth="1"/>
    <col min="150" max="16384" width="9" style="256"/>
  </cols>
  <sheetData>
    <row r="1" spans="2:156" ht="24" customHeight="1" x14ac:dyDescent="0.2">
      <c r="B1" s="291" t="s">
        <v>122</v>
      </c>
      <c r="I1" s="528">
        <f>第１表!F2</f>
        <v>4</v>
      </c>
      <c r="J1" s="528"/>
      <c r="K1" s="248">
        <f>第１表!G2</f>
        <v>8</v>
      </c>
      <c r="L1" s="529">
        <f>IF(K1&lt;3,K1+12-2,K1-2)</f>
        <v>6</v>
      </c>
      <c r="M1" s="529"/>
    </row>
    <row r="2" spans="2:156" ht="24" customHeight="1" thickBot="1" x14ac:dyDescent="0.25">
      <c r="B2" s="291" t="s">
        <v>138</v>
      </c>
      <c r="G2" s="247"/>
      <c r="H2" s="248"/>
      <c r="J2" s="255"/>
      <c r="K2" s="255"/>
    </row>
    <row r="3" spans="2:156" ht="23.25" customHeight="1" thickBot="1" x14ac:dyDescent="0.25">
      <c r="B3" s="542"/>
      <c r="C3" s="533" t="s">
        <v>70</v>
      </c>
      <c r="D3" s="534"/>
      <c r="E3" s="534"/>
      <c r="F3" s="534"/>
      <c r="G3" s="534"/>
      <c r="H3" s="534"/>
      <c r="I3" s="534"/>
      <c r="J3" s="534"/>
      <c r="K3" s="534"/>
      <c r="L3" s="534"/>
      <c r="M3" s="535"/>
      <c r="N3" s="533" t="s">
        <v>71</v>
      </c>
      <c r="O3" s="534"/>
      <c r="P3" s="534"/>
      <c r="Q3" s="534"/>
      <c r="R3" s="534"/>
      <c r="S3" s="534"/>
      <c r="T3" s="534"/>
      <c r="U3" s="534"/>
      <c r="V3" s="534"/>
      <c r="W3" s="534"/>
      <c r="X3" s="535"/>
      <c r="Y3" s="533" t="s">
        <v>72</v>
      </c>
      <c r="Z3" s="534"/>
      <c r="AA3" s="534"/>
      <c r="AB3" s="534"/>
      <c r="AC3" s="534"/>
      <c r="AD3" s="534"/>
      <c r="AE3" s="534"/>
      <c r="AF3" s="534"/>
      <c r="AG3" s="534"/>
      <c r="AH3" s="534"/>
      <c r="AI3" s="535"/>
      <c r="AJ3" s="533" t="s">
        <v>73</v>
      </c>
      <c r="AK3" s="534"/>
      <c r="AL3" s="534"/>
      <c r="AM3" s="534"/>
      <c r="AN3" s="534"/>
      <c r="AO3" s="534"/>
      <c r="AP3" s="534"/>
      <c r="AQ3" s="534"/>
      <c r="AR3" s="534"/>
      <c r="AS3" s="534"/>
      <c r="AT3" s="535"/>
      <c r="AU3" s="533" t="s">
        <v>74</v>
      </c>
      <c r="AV3" s="534"/>
      <c r="AW3" s="534"/>
      <c r="AX3" s="534"/>
      <c r="AY3" s="534"/>
      <c r="AZ3" s="534"/>
      <c r="BA3" s="534"/>
      <c r="BB3" s="534"/>
      <c r="BC3" s="534"/>
      <c r="BD3" s="534"/>
      <c r="BE3" s="535"/>
      <c r="BF3" s="533" t="s">
        <v>75</v>
      </c>
      <c r="BG3" s="534"/>
      <c r="BH3" s="534"/>
      <c r="BI3" s="534"/>
      <c r="BJ3" s="534"/>
      <c r="BK3" s="534"/>
      <c r="BL3" s="534"/>
      <c r="BM3" s="534"/>
      <c r="BN3" s="534"/>
      <c r="BO3" s="534"/>
      <c r="BP3" s="535"/>
      <c r="BQ3" s="533" t="s">
        <v>76</v>
      </c>
      <c r="BR3" s="534"/>
      <c r="BS3" s="534"/>
      <c r="BT3" s="534"/>
      <c r="BU3" s="534"/>
      <c r="BV3" s="534"/>
      <c r="BW3" s="534"/>
      <c r="BX3" s="534"/>
      <c r="BY3" s="534"/>
      <c r="BZ3" s="534"/>
      <c r="CA3" s="535"/>
      <c r="CB3" s="533" t="s">
        <v>77</v>
      </c>
      <c r="CC3" s="534"/>
      <c r="CD3" s="534"/>
      <c r="CE3" s="534"/>
      <c r="CF3" s="534"/>
      <c r="CG3" s="534"/>
      <c r="CH3" s="534"/>
      <c r="CI3" s="534"/>
      <c r="CJ3" s="534"/>
      <c r="CK3" s="534"/>
      <c r="CL3" s="535"/>
      <c r="CM3" s="533" t="s">
        <v>78</v>
      </c>
      <c r="CN3" s="534"/>
      <c r="CO3" s="534"/>
      <c r="CP3" s="534"/>
      <c r="CQ3" s="534"/>
      <c r="CR3" s="534"/>
      <c r="CS3" s="534"/>
      <c r="CT3" s="534"/>
      <c r="CU3" s="534"/>
      <c r="CV3" s="534"/>
      <c r="CW3" s="535"/>
      <c r="CX3" s="533" t="s">
        <v>79</v>
      </c>
      <c r="CY3" s="534"/>
      <c r="CZ3" s="534"/>
      <c r="DA3" s="534"/>
      <c r="DB3" s="534"/>
      <c r="DC3" s="534"/>
      <c r="DD3" s="534"/>
      <c r="DE3" s="534"/>
      <c r="DF3" s="534"/>
      <c r="DG3" s="534"/>
      <c r="DH3" s="535"/>
      <c r="DI3" s="533" t="s">
        <v>152</v>
      </c>
      <c r="DJ3" s="534"/>
      <c r="DK3" s="534"/>
      <c r="DL3" s="534"/>
      <c r="DM3" s="534"/>
      <c r="DN3" s="534"/>
      <c r="DO3" s="534"/>
      <c r="DP3" s="534"/>
      <c r="DQ3" s="534"/>
      <c r="DR3" s="534"/>
      <c r="DS3" s="535"/>
      <c r="DT3" s="533" t="s">
        <v>80</v>
      </c>
      <c r="DU3" s="534"/>
      <c r="DV3" s="534"/>
      <c r="DW3" s="534"/>
      <c r="DX3" s="534"/>
      <c r="DY3" s="534"/>
      <c r="DZ3" s="534"/>
      <c r="EA3" s="534"/>
      <c r="EB3" s="534"/>
      <c r="EC3" s="534"/>
      <c r="ED3" s="535"/>
      <c r="EE3" s="533" t="s">
        <v>68</v>
      </c>
      <c r="EF3" s="534"/>
      <c r="EG3" s="534"/>
      <c r="EH3" s="534"/>
      <c r="EI3" s="534"/>
      <c r="EJ3" s="534"/>
      <c r="EK3" s="534"/>
      <c r="EL3" s="534"/>
      <c r="EM3" s="534"/>
      <c r="EN3" s="534"/>
      <c r="EO3" s="535"/>
      <c r="EP3" s="530" t="s">
        <v>69</v>
      </c>
      <c r="EQ3" s="531"/>
      <c r="ER3" s="531"/>
      <c r="ES3" s="531"/>
      <c r="ET3" s="531"/>
      <c r="EU3" s="531"/>
      <c r="EV3" s="531"/>
      <c r="EW3" s="531"/>
      <c r="EX3" s="531"/>
      <c r="EY3" s="531"/>
      <c r="EZ3" s="532"/>
    </row>
    <row r="4" spans="2:156"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38"/>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c r="DI4" s="541" t="s">
        <v>61</v>
      </c>
      <c r="DJ4" s="537"/>
      <c r="DK4" s="538"/>
      <c r="DL4" s="536" t="s">
        <v>62</v>
      </c>
      <c r="DM4" s="537"/>
      <c r="DN4" s="537"/>
      <c r="DO4" s="537"/>
      <c r="DP4" s="537"/>
      <c r="DQ4" s="537"/>
      <c r="DR4" s="538"/>
      <c r="DS4" s="539" t="s">
        <v>52</v>
      </c>
      <c r="DT4" s="541" t="s">
        <v>61</v>
      </c>
      <c r="DU4" s="537"/>
      <c r="DV4" s="538"/>
      <c r="DW4" s="536" t="s">
        <v>62</v>
      </c>
      <c r="DX4" s="537"/>
      <c r="DY4" s="537"/>
      <c r="DZ4" s="537"/>
      <c r="EA4" s="537"/>
      <c r="EB4" s="537"/>
      <c r="EC4" s="538"/>
      <c r="ED4" s="539" t="s">
        <v>52</v>
      </c>
      <c r="EE4" s="541" t="s">
        <v>61</v>
      </c>
      <c r="EF4" s="537"/>
      <c r="EG4" s="538"/>
      <c r="EH4" s="536" t="s">
        <v>62</v>
      </c>
      <c r="EI4" s="537"/>
      <c r="EJ4" s="537"/>
      <c r="EK4" s="537"/>
      <c r="EL4" s="537"/>
      <c r="EM4" s="537"/>
      <c r="EN4" s="538"/>
      <c r="EO4" s="539" t="s">
        <v>52</v>
      </c>
      <c r="EP4" s="541" t="s">
        <v>61</v>
      </c>
      <c r="EQ4" s="537"/>
      <c r="ER4" s="538"/>
      <c r="ES4" s="536" t="s">
        <v>62</v>
      </c>
      <c r="ET4" s="537"/>
      <c r="EU4" s="537"/>
      <c r="EV4" s="537"/>
      <c r="EW4" s="537"/>
      <c r="EX4" s="537"/>
      <c r="EY4" s="538"/>
      <c r="EZ4" s="539" t="s">
        <v>52</v>
      </c>
    </row>
    <row r="5" spans="2:156" ht="34.5" customHeight="1" thickBot="1" x14ac:dyDescent="0.25">
      <c r="B5" s="544"/>
      <c r="C5" s="264" t="s">
        <v>43</v>
      </c>
      <c r="D5" s="260" t="s">
        <v>44</v>
      </c>
      <c r="E5" s="383" t="s">
        <v>45</v>
      </c>
      <c r="F5" s="268" t="s">
        <v>83</v>
      </c>
      <c r="G5" s="260" t="s">
        <v>47</v>
      </c>
      <c r="H5" s="260" t="s">
        <v>48</v>
      </c>
      <c r="I5" s="260" t="s">
        <v>49</v>
      </c>
      <c r="J5" s="260" t="s">
        <v>50</v>
      </c>
      <c r="K5" s="260" t="s">
        <v>51</v>
      </c>
      <c r="L5" s="269" t="s">
        <v>45</v>
      </c>
      <c r="M5" s="540"/>
      <c r="N5" s="264" t="s">
        <v>43</v>
      </c>
      <c r="O5" s="260" t="s">
        <v>44</v>
      </c>
      <c r="P5" s="266" t="s">
        <v>45</v>
      </c>
      <c r="Q5" s="268" t="s">
        <v>83</v>
      </c>
      <c r="R5" s="260" t="s">
        <v>47</v>
      </c>
      <c r="S5" s="260" t="s">
        <v>48</v>
      </c>
      <c r="T5" s="260" t="s">
        <v>49</v>
      </c>
      <c r="U5" s="260" t="s">
        <v>50</v>
      </c>
      <c r="V5" s="260" t="s">
        <v>51</v>
      </c>
      <c r="W5" s="266" t="s">
        <v>45</v>
      </c>
      <c r="X5" s="540"/>
      <c r="Y5" s="264" t="s">
        <v>43</v>
      </c>
      <c r="Z5" s="260" t="s">
        <v>44</v>
      </c>
      <c r="AA5" s="266" t="s">
        <v>45</v>
      </c>
      <c r="AB5" s="268" t="s">
        <v>83</v>
      </c>
      <c r="AC5" s="260" t="s">
        <v>47</v>
      </c>
      <c r="AD5" s="260" t="s">
        <v>48</v>
      </c>
      <c r="AE5" s="260" t="s">
        <v>49</v>
      </c>
      <c r="AF5" s="260" t="s">
        <v>50</v>
      </c>
      <c r="AG5" s="260" t="s">
        <v>51</v>
      </c>
      <c r="AH5" s="266" t="s">
        <v>45</v>
      </c>
      <c r="AI5" s="540"/>
      <c r="AJ5" s="264" t="s">
        <v>43</v>
      </c>
      <c r="AK5" s="260" t="s">
        <v>44</v>
      </c>
      <c r="AL5" s="266" t="s">
        <v>45</v>
      </c>
      <c r="AM5" s="268" t="s">
        <v>83</v>
      </c>
      <c r="AN5" s="260" t="s">
        <v>47</v>
      </c>
      <c r="AO5" s="260" t="s">
        <v>48</v>
      </c>
      <c r="AP5" s="260" t="s">
        <v>49</v>
      </c>
      <c r="AQ5" s="260" t="s">
        <v>50</v>
      </c>
      <c r="AR5" s="260" t="s">
        <v>51</v>
      </c>
      <c r="AS5" s="266" t="s">
        <v>45</v>
      </c>
      <c r="AT5" s="540"/>
      <c r="AU5" s="264" t="s">
        <v>43</v>
      </c>
      <c r="AV5" s="260" t="s">
        <v>44</v>
      </c>
      <c r="AW5" s="266" t="s">
        <v>45</v>
      </c>
      <c r="AX5" s="268" t="s">
        <v>83</v>
      </c>
      <c r="AY5" s="260" t="s">
        <v>47</v>
      </c>
      <c r="AZ5" s="260" t="s">
        <v>48</v>
      </c>
      <c r="BA5" s="260" t="s">
        <v>49</v>
      </c>
      <c r="BB5" s="260" t="s">
        <v>50</v>
      </c>
      <c r="BC5" s="260" t="s">
        <v>51</v>
      </c>
      <c r="BD5" s="269" t="s">
        <v>45</v>
      </c>
      <c r="BE5" s="540"/>
      <c r="BF5" s="264" t="s">
        <v>43</v>
      </c>
      <c r="BG5" s="260" t="s">
        <v>44</v>
      </c>
      <c r="BH5" s="266" t="s">
        <v>45</v>
      </c>
      <c r="BI5" s="268" t="s">
        <v>83</v>
      </c>
      <c r="BJ5" s="260" t="s">
        <v>47</v>
      </c>
      <c r="BK5" s="260" t="s">
        <v>48</v>
      </c>
      <c r="BL5" s="260" t="s">
        <v>49</v>
      </c>
      <c r="BM5" s="260" t="s">
        <v>50</v>
      </c>
      <c r="BN5" s="260" t="s">
        <v>51</v>
      </c>
      <c r="BO5" s="266" t="s">
        <v>45</v>
      </c>
      <c r="BP5" s="540"/>
      <c r="BQ5" s="264" t="s">
        <v>43</v>
      </c>
      <c r="BR5" s="260" t="s">
        <v>44</v>
      </c>
      <c r="BS5" s="266" t="s">
        <v>45</v>
      </c>
      <c r="BT5" s="268" t="s">
        <v>83</v>
      </c>
      <c r="BU5" s="260" t="s">
        <v>47</v>
      </c>
      <c r="BV5" s="260" t="s">
        <v>48</v>
      </c>
      <c r="BW5" s="260" t="s">
        <v>49</v>
      </c>
      <c r="BX5" s="260" t="s">
        <v>50</v>
      </c>
      <c r="BY5" s="260" t="s">
        <v>51</v>
      </c>
      <c r="BZ5" s="266" t="s">
        <v>45</v>
      </c>
      <c r="CA5" s="540"/>
      <c r="CB5" s="264" t="s">
        <v>43</v>
      </c>
      <c r="CC5" s="260" t="s">
        <v>44</v>
      </c>
      <c r="CD5" s="266" t="s">
        <v>45</v>
      </c>
      <c r="CE5" s="268" t="s">
        <v>83</v>
      </c>
      <c r="CF5" s="260" t="s">
        <v>47</v>
      </c>
      <c r="CG5" s="260" t="s">
        <v>48</v>
      </c>
      <c r="CH5" s="260" t="s">
        <v>49</v>
      </c>
      <c r="CI5" s="260" t="s">
        <v>50</v>
      </c>
      <c r="CJ5" s="260" t="s">
        <v>51</v>
      </c>
      <c r="CK5" s="266" t="s">
        <v>45</v>
      </c>
      <c r="CL5" s="540"/>
      <c r="CM5" s="264" t="s">
        <v>43</v>
      </c>
      <c r="CN5" s="260" t="s">
        <v>44</v>
      </c>
      <c r="CO5" s="266" t="s">
        <v>45</v>
      </c>
      <c r="CP5" s="268" t="s">
        <v>83</v>
      </c>
      <c r="CQ5" s="260" t="s">
        <v>47</v>
      </c>
      <c r="CR5" s="260" t="s">
        <v>48</v>
      </c>
      <c r="CS5" s="260" t="s">
        <v>49</v>
      </c>
      <c r="CT5" s="260" t="s">
        <v>50</v>
      </c>
      <c r="CU5" s="260" t="s">
        <v>51</v>
      </c>
      <c r="CV5" s="266" t="s">
        <v>45</v>
      </c>
      <c r="CW5" s="540"/>
      <c r="CX5" s="264" t="s">
        <v>43</v>
      </c>
      <c r="CY5" s="260" t="s">
        <v>44</v>
      </c>
      <c r="CZ5" s="266" t="s">
        <v>45</v>
      </c>
      <c r="DA5" s="268" t="s">
        <v>83</v>
      </c>
      <c r="DB5" s="260" t="s">
        <v>47</v>
      </c>
      <c r="DC5" s="260" t="s">
        <v>48</v>
      </c>
      <c r="DD5" s="260" t="s">
        <v>49</v>
      </c>
      <c r="DE5" s="260" t="s">
        <v>50</v>
      </c>
      <c r="DF5" s="260" t="s">
        <v>51</v>
      </c>
      <c r="DG5" s="266" t="s">
        <v>45</v>
      </c>
      <c r="DH5" s="540"/>
      <c r="DI5" s="345" t="s">
        <v>43</v>
      </c>
      <c r="DJ5" s="260" t="s">
        <v>44</v>
      </c>
      <c r="DK5" s="266" t="s">
        <v>45</v>
      </c>
      <c r="DL5" s="268" t="s">
        <v>83</v>
      </c>
      <c r="DM5" s="260" t="s">
        <v>47</v>
      </c>
      <c r="DN5" s="260" t="s">
        <v>48</v>
      </c>
      <c r="DO5" s="260" t="s">
        <v>49</v>
      </c>
      <c r="DP5" s="260" t="s">
        <v>50</v>
      </c>
      <c r="DQ5" s="260" t="s">
        <v>51</v>
      </c>
      <c r="DR5" s="266" t="s">
        <v>45</v>
      </c>
      <c r="DS5" s="540"/>
      <c r="DT5" s="264" t="s">
        <v>43</v>
      </c>
      <c r="DU5" s="260" t="s">
        <v>44</v>
      </c>
      <c r="DV5" s="266" t="s">
        <v>45</v>
      </c>
      <c r="DW5" s="268" t="s">
        <v>83</v>
      </c>
      <c r="DX5" s="260" t="s">
        <v>47</v>
      </c>
      <c r="DY5" s="260" t="s">
        <v>48</v>
      </c>
      <c r="DZ5" s="260" t="s">
        <v>49</v>
      </c>
      <c r="EA5" s="260" t="s">
        <v>50</v>
      </c>
      <c r="EB5" s="260" t="s">
        <v>51</v>
      </c>
      <c r="EC5" s="266" t="s">
        <v>45</v>
      </c>
      <c r="ED5" s="540"/>
      <c r="EE5" s="264" t="s">
        <v>43</v>
      </c>
      <c r="EF5" s="260" t="s">
        <v>44</v>
      </c>
      <c r="EG5" s="266" t="s">
        <v>45</v>
      </c>
      <c r="EH5" s="268" t="s">
        <v>83</v>
      </c>
      <c r="EI5" s="260" t="s">
        <v>47</v>
      </c>
      <c r="EJ5" s="260" t="s">
        <v>48</v>
      </c>
      <c r="EK5" s="260" t="s">
        <v>49</v>
      </c>
      <c r="EL5" s="260" t="s">
        <v>50</v>
      </c>
      <c r="EM5" s="260" t="s">
        <v>51</v>
      </c>
      <c r="EN5" s="266" t="s">
        <v>45</v>
      </c>
      <c r="EO5" s="540"/>
      <c r="EP5" s="264" t="s">
        <v>43</v>
      </c>
      <c r="EQ5" s="260" t="s">
        <v>44</v>
      </c>
      <c r="ER5" s="266" t="s">
        <v>45</v>
      </c>
      <c r="ES5" s="268" t="s">
        <v>83</v>
      </c>
      <c r="ET5" s="260" t="s">
        <v>47</v>
      </c>
      <c r="EU5" s="260" t="s">
        <v>48</v>
      </c>
      <c r="EV5" s="260" t="s">
        <v>49</v>
      </c>
      <c r="EW5" s="260" t="s">
        <v>50</v>
      </c>
      <c r="EX5" s="260" t="s">
        <v>51</v>
      </c>
      <c r="EY5" s="266" t="s">
        <v>45</v>
      </c>
      <c r="EZ5" s="540"/>
    </row>
    <row r="6" spans="2:156" ht="19.8" customHeight="1" x14ac:dyDescent="0.2">
      <c r="B6" s="261" t="s">
        <v>4</v>
      </c>
      <c r="C6" s="270">
        <v>1</v>
      </c>
      <c r="D6" s="274">
        <v>0</v>
      </c>
      <c r="E6" s="384">
        <v>1</v>
      </c>
      <c r="F6" s="273">
        <v>0</v>
      </c>
      <c r="G6" s="274">
        <v>19152</v>
      </c>
      <c r="H6" s="274">
        <v>22336</v>
      </c>
      <c r="I6" s="274">
        <v>12181</v>
      </c>
      <c r="J6" s="274">
        <v>9933</v>
      </c>
      <c r="K6" s="274">
        <v>7468</v>
      </c>
      <c r="L6" s="275">
        <v>71070</v>
      </c>
      <c r="M6" s="276">
        <v>71071</v>
      </c>
      <c r="N6" s="270">
        <v>3</v>
      </c>
      <c r="O6" s="274">
        <v>24</v>
      </c>
      <c r="P6" s="271">
        <v>27</v>
      </c>
      <c r="Q6" s="273">
        <v>0</v>
      </c>
      <c r="R6" s="274">
        <v>109</v>
      </c>
      <c r="S6" s="274">
        <v>474</v>
      </c>
      <c r="T6" s="274">
        <v>813</v>
      </c>
      <c r="U6" s="274">
        <v>1965</v>
      </c>
      <c r="V6" s="274">
        <v>3426</v>
      </c>
      <c r="W6" s="271">
        <v>6787</v>
      </c>
      <c r="X6" s="276">
        <v>6814</v>
      </c>
      <c r="Y6" s="270">
        <v>2123</v>
      </c>
      <c r="Z6" s="274">
        <v>5006</v>
      </c>
      <c r="AA6" s="271">
        <v>7129</v>
      </c>
      <c r="AB6" s="273">
        <v>0</v>
      </c>
      <c r="AC6" s="274">
        <v>11046</v>
      </c>
      <c r="AD6" s="274">
        <v>15375</v>
      </c>
      <c r="AE6" s="274">
        <v>9304</v>
      </c>
      <c r="AF6" s="274">
        <v>8457</v>
      </c>
      <c r="AG6" s="274">
        <v>6461</v>
      </c>
      <c r="AH6" s="271">
        <v>50643</v>
      </c>
      <c r="AI6" s="276">
        <v>57772</v>
      </c>
      <c r="AJ6" s="270">
        <v>243</v>
      </c>
      <c r="AK6" s="274">
        <v>709</v>
      </c>
      <c r="AL6" s="271">
        <v>952</v>
      </c>
      <c r="AM6" s="273">
        <v>0</v>
      </c>
      <c r="AN6" s="274">
        <v>1036</v>
      </c>
      <c r="AO6" s="274">
        <v>1696</v>
      </c>
      <c r="AP6" s="274">
        <v>1081</v>
      </c>
      <c r="AQ6" s="274">
        <v>990</v>
      </c>
      <c r="AR6" s="274">
        <v>618</v>
      </c>
      <c r="AS6" s="271">
        <v>5421</v>
      </c>
      <c r="AT6" s="276">
        <v>6373</v>
      </c>
      <c r="AU6" s="270">
        <v>2795</v>
      </c>
      <c r="AV6" s="274">
        <v>3690</v>
      </c>
      <c r="AW6" s="271">
        <v>6485</v>
      </c>
      <c r="AX6" s="273">
        <v>0</v>
      </c>
      <c r="AY6" s="274">
        <v>17653</v>
      </c>
      <c r="AZ6" s="274">
        <v>21440</v>
      </c>
      <c r="BA6" s="274">
        <v>18587</v>
      </c>
      <c r="BB6" s="274">
        <v>18410</v>
      </c>
      <c r="BC6" s="274">
        <v>13994</v>
      </c>
      <c r="BD6" s="275">
        <v>90084</v>
      </c>
      <c r="BE6" s="276">
        <v>96569</v>
      </c>
      <c r="BF6" s="270">
        <v>1</v>
      </c>
      <c r="BG6" s="274">
        <v>0</v>
      </c>
      <c r="BH6" s="271">
        <v>1</v>
      </c>
      <c r="BI6" s="273">
        <v>0</v>
      </c>
      <c r="BJ6" s="274">
        <v>21608</v>
      </c>
      <c r="BK6" s="274">
        <v>20003</v>
      </c>
      <c r="BL6" s="274">
        <v>10874</v>
      </c>
      <c r="BM6" s="274">
        <v>6602</v>
      </c>
      <c r="BN6" s="274">
        <v>3162</v>
      </c>
      <c r="BO6" s="271">
        <v>62249</v>
      </c>
      <c r="BP6" s="276">
        <v>62250</v>
      </c>
      <c r="BQ6" s="270">
        <v>1553</v>
      </c>
      <c r="BR6" s="274">
        <v>2500</v>
      </c>
      <c r="BS6" s="271">
        <v>4053</v>
      </c>
      <c r="BT6" s="273">
        <v>0</v>
      </c>
      <c r="BU6" s="274">
        <v>4356</v>
      </c>
      <c r="BV6" s="274">
        <v>6350</v>
      </c>
      <c r="BW6" s="274">
        <v>3690</v>
      </c>
      <c r="BX6" s="274">
        <v>2374</v>
      </c>
      <c r="BY6" s="274">
        <v>874</v>
      </c>
      <c r="BZ6" s="271">
        <v>17644</v>
      </c>
      <c r="CA6" s="276">
        <v>21697</v>
      </c>
      <c r="CB6" s="270">
        <v>74</v>
      </c>
      <c r="CC6" s="274">
        <v>232</v>
      </c>
      <c r="CD6" s="271">
        <v>306</v>
      </c>
      <c r="CE6" s="273">
        <v>0</v>
      </c>
      <c r="CF6" s="274">
        <v>2139</v>
      </c>
      <c r="CG6" s="274">
        <v>3509</v>
      </c>
      <c r="CH6" s="274">
        <v>4327</v>
      </c>
      <c r="CI6" s="274">
        <v>3209</v>
      </c>
      <c r="CJ6" s="274">
        <v>1759</v>
      </c>
      <c r="CK6" s="271">
        <v>14943</v>
      </c>
      <c r="CL6" s="276">
        <v>15249</v>
      </c>
      <c r="CM6" s="270">
        <v>1</v>
      </c>
      <c r="CN6" s="274">
        <v>16</v>
      </c>
      <c r="CO6" s="271">
        <v>17</v>
      </c>
      <c r="CP6" s="273">
        <v>0</v>
      </c>
      <c r="CQ6" s="274">
        <v>229</v>
      </c>
      <c r="CR6" s="274">
        <v>469</v>
      </c>
      <c r="CS6" s="274">
        <v>586</v>
      </c>
      <c r="CT6" s="274">
        <v>477</v>
      </c>
      <c r="CU6" s="274">
        <v>329</v>
      </c>
      <c r="CV6" s="271">
        <v>2090</v>
      </c>
      <c r="CW6" s="276">
        <v>2107</v>
      </c>
      <c r="CX6" s="270">
        <v>0</v>
      </c>
      <c r="CY6" s="274">
        <v>0</v>
      </c>
      <c r="CZ6" s="271">
        <v>0</v>
      </c>
      <c r="DA6" s="273">
        <v>0</v>
      </c>
      <c r="DB6" s="274">
        <v>0</v>
      </c>
      <c r="DC6" s="274">
        <v>0</v>
      </c>
      <c r="DD6" s="274">
        <v>0</v>
      </c>
      <c r="DE6" s="274">
        <v>0</v>
      </c>
      <c r="DF6" s="274">
        <v>0</v>
      </c>
      <c r="DG6" s="271">
        <v>0</v>
      </c>
      <c r="DH6" s="276">
        <v>0</v>
      </c>
      <c r="DI6" s="270">
        <v>0</v>
      </c>
      <c r="DJ6" s="274">
        <v>0</v>
      </c>
      <c r="DK6" s="271">
        <v>0</v>
      </c>
      <c r="DL6" s="273">
        <v>0</v>
      </c>
      <c r="DM6" s="274">
        <v>0</v>
      </c>
      <c r="DN6" s="274">
        <v>0</v>
      </c>
      <c r="DO6" s="274">
        <v>0</v>
      </c>
      <c r="DP6" s="274">
        <v>0</v>
      </c>
      <c r="DQ6" s="274">
        <v>0</v>
      </c>
      <c r="DR6" s="271">
        <v>0</v>
      </c>
      <c r="DS6" s="276">
        <v>0</v>
      </c>
      <c r="DT6" s="270">
        <v>10459</v>
      </c>
      <c r="DU6" s="274">
        <v>22121</v>
      </c>
      <c r="DV6" s="271">
        <v>32580</v>
      </c>
      <c r="DW6" s="273">
        <v>0</v>
      </c>
      <c r="DX6" s="274">
        <v>26348</v>
      </c>
      <c r="DY6" s="274">
        <v>44099</v>
      </c>
      <c r="DZ6" s="274">
        <v>26103</v>
      </c>
      <c r="EA6" s="274">
        <v>20619</v>
      </c>
      <c r="EB6" s="274">
        <v>12951</v>
      </c>
      <c r="EC6" s="271">
        <v>130120</v>
      </c>
      <c r="ED6" s="276">
        <v>162700</v>
      </c>
      <c r="EE6" s="270">
        <v>1696</v>
      </c>
      <c r="EF6" s="274">
        <v>1308</v>
      </c>
      <c r="EG6" s="271">
        <v>3004</v>
      </c>
      <c r="EH6" s="273">
        <v>0</v>
      </c>
      <c r="EI6" s="274">
        <v>5967</v>
      </c>
      <c r="EJ6" s="274">
        <v>5407</v>
      </c>
      <c r="EK6" s="274">
        <v>4611</v>
      </c>
      <c r="EL6" s="274">
        <v>5195</v>
      </c>
      <c r="EM6" s="274">
        <v>3092</v>
      </c>
      <c r="EN6" s="271">
        <v>24272</v>
      </c>
      <c r="EO6" s="276">
        <v>27276</v>
      </c>
      <c r="EP6" s="270">
        <v>13440</v>
      </c>
      <c r="EQ6" s="274">
        <v>26179</v>
      </c>
      <c r="ER6" s="271">
        <v>39619</v>
      </c>
      <c r="ES6" s="273">
        <v>0</v>
      </c>
      <c r="ET6" s="274">
        <v>56084</v>
      </c>
      <c r="EU6" s="274">
        <v>58770</v>
      </c>
      <c r="EV6" s="274">
        <v>31119</v>
      </c>
      <c r="EW6" s="274">
        <v>22073</v>
      </c>
      <c r="EX6" s="274">
        <v>13361</v>
      </c>
      <c r="EY6" s="271">
        <v>181407</v>
      </c>
      <c r="EZ6" s="276">
        <v>221026</v>
      </c>
    </row>
    <row r="7" spans="2:156" ht="19.8" customHeight="1" x14ac:dyDescent="0.2">
      <c r="B7" s="262" t="s">
        <v>5</v>
      </c>
      <c r="C7" s="277">
        <v>0</v>
      </c>
      <c r="D7" s="281">
        <v>0</v>
      </c>
      <c r="E7" s="385">
        <v>0</v>
      </c>
      <c r="F7" s="280">
        <v>0</v>
      </c>
      <c r="G7" s="281">
        <v>6765</v>
      </c>
      <c r="H7" s="281">
        <v>11054</v>
      </c>
      <c r="I7" s="281">
        <v>5358</v>
      </c>
      <c r="J7" s="281">
        <v>4071</v>
      </c>
      <c r="K7" s="281">
        <v>3066</v>
      </c>
      <c r="L7" s="282">
        <v>30314</v>
      </c>
      <c r="M7" s="283">
        <v>30314</v>
      </c>
      <c r="N7" s="277">
        <v>0</v>
      </c>
      <c r="O7" s="281">
        <v>11</v>
      </c>
      <c r="P7" s="278">
        <v>11</v>
      </c>
      <c r="Q7" s="280">
        <v>0</v>
      </c>
      <c r="R7" s="281">
        <v>29</v>
      </c>
      <c r="S7" s="281">
        <v>181</v>
      </c>
      <c r="T7" s="281">
        <v>306</v>
      </c>
      <c r="U7" s="281">
        <v>778</v>
      </c>
      <c r="V7" s="281">
        <v>1456</v>
      </c>
      <c r="W7" s="278">
        <v>2750</v>
      </c>
      <c r="X7" s="283">
        <v>2761</v>
      </c>
      <c r="Y7" s="277">
        <v>938</v>
      </c>
      <c r="Z7" s="281">
        <v>2548</v>
      </c>
      <c r="AA7" s="278">
        <v>3486</v>
      </c>
      <c r="AB7" s="280">
        <v>0</v>
      </c>
      <c r="AC7" s="281">
        <v>4034</v>
      </c>
      <c r="AD7" s="281">
        <v>7913</v>
      </c>
      <c r="AE7" s="281">
        <v>4320</v>
      </c>
      <c r="AF7" s="281">
        <v>3759</v>
      </c>
      <c r="AG7" s="281">
        <v>2816</v>
      </c>
      <c r="AH7" s="278">
        <v>22842</v>
      </c>
      <c r="AI7" s="283">
        <v>26328</v>
      </c>
      <c r="AJ7" s="277">
        <v>107</v>
      </c>
      <c r="AK7" s="281">
        <v>358</v>
      </c>
      <c r="AL7" s="278">
        <v>465</v>
      </c>
      <c r="AM7" s="280">
        <v>0</v>
      </c>
      <c r="AN7" s="281">
        <v>260</v>
      </c>
      <c r="AO7" s="281">
        <v>713</v>
      </c>
      <c r="AP7" s="281">
        <v>440</v>
      </c>
      <c r="AQ7" s="281">
        <v>398</v>
      </c>
      <c r="AR7" s="281">
        <v>229</v>
      </c>
      <c r="AS7" s="278">
        <v>2040</v>
      </c>
      <c r="AT7" s="283">
        <v>2505</v>
      </c>
      <c r="AU7" s="277">
        <v>1131</v>
      </c>
      <c r="AV7" s="281">
        <v>1737</v>
      </c>
      <c r="AW7" s="278">
        <v>2868</v>
      </c>
      <c r="AX7" s="280">
        <v>0</v>
      </c>
      <c r="AY7" s="281">
        <v>6403</v>
      </c>
      <c r="AZ7" s="281">
        <v>9491</v>
      </c>
      <c r="BA7" s="281">
        <v>7583</v>
      </c>
      <c r="BB7" s="281">
        <v>7357</v>
      </c>
      <c r="BC7" s="281">
        <v>5667</v>
      </c>
      <c r="BD7" s="282">
        <v>36501</v>
      </c>
      <c r="BE7" s="283">
        <v>39369</v>
      </c>
      <c r="BF7" s="277">
        <v>0</v>
      </c>
      <c r="BG7" s="281">
        <v>0</v>
      </c>
      <c r="BH7" s="278">
        <v>0</v>
      </c>
      <c r="BI7" s="280">
        <v>0</v>
      </c>
      <c r="BJ7" s="281">
        <v>6815</v>
      </c>
      <c r="BK7" s="281">
        <v>8295</v>
      </c>
      <c r="BL7" s="281">
        <v>4064</v>
      </c>
      <c r="BM7" s="281">
        <v>2347</v>
      </c>
      <c r="BN7" s="281">
        <v>1188</v>
      </c>
      <c r="BO7" s="278">
        <v>22709</v>
      </c>
      <c r="BP7" s="283">
        <v>22709</v>
      </c>
      <c r="BQ7" s="277">
        <v>675</v>
      </c>
      <c r="BR7" s="281">
        <v>1129</v>
      </c>
      <c r="BS7" s="278">
        <v>1804</v>
      </c>
      <c r="BT7" s="280">
        <v>0</v>
      </c>
      <c r="BU7" s="281">
        <v>1322</v>
      </c>
      <c r="BV7" s="281">
        <v>2946</v>
      </c>
      <c r="BW7" s="281">
        <v>1640</v>
      </c>
      <c r="BX7" s="281">
        <v>1043</v>
      </c>
      <c r="BY7" s="281">
        <v>393</v>
      </c>
      <c r="BZ7" s="278">
        <v>7344</v>
      </c>
      <c r="CA7" s="283">
        <v>9148</v>
      </c>
      <c r="CB7" s="277">
        <v>18</v>
      </c>
      <c r="CC7" s="281">
        <v>103</v>
      </c>
      <c r="CD7" s="278">
        <v>121</v>
      </c>
      <c r="CE7" s="280">
        <v>0</v>
      </c>
      <c r="CF7" s="281">
        <v>609</v>
      </c>
      <c r="CG7" s="281">
        <v>1238</v>
      </c>
      <c r="CH7" s="281">
        <v>1527</v>
      </c>
      <c r="CI7" s="281">
        <v>1147</v>
      </c>
      <c r="CJ7" s="281">
        <v>632</v>
      </c>
      <c r="CK7" s="278">
        <v>5153</v>
      </c>
      <c r="CL7" s="283">
        <v>5274</v>
      </c>
      <c r="CM7" s="277">
        <v>0</v>
      </c>
      <c r="CN7" s="281">
        <v>14</v>
      </c>
      <c r="CO7" s="278">
        <v>14</v>
      </c>
      <c r="CP7" s="280">
        <v>0</v>
      </c>
      <c r="CQ7" s="281">
        <v>106</v>
      </c>
      <c r="CR7" s="281">
        <v>273</v>
      </c>
      <c r="CS7" s="281">
        <v>322</v>
      </c>
      <c r="CT7" s="281">
        <v>254</v>
      </c>
      <c r="CU7" s="281">
        <v>197</v>
      </c>
      <c r="CV7" s="278">
        <v>1152</v>
      </c>
      <c r="CW7" s="283">
        <v>1166</v>
      </c>
      <c r="CX7" s="277">
        <v>0</v>
      </c>
      <c r="CY7" s="281">
        <v>0</v>
      </c>
      <c r="CZ7" s="278">
        <v>0</v>
      </c>
      <c r="DA7" s="280">
        <v>0</v>
      </c>
      <c r="DB7" s="281">
        <v>0</v>
      </c>
      <c r="DC7" s="281">
        <v>0</v>
      </c>
      <c r="DD7" s="281">
        <v>0</v>
      </c>
      <c r="DE7" s="281">
        <v>0</v>
      </c>
      <c r="DF7" s="281">
        <v>0</v>
      </c>
      <c r="DG7" s="278">
        <v>0</v>
      </c>
      <c r="DH7" s="283">
        <v>0</v>
      </c>
      <c r="DI7" s="277">
        <v>0</v>
      </c>
      <c r="DJ7" s="281">
        <v>0</v>
      </c>
      <c r="DK7" s="278">
        <v>0</v>
      </c>
      <c r="DL7" s="280">
        <v>0</v>
      </c>
      <c r="DM7" s="281">
        <v>0</v>
      </c>
      <c r="DN7" s="281">
        <v>0</v>
      </c>
      <c r="DO7" s="281">
        <v>0</v>
      </c>
      <c r="DP7" s="281">
        <v>0</v>
      </c>
      <c r="DQ7" s="281">
        <v>0</v>
      </c>
      <c r="DR7" s="278">
        <v>0</v>
      </c>
      <c r="DS7" s="283">
        <v>0</v>
      </c>
      <c r="DT7" s="277">
        <v>3543</v>
      </c>
      <c r="DU7" s="281">
        <v>9445</v>
      </c>
      <c r="DV7" s="278">
        <v>12988</v>
      </c>
      <c r="DW7" s="280">
        <v>0</v>
      </c>
      <c r="DX7" s="281">
        <v>7409</v>
      </c>
      <c r="DY7" s="281">
        <v>19555</v>
      </c>
      <c r="DZ7" s="281">
        <v>10626</v>
      </c>
      <c r="EA7" s="281">
        <v>8124</v>
      </c>
      <c r="EB7" s="281">
        <v>5259</v>
      </c>
      <c r="EC7" s="278">
        <v>50973</v>
      </c>
      <c r="ED7" s="283">
        <v>63961</v>
      </c>
      <c r="EE7" s="277">
        <v>701</v>
      </c>
      <c r="EF7" s="281">
        <v>552</v>
      </c>
      <c r="EG7" s="278">
        <v>1253</v>
      </c>
      <c r="EH7" s="280">
        <v>0</v>
      </c>
      <c r="EI7" s="281">
        <v>2383</v>
      </c>
      <c r="EJ7" s="281">
        <v>2571</v>
      </c>
      <c r="EK7" s="281">
        <v>2034</v>
      </c>
      <c r="EL7" s="281">
        <v>2298</v>
      </c>
      <c r="EM7" s="281">
        <v>1268</v>
      </c>
      <c r="EN7" s="278">
        <v>10554</v>
      </c>
      <c r="EO7" s="283">
        <v>11807</v>
      </c>
      <c r="EP7" s="277">
        <v>4897</v>
      </c>
      <c r="EQ7" s="281">
        <v>11494</v>
      </c>
      <c r="ER7" s="278">
        <v>16391</v>
      </c>
      <c r="ES7" s="280">
        <v>0</v>
      </c>
      <c r="ET7" s="281">
        <v>18304</v>
      </c>
      <c r="EU7" s="281">
        <v>26605</v>
      </c>
      <c r="EV7" s="281">
        <v>12889</v>
      </c>
      <c r="EW7" s="281">
        <v>8870</v>
      </c>
      <c r="EX7" s="281">
        <v>5452</v>
      </c>
      <c r="EY7" s="278">
        <v>72120</v>
      </c>
      <c r="EZ7" s="283">
        <v>88511</v>
      </c>
    </row>
    <row r="8" spans="2:156" ht="19.8" customHeight="1" x14ac:dyDescent="0.2">
      <c r="B8" s="262" t="s">
        <v>6</v>
      </c>
      <c r="C8" s="277">
        <v>1</v>
      </c>
      <c r="D8" s="281">
        <v>0</v>
      </c>
      <c r="E8" s="385">
        <v>1</v>
      </c>
      <c r="F8" s="280">
        <v>0</v>
      </c>
      <c r="G8" s="281">
        <v>3402</v>
      </c>
      <c r="H8" s="281">
        <v>2939</v>
      </c>
      <c r="I8" s="281">
        <v>1872</v>
      </c>
      <c r="J8" s="281">
        <v>1604</v>
      </c>
      <c r="K8" s="281">
        <v>1172</v>
      </c>
      <c r="L8" s="282">
        <v>10989</v>
      </c>
      <c r="M8" s="283">
        <v>10990</v>
      </c>
      <c r="N8" s="277">
        <v>0</v>
      </c>
      <c r="O8" s="281">
        <v>5</v>
      </c>
      <c r="P8" s="278">
        <v>5</v>
      </c>
      <c r="Q8" s="280">
        <v>0</v>
      </c>
      <c r="R8" s="281">
        <v>18</v>
      </c>
      <c r="S8" s="281">
        <v>55</v>
      </c>
      <c r="T8" s="281">
        <v>101</v>
      </c>
      <c r="U8" s="281">
        <v>287</v>
      </c>
      <c r="V8" s="281">
        <v>506</v>
      </c>
      <c r="W8" s="278">
        <v>967</v>
      </c>
      <c r="X8" s="283">
        <v>972</v>
      </c>
      <c r="Y8" s="277">
        <v>325</v>
      </c>
      <c r="Z8" s="281">
        <v>658</v>
      </c>
      <c r="AA8" s="278">
        <v>983</v>
      </c>
      <c r="AB8" s="280">
        <v>0</v>
      </c>
      <c r="AC8" s="281">
        <v>1983</v>
      </c>
      <c r="AD8" s="281">
        <v>1904</v>
      </c>
      <c r="AE8" s="281">
        <v>1295</v>
      </c>
      <c r="AF8" s="281">
        <v>1294</v>
      </c>
      <c r="AG8" s="281">
        <v>945</v>
      </c>
      <c r="AH8" s="278">
        <v>7421</v>
      </c>
      <c r="AI8" s="283">
        <v>8404</v>
      </c>
      <c r="AJ8" s="277">
        <v>20</v>
      </c>
      <c r="AK8" s="281">
        <v>55</v>
      </c>
      <c r="AL8" s="278">
        <v>75</v>
      </c>
      <c r="AM8" s="280">
        <v>0</v>
      </c>
      <c r="AN8" s="281">
        <v>169</v>
      </c>
      <c r="AO8" s="281">
        <v>204</v>
      </c>
      <c r="AP8" s="281">
        <v>129</v>
      </c>
      <c r="AQ8" s="281">
        <v>128</v>
      </c>
      <c r="AR8" s="281">
        <v>73</v>
      </c>
      <c r="AS8" s="278">
        <v>703</v>
      </c>
      <c r="AT8" s="283">
        <v>778</v>
      </c>
      <c r="AU8" s="277">
        <v>467</v>
      </c>
      <c r="AV8" s="281">
        <v>551</v>
      </c>
      <c r="AW8" s="278">
        <v>1018</v>
      </c>
      <c r="AX8" s="280">
        <v>0</v>
      </c>
      <c r="AY8" s="281">
        <v>3255</v>
      </c>
      <c r="AZ8" s="281">
        <v>3406</v>
      </c>
      <c r="BA8" s="281">
        <v>3104</v>
      </c>
      <c r="BB8" s="281">
        <v>3193</v>
      </c>
      <c r="BC8" s="281">
        <v>2421</v>
      </c>
      <c r="BD8" s="282">
        <v>15379</v>
      </c>
      <c r="BE8" s="283">
        <v>16397</v>
      </c>
      <c r="BF8" s="277">
        <v>0</v>
      </c>
      <c r="BG8" s="281">
        <v>0</v>
      </c>
      <c r="BH8" s="278">
        <v>0</v>
      </c>
      <c r="BI8" s="280">
        <v>0</v>
      </c>
      <c r="BJ8" s="281">
        <v>3710</v>
      </c>
      <c r="BK8" s="281">
        <v>2596</v>
      </c>
      <c r="BL8" s="281">
        <v>1513</v>
      </c>
      <c r="BM8" s="281">
        <v>1065</v>
      </c>
      <c r="BN8" s="281">
        <v>472</v>
      </c>
      <c r="BO8" s="278">
        <v>9356</v>
      </c>
      <c r="BP8" s="283">
        <v>9356</v>
      </c>
      <c r="BQ8" s="277">
        <v>104</v>
      </c>
      <c r="BR8" s="281">
        <v>190</v>
      </c>
      <c r="BS8" s="278">
        <v>294</v>
      </c>
      <c r="BT8" s="280">
        <v>0</v>
      </c>
      <c r="BU8" s="281">
        <v>596</v>
      </c>
      <c r="BV8" s="281">
        <v>698</v>
      </c>
      <c r="BW8" s="281">
        <v>486</v>
      </c>
      <c r="BX8" s="281">
        <v>356</v>
      </c>
      <c r="BY8" s="281">
        <v>122</v>
      </c>
      <c r="BZ8" s="278">
        <v>2258</v>
      </c>
      <c r="CA8" s="283">
        <v>2552</v>
      </c>
      <c r="CB8" s="277">
        <v>10</v>
      </c>
      <c r="CC8" s="281">
        <v>18</v>
      </c>
      <c r="CD8" s="278">
        <v>28</v>
      </c>
      <c r="CE8" s="280">
        <v>0</v>
      </c>
      <c r="CF8" s="281">
        <v>297</v>
      </c>
      <c r="CG8" s="281">
        <v>415</v>
      </c>
      <c r="CH8" s="281">
        <v>515</v>
      </c>
      <c r="CI8" s="281">
        <v>423</v>
      </c>
      <c r="CJ8" s="281">
        <v>245</v>
      </c>
      <c r="CK8" s="278">
        <v>1895</v>
      </c>
      <c r="CL8" s="283">
        <v>1923</v>
      </c>
      <c r="CM8" s="277">
        <v>0</v>
      </c>
      <c r="CN8" s="281">
        <v>0</v>
      </c>
      <c r="CO8" s="278">
        <v>0</v>
      </c>
      <c r="CP8" s="280">
        <v>0</v>
      </c>
      <c r="CQ8" s="281">
        <v>24</v>
      </c>
      <c r="CR8" s="281">
        <v>48</v>
      </c>
      <c r="CS8" s="281">
        <v>72</v>
      </c>
      <c r="CT8" s="281">
        <v>72</v>
      </c>
      <c r="CU8" s="281">
        <v>42</v>
      </c>
      <c r="CV8" s="278">
        <v>258</v>
      </c>
      <c r="CW8" s="283">
        <v>258</v>
      </c>
      <c r="CX8" s="277">
        <v>0</v>
      </c>
      <c r="CY8" s="281">
        <v>0</v>
      </c>
      <c r="CZ8" s="278">
        <v>0</v>
      </c>
      <c r="DA8" s="280">
        <v>0</v>
      </c>
      <c r="DB8" s="281">
        <v>0</v>
      </c>
      <c r="DC8" s="281">
        <v>0</v>
      </c>
      <c r="DD8" s="281">
        <v>0</v>
      </c>
      <c r="DE8" s="281">
        <v>0</v>
      </c>
      <c r="DF8" s="281">
        <v>0</v>
      </c>
      <c r="DG8" s="278">
        <v>0</v>
      </c>
      <c r="DH8" s="283">
        <v>0</v>
      </c>
      <c r="DI8" s="277">
        <v>0</v>
      </c>
      <c r="DJ8" s="281">
        <v>0</v>
      </c>
      <c r="DK8" s="278">
        <v>0</v>
      </c>
      <c r="DL8" s="280">
        <v>0</v>
      </c>
      <c r="DM8" s="281">
        <v>0</v>
      </c>
      <c r="DN8" s="281">
        <v>0</v>
      </c>
      <c r="DO8" s="281">
        <v>0</v>
      </c>
      <c r="DP8" s="281">
        <v>0</v>
      </c>
      <c r="DQ8" s="281">
        <v>0</v>
      </c>
      <c r="DR8" s="278">
        <v>0</v>
      </c>
      <c r="DS8" s="283">
        <v>0</v>
      </c>
      <c r="DT8" s="277">
        <v>1540</v>
      </c>
      <c r="DU8" s="281">
        <v>2762</v>
      </c>
      <c r="DV8" s="278">
        <v>4302</v>
      </c>
      <c r="DW8" s="280">
        <v>0</v>
      </c>
      <c r="DX8" s="281">
        <v>4860</v>
      </c>
      <c r="DY8" s="281">
        <v>5606</v>
      </c>
      <c r="DZ8" s="281">
        <v>3834</v>
      </c>
      <c r="EA8" s="281">
        <v>3326</v>
      </c>
      <c r="EB8" s="281">
        <v>2029</v>
      </c>
      <c r="EC8" s="278">
        <v>19655</v>
      </c>
      <c r="ED8" s="283">
        <v>23957</v>
      </c>
      <c r="EE8" s="277">
        <v>246</v>
      </c>
      <c r="EF8" s="281">
        <v>179</v>
      </c>
      <c r="EG8" s="278">
        <v>425</v>
      </c>
      <c r="EH8" s="280">
        <v>0</v>
      </c>
      <c r="EI8" s="281">
        <v>863</v>
      </c>
      <c r="EJ8" s="281">
        <v>676</v>
      </c>
      <c r="EK8" s="281">
        <v>651</v>
      </c>
      <c r="EL8" s="281">
        <v>775</v>
      </c>
      <c r="EM8" s="281">
        <v>503</v>
      </c>
      <c r="EN8" s="278">
        <v>3468</v>
      </c>
      <c r="EO8" s="283">
        <v>3893</v>
      </c>
      <c r="EP8" s="277">
        <v>1883</v>
      </c>
      <c r="EQ8" s="281">
        <v>3211</v>
      </c>
      <c r="ER8" s="278">
        <v>5094</v>
      </c>
      <c r="ES8" s="280">
        <v>0</v>
      </c>
      <c r="ET8" s="281">
        <v>9477</v>
      </c>
      <c r="EU8" s="281">
        <v>7298</v>
      </c>
      <c r="EV8" s="281">
        <v>4397</v>
      </c>
      <c r="EW8" s="281">
        <v>3488</v>
      </c>
      <c r="EX8" s="281">
        <v>2079</v>
      </c>
      <c r="EY8" s="278">
        <v>26739</v>
      </c>
      <c r="EZ8" s="283">
        <v>31833</v>
      </c>
    </row>
    <row r="9" spans="2:156" ht="19.8" customHeight="1" x14ac:dyDescent="0.2">
      <c r="B9" s="262" t="s">
        <v>14</v>
      </c>
      <c r="C9" s="277">
        <v>0</v>
      </c>
      <c r="D9" s="281">
        <v>0</v>
      </c>
      <c r="E9" s="385">
        <v>0</v>
      </c>
      <c r="F9" s="280">
        <v>0</v>
      </c>
      <c r="G9" s="281">
        <v>1185</v>
      </c>
      <c r="H9" s="281">
        <v>1583</v>
      </c>
      <c r="I9" s="281">
        <v>928</v>
      </c>
      <c r="J9" s="281">
        <v>715</v>
      </c>
      <c r="K9" s="281">
        <v>519</v>
      </c>
      <c r="L9" s="282">
        <v>4930</v>
      </c>
      <c r="M9" s="283">
        <v>4930</v>
      </c>
      <c r="N9" s="277">
        <v>1</v>
      </c>
      <c r="O9" s="281">
        <v>2</v>
      </c>
      <c r="P9" s="278">
        <v>3</v>
      </c>
      <c r="Q9" s="280">
        <v>0</v>
      </c>
      <c r="R9" s="281">
        <v>6</v>
      </c>
      <c r="S9" s="281">
        <v>31</v>
      </c>
      <c r="T9" s="281">
        <v>68</v>
      </c>
      <c r="U9" s="281">
        <v>118</v>
      </c>
      <c r="V9" s="281">
        <v>239</v>
      </c>
      <c r="W9" s="278">
        <v>462</v>
      </c>
      <c r="X9" s="283">
        <v>465</v>
      </c>
      <c r="Y9" s="277">
        <v>127</v>
      </c>
      <c r="Z9" s="281">
        <v>396</v>
      </c>
      <c r="AA9" s="278">
        <v>523</v>
      </c>
      <c r="AB9" s="280">
        <v>0</v>
      </c>
      <c r="AC9" s="281">
        <v>675</v>
      </c>
      <c r="AD9" s="281">
        <v>1003</v>
      </c>
      <c r="AE9" s="281">
        <v>709</v>
      </c>
      <c r="AF9" s="281">
        <v>643</v>
      </c>
      <c r="AG9" s="281">
        <v>477</v>
      </c>
      <c r="AH9" s="278">
        <v>3507</v>
      </c>
      <c r="AI9" s="283">
        <v>4030</v>
      </c>
      <c r="AJ9" s="277">
        <v>8</v>
      </c>
      <c r="AK9" s="281">
        <v>37</v>
      </c>
      <c r="AL9" s="278">
        <v>45</v>
      </c>
      <c r="AM9" s="280">
        <v>0</v>
      </c>
      <c r="AN9" s="281">
        <v>21</v>
      </c>
      <c r="AO9" s="281">
        <v>73</v>
      </c>
      <c r="AP9" s="281">
        <v>57</v>
      </c>
      <c r="AQ9" s="281">
        <v>45</v>
      </c>
      <c r="AR9" s="281">
        <v>25</v>
      </c>
      <c r="AS9" s="278">
        <v>221</v>
      </c>
      <c r="AT9" s="283">
        <v>266</v>
      </c>
      <c r="AU9" s="277">
        <v>202</v>
      </c>
      <c r="AV9" s="281">
        <v>318</v>
      </c>
      <c r="AW9" s="278">
        <v>520</v>
      </c>
      <c r="AX9" s="280">
        <v>0</v>
      </c>
      <c r="AY9" s="281">
        <v>1246</v>
      </c>
      <c r="AZ9" s="281">
        <v>1591</v>
      </c>
      <c r="BA9" s="281">
        <v>1536</v>
      </c>
      <c r="BB9" s="281">
        <v>1324</v>
      </c>
      <c r="BC9" s="281">
        <v>1004</v>
      </c>
      <c r="BD9" s="282">
        <v>6701</v>
      </c>
      <c r="BE9" s="283">
        <v>7221</v>
      </c>
      <c r="BF9" s="277">
        <v>0</v>
      </c>
      <c r="BG9" s="281">
        <v>0</v>
      </c>
      <c r="BH9" s="278">
        <v>0</v>
      </c>
      <c r="BI9" s="280">
        <v>0</v>
      </c>
      <c r="BJ9" s="281">
        <v>1508</v>
      </c>
      <c r="BK9" s="281">
        <v>1656</v>
      </c>
      <c r="BL9" s="281">
        <v>1059</v>
      </c>
      <c r="BM9" s="281">
        <v>658</v>
      </c>
      <c r="BN9" s="281">
        <v>287</v>
      </c>
      <c r="BO9" s="278">
        <v>5168</v>
      </c>
      <c r="BP9" s="283">
        <v>5168</v>
      </c>
      <c r="BQ9" s="277">
        <v>76</v>
      </c>
      <c r="BR9" s="281">
        <v>168</v>
      </c>
      <c r="BS9" s="278">
        <v>244</v>
      </c>
      <c r="BT9" s="280">
        <v>0</v>
      </c>
      <c r="BU9" s="281">
        <v>159</v>
      </c>
      <c r="BV9" s="281">
        <v>368</v>
      </c>
      <c r="BW9" s="281">
        <v>237</v>
      </c>
      <c r="BX9" s="281">
        <v>159</v>
      </c>
      <c r="BY9" s="281">
        <v>51</v>
      </c>
      <c r="BZ9" s="278">
        <v>974</v>
      </c>
      <c r="CA9" s="283">
        <v>1218</v>
      </c>
      <c r="CB9" s="277">
        <v>8</v>
      </c>
      <c r="CC9" s="281">
        <v>26</v>
      </c>
      <c r="CD9" s="278">
        <v>34</v>
      </c>
      <c r="CE9" s="280">
        <v>0</v>
      </c>
      <c r="CF9" s="281">
        <v>129</v>
      </c>
      <c r="CG9" s="281">
        <v>276</v>
      </c>
      <c r="CH9" s="281">
        <v>386</v>
      </c>
      <c r="CI9" s="281">
        <v>287</v>
      </c>
      <c r="CJ9" s="281">
        <v>147</v>
      </c>
      <c r="CK9" s="278">
        <v>1225</v>
      </c>
      <c r="CL9" s="283">
        <v>1259</v>
      </c>
      <c r="CM9" s="277">
        <v>0</v>
      </c>
      <c r="CN9" s="281">
        <v>0</v>
      </c>
      <c r="CO9" s="278">
        <v>0</v>
      </c>
      <c r="CP9" s="280">
        <v>0</v>
      </c>
      <c r="CQ9" s="281">
        <v>2</v>
      </c>
      <c r="CR9" s="281">
        <v>7</v>
      </c>
      <c r="CS9" s="281">
        <v>10</v>
      </c>
      <c r="CT9" s="281">
        <v>8</v>
      </c>
      <c r="CU9" s="281">
        <v>6</v>
      </c>
      <c r="CV9" s="278">
        <v>33</v>
      </c>
      <c r="CW9" s="283">
        <v>33</v>
      </c>
      <c r="CX9" s="277">
        <v>0</v>
      </c>
      <c r="CY9" s="281">
        <v>0</v>
      </c>
      <c r="CZ9" s="278">
        <v>0</v>
      </c>
      <c r="DA9" s="280">
        <v>0</v>
      </c>
      <c r="DB9" s="281">
        <v>0</v>
      </c>
      <c r="DC9" s="281">
        <v>0</v>
      </c>
      <c r="DD9" s="281">
        <v>0</v>
      </c>
      <c r="DE9" s="281">
        <v>0</v>
      </c>
      <c r="DF9" s="281">
        <v>0</v>
      </c>
      <c r="DG9" s="278">
        <v>0</v>
      </c>
      <c r="DH9" s="283">
        <v>0</v>
      </c>
      <c r="DI9" s="277">
        <v>0</v>
      </c>
      <c r="DJ9" s="281">
        <v>0</v>
      </c>
      <c r="DK9" s="278">
        <v>0</v>
      </c>
      <c r="DL9" s="280">
        <v>0</v>
      </c>
      <c r="DM9" s="281">
        <v>0</v>
      </c>
      <c r="DN9" s="281">
        <v>0</v>
      </c>
      <c r="DO9" s="281">
        <v>0</v>
      </c>
      <c r="DP9" s="281">
        <v>0</v>
      </c>
      <c r="DQ9" s="281">
        <v>0</v>
      </c>
      <c r="DR9" s="278">
        <v>0</v>
      </c>
      <c r="DS9" s="283">
        <v>0</v>
      </c>
      <c r="DT9" s="277">
        <v>842</v>
      </c>
      <c r="DU9" s="281">
        <v>2235</v>
      </c>
      <c r="DV9" s="278">
        <v>3077</v>
      </c>
      <c r="DW9" s="280">
        <v>0</v>
      </c>
      <c r="DX9" s="281">
        <v>1699</v>
      </c>
      <c r="DY9" s="281">
        <v>3514</v>
      </c>
      <c r="DZ9" s="281">
        <v>2193</v>
      </c>
      <c r="EA9" s="281">
        <v>1649</v>
      </c>
      <c r="EB9" s="281">
        <v>970</v>
      </c>
      <c r="EC9" s="278">
        <v>10025</v>
      </c>
      <c r="ED9" s="283">
        <v>13102</v>
      </c>
      <c r="EE9" s="277">
        <v>138</v>
      </c>
      <c r="EF9" s="281">
        <v>111</v>
      </c>
      <c r="EG9" s="278">
        <v>249</v>
      </c>
      <c r="EH9" s="280">
        <v>0</v>
      </c>
      <c r="EI9" s="281">
        <v>334</v>
      </c>
      <c r="EJ9" s="281">
        <v>288</v>
      </c>
      <c r="EK9" s="281">
        <v>259</v>
      </c>
      <c r="EL9" s="281">
        <v>273</v>
      </c>
      <c r="EM9" s="281">
        <v>168</v>
      </c>
      <c r="EN9" s="278">
        <v>1322</v>
      </c>
      <c r="EO9" s="283">
        <v>1571</v>
      </c>
      <c r="EP9" s="277">
        <v>993</v>
      </c>
      <c r="EQ9" s="281">
        <v>2494</v>
      </c>
      <c r="ER9" s="278">
        <v>3487</v>
      </c>
      <c r="ES9" s="280">
        <v>0</v>
      </c>
      <c r="ET9" s="281">
        <v>3784</v>
      </c>
      <c r="EU9" s="281">
        <v>4646</v>
      </c>
      <c r="EV9" s="281">
        <v>2645</v>
      </c>
      <c r="EW9" s="281">
        <v>1788</v>
      </c>
      <c r="EX9" s="281">
        <v>1028</v>
      </c>
      <c r="EY9" s="278">
        <v>13891</v>
      </c>
      <c r="EZ9" s="283">
        <v>17378</v>
      </c>
    </row>
    <row r="10" spans="2:156" ht="19.8" customHeight="1" x14ac:dyDescent="0.2">
      <c r="B10" s="262" t="s">
        <v>7</v>
      </c>
      <c r="C10" s="277">
        <v>0</v>
      </c>
      <c r="D10" s="281">
        <v>0</v>
      </c>
      <c r="E10" s="385">
        <v>0</v>
      </c>
      <c r="F10" s="280">
        <v>0</v>
      </c>
      <c r="G10" s="281">
        <v>1502</v>
      </c>
      <c r="H10" s="281">
        <v>1125</v>
      </c>
      <c r="I10" s="281">
        <v>605</v>
      </c>
      <c r="J10" s="281">
        <v>569</v>
      </c>
      <c r="K10" s="281">
        <v>383</v>
      </c>
      <c r="L10" s="282">
        <v>4184</v>
      </c>
      <c r="M10" s="283">
        <v>4184</v>
      </c>
      <c r="N10" s="277">
        <v>0</v>
      </c>
      <c r="O10" s="281">
        <v>0</v>
      </c>
      <c r="P10" s="278">
        <v>0</v>
      </c>
      <c r="Q10" s="280">
        <v>0</v>
      </c>
      <c r="R10" s="281">
        <v>11</v>
      </c>
      <c r="S10" s="281">
        <v>36</v>
      </c>
      <c r="T10" s="281">
        <v>56</v>
      </c>
      <c r="U10" s="281">
        <v>146</v>
      </c>
      <c r="V10" s="281">
        <v>179</v>
      </c>
      <c r="W10" s="278">
        <v>428</v>
      </c>
      <c r="X10" s="283">
        <v>428</v>
      </c>
      <c r="Y10" s="277">
        <v>13</v>
      </c>
      <c r="Z10" s="281">
        <v>28</v>
      </c>
      <c r="AA10" s="278">
        <v>41</v>
      </c>
      <c r="AB10" s="280">
        <v>0</v>
      </c>
      <c r="AC10" s="281">
        <v>445</v>
      </c>
      <c r="AD10" s="281">
        <v>485</v>
      </c>
      <c r="AE10" s="281">
        <v>317</v>
      </c>
      <c r="AF10" s="281">
        <v>331</v>
      </c>
      <c r="AG10" s="281">
        <v>251</v>
      </c>
      <c r="AH10" s="278">
        <v>1829</v>
      </c>
      <c r="AI10" s="283">
        <v>1870</v>
      </c>
      <c r="AJ10" s="277">
        <v>5</v>
      </c>
      <c r="AK10" s="281">
        <v>6</v>
      </c>
      <c r="AL10" s="278">
        <v>11</v>
      </c>
      <c r="AM10" s="280">
        <v>0</v>
      </c>
      <c r="AN10" s="281">
        <v>46</v>
      </c>
      <c r="AO10" s="281">
        <v>73</v>
      </c>
      <c r="AP10" s="281">
        <v>45</v>
      </c>
      <c r="AQ10" s="281">
        <v>53</v>
      </c>
      <c r="AR10" s="281">
        <v>32</v>
      </c>
      <c r="AS10" s="278">
        <v>249</v>
      </c>
      <c r="AT10" s="283">
        <v>260</v>
      </c>
      <c r="AU10" s="277">
        <v>124</v>
      </c>
      <c r="AV10" s="281">
        <v>105</v>
      </c>
      <c r="AW10" s="278">
        <v>229</v>
      </c>
      <c r="AX10" s="280">
        <v>0</v>
      </c>
      <c r="AY10" s="281">
        <v>1132</v>
      </c>
      <c r="AZ10" s="281">
        <v>1064</v>
      </c>
      <c r="BA10" s="281">
        <v>919</v>
      </c>
      <c r="BB10" s="281">
        <v>996</v>
      </c>
      <c r="BC10" s="281">
        <v>647</v>
      </c>
      <c r="BD10" s="282">
        <v>4758</v>
      </c>
      <c r="BE10" s="283">
        <v>4987</v>
      </c>
      <c r="BF10" s="277">
        <v>0</v>
      </c>
      <c r="BG10" s="281">
        <v>0</v>
      </c>
      <c r="BH10" s="278">
        <v>0</v>
      </c>
      <c r="BI10" s="280">
        <v>0</v>
      </c>
      <c r="BJ10" s="281">
        <v>1717</v>
      </c>
      <c r="BK10" s="281">
        <v>1122</v>
      </c>
      <c r="BL10" s="281">
        <v>560</v>
      </c>
      <c r="BM10" s="281">
        <v>334</v>
      </c>
      <c r="BN10" s="281">
        <v>153</v>
      </c>
      <c r="BO10" s="278">
        <v>3886</v>
      </c>
      <c r="BP10" s="283">
        <v>3886</v>
      </c>
      <c r="BQ10" s="277">
        <v>37</v>
      </c>
      <c r="BR10" s="281">
        <v>47</v>
      </c>
      <c r="BS10" s="278">
        <v>84</v>
      </c>
      <c r="BT10" s="280">
        <v>0</v>
      </c>
      <c r="BU10" s="281">
        <v>261</v>
      </c>
      <c r="BV10" s="281">
        <v>236</v>
      </c>
      <c r="BW10" s="281">
        <v>135</v>
      </c>
      <c r="BX10" s="281">
        <v>65</v>
      </c>
      <c r="BY10" s="281">
        <v>21</v>
      </c>
      <c r="BZ10" s="278">
        <v>718</v>
      </c>
      <c r="CA10" s="283">
        <v>802</v>
      </c>
      <c r="CB10" s="277">
        <v>3</v>
      </c>
      <c r="CC10" s="281">
        <v>2</v>
      </c>
      <c r="CD10" s="278">
        <v>5</v>
      </c>
      <c r="CE10" s="280">
        <v>0</v>
      </c>
      <c r="CF10" s="281">
        <v>232</v>
      </c>
      <c r="CG10" s="281">
        <v>280</v>
      </c>
      <c r="CH10" s="281">
        <v>283</v>
      </c>
      <c r="CI10" s="281">
        <v>181</v>
      </c>
      <c r="CJ10" s="281">
        <v>102</v>
      </c>
      <c r="CK10" s="278">
        <v>1078</v>
      </c>
      <c r="CL10" s="283">
        <v>1083</v>
      </c>
      <c r="CM10" s="277">
        <v>0</v>
      </c>
      <c r="CN10" s="281">
        <v>0</v>
      </c>
      <c r="CO10" s="278">
        <v>0</v>
      </c>
      <c r="CP10" s="280">
        <v>0</v>
      </c>
      <c r="CQ10" s="281">
        <v>8</v>
      </c>
      <c r="CR10" s="281">
        <v>11</v>
      </c>
      <c r="CS10" s="281">
        <v>21</v>
      </c>
      <c r="CT10" s="281">
        <v>11</v>
      </c>
      <c r="CU10" s="281">
        <v>9</v>
      </c>
      <c r="CV10" s="278">
        <v>60</v>
      </c>
      <c r="CW10" s="283">
        <v>60</v>
      </c>
      <c r="CX10" s="277">
        <v>0</v>
      </c>
      <c r="CY10" s="281">
        <v>0</v>
      </c>
      <c r="CZ10" s="278">
        <v>0</v>
      </c>
      <c r="DA10" s="280">
        <v>0</v>
      </c>
      <c r="DB10" s="281">
        <v>0</v>
      </c>
      <c r="DC10" s="281">
        <v>0</v>
      </c>
      <c r="DD10" s="281">
        <v>0</v>
      </c>
      <c r="DE10" s="281">
        <v>0</v>
      </c>
      <c r="DF10" s="281">
        <v>0</v>
      </c>
      <c r="DG10" s="278">
        <v>0</v>
      </c>
      <c r="DH10" s="283">
        <v>0</v>
      </c>
      <c r="DI10" s="277">
        <v>0</v>
      </c>
      <c r="DJ10" s="281">
        <v>0</v>
      </c>
      <c r="DK10" s="278">
        <v>0</v>
      </c>
      <c r="DL10" s="280">
        <v>0</v>
      </c>
      <c r="DM10" s="281">
        <v>0</v>
      </c>
      <c r="DN10" s="281">
        <v>0</v>
      </c>
      <c r="DO10" s="281">
        <v>0</v>
      </c>
      <c r="DP10" s="281">
        <v>0</v>
      </c>
      <c r="DQ10" s="281">
        <v>0</v>
      </c>
      <c r="DR10" s="278">
        <v>0</v>
      </c>
      <c r="DS10" s="283">
        <v>0</v>
      </c>
      <c r="DT10" s="277">
        <v>310</v>
      </c>
      <c r="DU10" s="281">
        <v>649</v>
      </c>
      <c r="DV10" s="278">
        <v>959</v>
      </c>
      <c r="DW10" s="280">
        <v>0</v>
      </c>
      <c r="DX10" s="281">
        <v>1950</v>
      </c>
      <c r="DY10" s="281">
        <v>2263</v>
      </c>
      <c r="DZ10" s="281">
        <v>1255</v>
      </c>
      <c r="EA10" s="281">
        <v>1002</v>
      </c>
      <c r="EB10" s="281">
        <v>607</v>
      </c>
      <c r="EC10" s="278">
        <v>7077</v>
      </c>
      <c r="ED10" s="283">
        <v>8036</v>
      </c>
      <c r="EE10" s="277">
        <v>96</v>
      </c>
      <c r="EF10" s="281">
        <v>53</v>
      </c>
      <c r="EG10" s="278">
        <v>149</v>
      </c>
      <c r="EH10" s="280">
        <v>0</v>
      </c>
      <c r="EI10" s="281">
        <v>492</v>
      </c>
      <c r="EJ10" s="281">
        <v>277</v>
      </c>
      <c r="EK10" s="281">
        <v>246</v>
      </c>
      <c r="EL10" s="281">
        <v>277</v>
      </c>
      <c r="EM10" s="281">
        <v>139</v>
      </c>
      <c r="EN10" s="278">
        <v>1431</v>
      </c>
      <c r="EO10" s="283">
        <v>1580</v>
      </c>
      <c r="EP10" s="277">
        <v>359</v>
      </c>
      <c r="EQ10" s="281">
        <v>697</v>
      </c>
      <c r="ER10" s="278">
        <v>1056</v>
      </c>
      <c r="ES10" s="280">
        <v>0</v>
      </c>
      <c r="ET10" s="281">
        <v>4225</v>
      </c>
      <c r="EU10" s="281">
        <v>3019</v>
      </c>
      <c r="EV10" s="281">
        <v>1533</v>
      </c>
      <c r="EW10" s="281">
        <v>1106</v>
      </c>
      <c r="EX10" s="281">
        <v>648</v>
      </c>
      <c r="EY10" s="278">
        <v>10531</v>
      </c>
      <c r="EZ10" s="283">
        <v>11587</v>
      </c>
    </row>
    <row r="11" spans="2:156" ht="19.8" customHeight="1" x14ac:dyDescent="0.2">
      <c r="B11" s="262" t="s">
        <v>8</v>
      </c>
      <c r="C11" s="277">
        <v>0</v>
      </c>
      <c r="D11" s="281">
        <v>0</v>
      </c>
      <c r="E11" s="385">
        <v>0</v>
      </c>
      <c r="F11" s="280">
        <v>0</v>
      </c>
      <c r="G11" s="281">
        <v>481</v>
      </c>
      <c r="H11" s="281">
        <v>606</v>
      </c>
      <c r="I11" s="281">
        <v>342</v>
      </c>
      <c r="J11" s="281">
        <v>281</v>
      </c>
      <c r="K11" s="281">
        <v>264</v>
      </c>
      <c r="L11" s="282">
        <v>1974</v>
      </c>
      <c r="M11" s="283">
        <v>1974</v>
      </c>
      <c r="N11" s="277">
        <v>0</v>
      </c>
      <c r="O11" s="281">
        <v>0</v>
      </c>
      <c r="P11" s="278">
        <v>0</v>
      </c>
      <c r="Q11" s="280">
        <v>0</v>
      </c>
      <c r="R11" s="281">
        <v>2</v>
      </c>
      <c r="S11" s="281">
        <v>18</v>
      </c>
      <c r="T11" s="281">
        <v>35</v>
      </c>
      <c r="U11" s="281">
        <v>49</v>
      </c>
      <c r="V11" s="281">
        <v>105</v>
      </c>
      <c r="W11" s="278">
        <v>209</v>
      </c>
      <c r="X11" s="283">
        <v>209</v>
      </c>
      <c r="Y11" s="277">
        <v>48</v>
      </c>
      <c r="Z11" s="281">
        <v>70</v>
      </c>
      <c r="AA11" s="278">
        <v>118</v>
      </c>
      <c r="AB11" s="280">
        <v>0</v>
      </c>
      <c r="AC11" s="281">
        <v>264</v>
      </c>
      <c r="AD11" s="281">
        <v>386</v>
      </c>
      <c r="AE11" s="281">
        <v>254</v>
      </c>
      <c r="AF11" s="281">
        <v>206</v>
      </c>
      <c r="AG11" s="281">
        <v>195</v>
      </c>
      <c r="AH11" s="278">
        <v>1305</v>
      </c>
      <c r="AI11" s="283">
        <v>1423</v>
      </c>
      <c r="AJ11" s="277">
        <v>6</v>
      </c>
      <c r="AK11" s="281">
        <v>15</v>
      </c>
      <c r="AL11" s="278">
        <v>21</v>
      </c>
      <c r="AM11" s="280">
        <v>0</v>
      </c>
      <c r="AN11" s="281">
        <v>48</v>
      </c>
      <c r="AO11" s="281">
        <v>69</v>
      </c>
      <c r="AP11" s="281">
        <v>49</v>
      </c>
      <c r="AQ11" s="281">
        <v>32</v>
      </c>
      <c r="AR11" s="281">
        <v>27</v>
      </c>
      <c r="AS11" s="278">
        <v>225</v>
      </c>
      <c r="AT11" s="283">
        <v>246</v>
      </c>
      <c r="AU11" s="277">
        <v>73</v>
      </c>
      <c r="AV11" s="281">
        <v>51</v>
      </c>
      <c r="AW11" s="278">
        <v>124</v>
      </c>
      <c r="AX11" s="280">
        <v>0</v>
      </c>
      <c r="AY11" s="281">
        <v>446</v>
      </c>
      <c r="AZ11" s="281">
        <v>541</v>
      </c>
      <c r="BA11" s="281">
        <v>507</v>
      </c>
      <c r="BB11" s="281">
        <v>503</v>
      </c>
      <c r="BC11" s="281">
        <v>402</v>
      </c>
      <c r="BD11" s="282">
        <v>2399</v>
      </c>
      <c r="BE11" s="283">
        <v>2523</v>
      </c>
      <c r="BF11" s="277">
        <v>0</v>
      </c>
      <c r="BG11" s="281">
        <v>0</v>
      </c>
      <c r="BH11" s="278">
        <v>0</v>
      </c>
      <c r="BI11" s="280">
        <v>0</v>
      </c>
      <c r="BJ11" s="281">
        <v>570</v>
      </c>
      <c r="BK11" s="281">
        <v>630</v>
      </c>
      <c r="BL11" s="281">
        <v>368</v>
      </c>
      <c r="BM11" s="281">
        <v>188</v>
      </c>
      <c r="BN11" s="281">
        <v>112</v>
      </c>
      <c r="BO11" s="278">
        <v>1868</v>
      </c>
      <c r="BP11" s="283">
        <v>1868</v>
      </c>
      <c r="BQ11" s="277">
        <v>54</v>
      </c>
      <c r="BR11" s="281">
        <v>62</v>
      </c>
      <c r="BS11" s="278">
        <v>116</v>
      </c>
      <c r="BT11" s="280">
        <v>0</v>
      </c>
      <c r="BU11" s="281">
        <v>120</v>
      </c>
      <c r="BV11" s="281">
        <v>169</v>
      </c>
      <c r="BW11" s="281">
        <v>98</v>
      </c>
      <c r="BX11" s="281">
        <v>51</v>
      </c>
      <c r="BY11" s="281">
        <v>15</v>
      </c>
      <c r="BZ11" s="278">
        <v>453</v>
      </c>
      <c r="CA11" s="283">
        <v>569</v>
      </c>
      <c r="CB11" s="277">
        <v>2</v>
      </c>
      <c r="CC11" s="281">
        <v>8</v>
      </c>
      <c r="CD11" s="278">
        <v>10</v>
      </c>
      <c r="CE11" s="280">
        <v>0</v>
      </c>
      <c r="CF11" s="281">
        <v>77</v>
      </c>
      <c r="CG11" s="281">
        <v>165</v>
      </c>
      <c r="CH11" s="281">
        <v>198</v>
      </c>
      <c r="CI11" s="281">
        <v>114</v>
      </c>
      <c r="CJ11" s="281">
        <v>59</v>
      </c>
      <c r="CK11" s="278">
        <v>613</v>
      </c>
      <c r="CL11" s="283">
        <v>623</v>
      </c>
      <c r="CM11" s="277">
        <v>0</v>
      </c>
      <c r="CN11" s="281">
        <v>0</v>
      </c>
      <c r="CO11" s="278">
        <v>0</v>
      </c>
      <c r="CP11" s="280">
        <v>0</v>
      </c>
      <c r="CQ11" s="281">
        <v>3</v>
      </c>
      <c r="CR11" s="281">
        <v>4</v>
      </c>
      <c r="CS11" s="281">
        <v>9</v>
      </c>
      <c r="CT11" s="281">
        <v>4</v>
      </c>
      <c r="CU11" s="281">
        <v>0</v>
      </c>
      <c r="CV11" s="278">
        <v>20</v>
      </c>
      <c r="CW11" s="283">
        <v>20</v>
      </c>
      <c r="CX11" s="277">
        <v>0</v>
      </c>
      <c r="CY11" s="281">
        <v>0</v>
      </c>
      <c r="CZ11" s="278">
        <v>0</v>
      </c>
      <c r="DA11" s="280">
        <v>0</v>
      </c>
      <c r="DB11" s="281">
        <v>0</v>
      </c>
      <c r="DC11" s="281">
        <v>0</v>
      </c>
      <c r="DD11" s="281">
        <v>0</v>
      </c>
      <c r="DE11" s="281">
        <v>0</v>
      </c>
      <c r="DF11" s="281">
        <v>0</v>
      </c>
      <c r="DG11" s="278">
        <v>0</v>
      </c>
      <c r="DH11" s="283">
        <v>0</v>
      </c>
      <c r="DI11" s="277">
        <v>0</v>
      </c>
      <c r="DJ11" s="281">
        <v>0</v>
      </c>
      <c r="DK11" s="278">
        <v>0</v>
      </c>
      <c r="DL11" s="280">
        <v>0</v>
      </c>
      <c r="DM11" s="281">
        <v>0</v>
      </c>
      <c r="DN11" s="281">
        <v>0</v>
      </c>
      <c r="DO11" s="281">
        <v>0</v>
      </c>
      <c r="DP11" s="281">
        <v>0</v>
      </c>
      <c r="DQ11" s="281">
        <v>0</v>
      </c>
      <c r="DR11" s="278">
        <v>0</v>
      </c>
      <c r="DS11" s="283">
        <v>0</v>
      </c>
      <c r="DT11" s="277">
        <v>381</v>
      </c>
      <c r="DU11" s="281">
        <v>559</v>
      </c>
      <c r="DV11" s="278">
        <v>940</v>
      </c>
      <c r="DW11" s="280">
        <v>0</v>
      </c>
      <c r="DX11" s="281">
        <v>910</v>
      </c>
      <c r="DY11" s="281">
        <v>1448</v>
      </c>
      <c r="DZ11" s="281">
        <v>872</v>
      </c>
      <c r="EA11" s="281">
        <v>601</v>
      </c>
      <c r="EB11" s="281">
        <v>412</v>
      </c>
      <c r="EC11" s="278">
        <v>4243</v>
      </c>
      <c r="ED11" s="283">
        <v>5183</v>
      </c>
      <c r="EE11" s="277">
        <v>57</v>
      </c>
      <c r="EF11" s="281">
        <v>17</v>
      </c>
      <c r="EG11" s="278">
        <v>74</v>
      </c>
      <c r="EH11" s="280">
        <v>0</v>
      </c>
      <c r="EI11" s="281">
        <v>151</v>
      </c>
      <c r="EJ11" s="281">
        <v>118</v>
      </c>
      <c r="EK11" s="281">
        <v>106</v>
      </c>
      <c r="EL11" s="281">
        <v>116</v>
      </c>
      <c r="EM11" s="281">
        <v>73</v>
      </c>
      <c r="EN11" s="278">
        <v>564</v>
      </c>
      <c r="EO11" s="283">
        <v>638</v>
      </c>
      <c r="EP11" s="277">
        <v>467</v>
      </c>
      <c r="EQ11" s="281">
        <v>627</v>
      </c>
      <c r="ER11" s="278">
        <v>1094</v>
      </c>
      <c r="ES11" s="280">
        <v>0</v>
      </c>
      <c r="ET11" s="281">
        <v>1739</v>
      </c>
      <c r="EU11" s="281">
        <v>1860</v>
      </c>
      <c r="EV11" s="281">
        <v>1032</v>
      </c>
      <c r="EW11" s="281">
        <v>628</v>
      </c>
      <c r="EX11" s="281">
        <v>424</v>
      </c>
      <c r="EY11" s="278">
        <v>5683</v>
      </c>
      <c r="EZ11" s="283">
        <v>6777</v>
      </c>
    </row>
    <row r="12" spans="2:156" ht="19.8" customHeight="1" x14ac:dyDescent="0.2">
      <c r="B12" s="262" t="s">
        <v>9</v>
      </c>
      <c r="C12" s="277">
        <v>0</v>
      </c>
      <c r="D12" s="281">
        <v>0</v>
      </c>
      <c r="E12" s="385">
        <v>0</v>
      </c>
      <c r="F12" s="280">
        <v>0</v>
      </c>
      <c r="G12" s="281">
        <v>626</v>
      </c>
      <c r="H12" s="281">
        <v>513</v>
      </c>
      <c r="I12" s="281">
        <v>342</v>
      </c>
      <c r="J12" s="281">
        <v>350</v>
      </c>
      <c r="K12" s="281">
        <v>250</v>
      </c>
      <c r="L12" s="282">
        <v>2081</v>
      </c>
      <c r="M12" s="283">
        <v>2081</v>
      </c>
      <c r="N12" s="277">
        <v>0</v>
      </c>
      <c r="O12" s="281">
        <v>0</v>
      </c>
      <c r="P12" s="278">
        <v>0</v>
      </c>
      <c r="Q12" s="280">
        <v>0</v>
      </c>
      <c r="R12" s="281">
        <v>4</v>
      </c>
      <c r="S12" s="281">
        <v>7</v>
      </c>
      <c r="T12" s="281">
        <v>21</v>
      </c>
      <c r="U12" s="281">
        <v>53</v>
      </c>
      <c r="V12" s="281">
        <v>100</v>
      </c>
      <c r="W12" s="278">
        <v>185</v>
      </c>
      <c r="X12" s="283">
        <v>185</v>
      </c>
      <c r="Y12" s="277">
        <v>30</v>
      </c>
      <c r="Z12" s="281">
        <v>72</v>
      </c>
      <c r="AA12" s="278">
        <v>102</v>
      </c>
      <c r="AB12" s="280">
        <v>0</v>
      </c>
      <c r="AC12" s="281">
        <v>346</v>
      </c>
      <c r="AD12" s="281">
        <v>311</v>
      </c>
      <c r="AE12" s="281">
        <v>235</v>
      </c>
      <c r="AF12" s="281">
        <v>249</v>
      </c>
      <c r="AG12" s="281">
        <v>191</v>
      </c>
      <c r="AH12" s="278">
        <v>1332</v>
      </c>
      <c r="AI12" s="283">
        <v>1434</v>
      </c>
      <c r="AJ12" s="277">
        <v>3</v>
      </c>
      <c r="AK12" s="281">
        <v>14</v>
      </c>
      <c r="AL12" s="278">
        <v>17</v>
      </c>
      <c r="AM12" s="280">
        <v>0</v>
      </c>
      <c r="AN12" s="281">
        <v>57</v>
      </c>
      <c r="AO12" s="281">
        <v>55</v>
      </c>
      <c r="AP12" s="281">
        <v>52</v>
      </c>
      <c r="AQ12" s="281">
        <v>48</v>
      </c>
      <c r="AR12" s="281">
        <v>42</v>
      </c>
      <c r="AS12" s="278">
        <v>254</v>
      </c>
      <c r="AT12" s="283">
        <v>271</v>
      </c>
      <c r="AU12" s="277">
        <v>83</v>
      </c>
      <c r="AV12" s="281">
        <v>69</v>
      </c>
      <c r="AW12" s="278">
        <v>152</v>
      </c>
      <c r="AX12" s="280">
        <v>0</v>
      </c>
      <c r="AY12" s="281">
        <v>524</v>
      </c>
      <c r="AZ12" s="281">
        <v>529</v>
      </c>
      <c r="BA12" s="281">
        <v>549</v>
      </c>
      <c r="BB12" s="281">
        <v>562</v>
      </c>
      <c r="BC12" s="281">
        <v>395</v>
      </c>
      <c r="BD12" s="282">
        <v>2559</v>
      </c>
      <c r="BE12" s="283">
        <v>2711</v>
      </c>
      <c r="BF12" s="277">
        <v>0</v>
      </c>
      <c r="BG12" s="281">
        <v>0</v>
      </c>
      <c r="BH12" s="278">
        <v>0</v>
      </c>
      <c r="BI12" s="280">
        <v>0</v>
      </c>
      <c r="BJ12" s="281">
        <v>563</v>
      </c>
      <c r="BK12" s="281">
        <v>391</v>
      </c>
      <c r="BL12" s="281">
        <v>245</v>
      </c>
      <c r="BM12" s="281">
        <v>159</v>
      </c>
      <c r="BN12" s="281">
        <v>61</v>
      </c>
      <c r="BO12" s="278">
        <v>1419</v>
      </c>
      <c r="BP12" s="283">
        <v>1419</v>
      </c>
      <c r="BQ12" s="277">
        <v>39</v>
      </c>
      <c r="BR12" s="281">
        <v>57</v>
      </c>
      <c r="BS12" s="278">
        <v>96</v>
      </c>
      <c r="BT12" s="280">
        <v>0</v>
      </c>
      <c r="BU12" s="281">
        <v>135</v>
      </c>
      <c r="BV12" s="281">
        <v>127</v>
      </c>
      <c r="BW12" s="281">
        <v>68</v>
      </c>
      <c r="BX12" s="281">
        <v>79</v>
      </c>
      <c r="BY12" s="281">
        <v>19</v>
      </c>
      <c r="BZ12" s="278">
        <v>428</v>
      </c>
      <c r="CA12" s="283">
        <v>524</v>
      </c>
      <c r="CB12" s="277">
        <v>3</v>
      </c>
      <c r="CC12" s="281">
        <v>2</v>
      </c>
      <c r="CD12" s="278">
        <v>5</v>
      </c>
      <c r="CE12" s="280">
        <v>0</v>
      </c>
      <c r="CF12" s="281">
        <v>51</v>
      </c>
      <c r="CG12" s="281">
        <v>93</v>
      </c>
      <c r="CH12" s="281">
        <v>120</v>
      </c>
      <c r="CI12" s="281">
        <v>94</v>
      </c>
      <c r="CJ12" s="281">
        <v>55</v>
      </c>
      <c r="CK12" s="278">
        <v>413</v>
      </c>
      <c r="CL12" s="283">
        <v>418</v>
      </c>
      <c r="CM12" s="277">
        <v>1</v>
      </c>
      <c r="CN12" s="281">
        <v>0</v>
      </c>
      <c r="CO12" s="278">
        <v>1</v>
      </c>
      <c r="CP12" s="280">
        <v>0</v>
      </c>
      <c r="CQ12" s="281">
        <v>10</v>
      </c>
      <c r="CR12" s="281">
        <v>10</v>
      </c>
      <c r="CS12" s="281">
        <v>28</v>
      </c>
      <c r="CT12" s="281">
        <v>22</v>
      </c>
      <c r="CU12" s="281">
        <v>10</v>
      </c>
      <c r="CV12" s="278">
        <v>80</v>
      </c>
      <c r="CW12" s="283">
        <v>81</v>
      </c>
      <c r="CX12" s="277">
        <v>0</v>
      </c>
      <c r="CY12" s="281">
        <v>0</v>
      </c>
      <c r="CZ12" s="278">
        <v>0</v>
      </c>
      <c r="DA12" s="280">
        <v>0</v>
      </c>
      <c r="DB12" s="281">
        <v>0</v>
      </c>
      <c r="DC12" s="281">
        <v>0</v>
      </c>
      <c r="DD12" s="281">
        <v>0</v>
      </c>
      <c r="DE12" s="281">
        <v>0</v>
      </c>
      <c r="DF12" s="281">
        <v>0</v>
      </c>
      <c r="DG12" s="278">
        <v>0</v>
      </c>
      <c r="DH12" s="283">
        <v>0</v>
      </c>
      <c r="DI12" s="277">
        <v>0</v>
      </c>
      <c r="DJ12" s="281">
        <v>0</v>
      </c>
      <c r="DK12" s="278">
        <v>0</v>
      </c>
      <c r="DL12" s="280">
        <v>0</v>
      </c>
      <c r="DM12" s="281">
        <v>0</v>
      </c>
      <c r="DN12" s="281">
        <v>0</v>
      </c>
      <c r="DO12" s="281">
        <v>0</v>
      </c>
      <c r="DP12" s="281">
        <v>0</v>
      </c>
      <c r="DQ12" s="281">
        <v>0</v>
      </c>
      <c r="DR12" s="278">
        <v>0</v>
      </c>
      <c r="DS12" s="283">
        <v>0</v>
      </c>
      <c r="DT12" s="277">
        <v>347</v>
      </c>
      <c r="DU12" s="281">
        <v>452</v>
      </c>
      <c r="DV12" s="278">
        <v>799</v>
      </c>
      <c r="DW12" s="280">
        <v>0</v>
      </c>
      <c r="DX12" s="281">
        <v>957</v>
      </c>
      <c r="DY12" s="281">
        <v>977</v>
      </c>
      <c r="DZ12" s="281">
        <v>637</v>
      </c>
      <c r="EA12" s="281">
        <v>577</v>
      </c>
      <c r="EB12" s="281">
        <v>354</v>
      </c>
      <c r="EC12" s="278">
        <v>3502</v>
      </c>
      <c r="ED12" s="283">
        <v>4301</v>
      </c>
      <c r="EE12" s="277">
        <v>46</v>
      </c>
      <c r="EF12" s="281">
        <v>30</v>
      </c>
      <c r="EG12" s="278">
        <v>76</v>
      </c>
      <c r="EH12" s="280">
        <v>0</v>
      </c>
      <c r="EI12" s="281">
        <v>181</v>
      </c>
      <c r="EJ12" s="281">
        <v>160</v>
      </c>
      <c r="EK12" s="281">
        <v>144</v>
      </c>
      <c r="EL12" s="281">
        <v>152</v>
      </c>
      <c r="EM12" s="281">
        <v>113</v>
      </c>
      <c r="EN12" s="278">
        <v>750</v>
      </c>
      <c r="EO12" s="283">
        <v>826</v>
      </c>
      <c r="EP12" s="277">
        <v>398</v>
      </c>
      <c r="EQ12" s="281">
        <v>519</v>
      </c>
      <c r="ER12" s="278">
        <v>917</v>
      </c>
      <c r="ES12" s="280">
        <v>0</v>
      </c>
      <c r="ET12" s="281">
        <v>1687</v>
      </c>
      <c r="EU12" s="281">
        <v>1277</v>
      </c>
      <c r="EV12" s="281">
        <v>736</v>
      </c>
      <c r="EW12" s="281">
        <v>605</v>
      </c>
      <c r="EX12" s="281">
        <v>368</v>
      </c>
      <c r="EY12" s="278">
        <v>4673</v>
      </c>
      <c r="EZ12" s="283">
        <v>5590</v>
      </c>
    </row>
    <row r="13" spans="2:156" ht="19.8" customHeight="1" x14ac:dyDescent="0.2">
      <c r="B13" s="262" t="s">
        <v>10</v>
      </c>
      <c r="C13" s="277">
        <v>0</v>
      </c>
      <c r="D13" s="281">
        <v>0</v>
      </c>
      <c r="E13" s="385">
        <v>0</v>
      </c>
      <c r="F13" s="280">
        <v>0</v>
      </c>
      <c r="G13" s="281">
        <v>1369</v>
      </c>
      <c r="H13" s="281">
        <v>730</v>
      </c>
      <c r="I13" s="281">
        <v>448</v>
      </c>
      <c r="J13" s="281">
        <v>411</v>
      </c>
      <c r="K13" s="281">
        <v>345</v>
      </c>
      <c r="L13" s="282">
        <v>3303</v>
      </c>
      <c r="M13" s="283">
        <v>3303</v>
      </c>
      <c r="N13" s="277">
        <v>0</v>
      </c>
      <c r="O13" s="281">
        <v>0</v>
      </c>
      <c r="P13" s="278">
        <v>0</v>
      </c>
      <c r="Q13" s="280">
        <v>0</v>
      </c>
      <c r="R13" s="281">
        <v>12</v>
      </c>
      <c r="S13" s="281">
        <v>19</v>
      </c>
      <c r="T13" s="281">
        <v>36</v>
      </c>
      <c r="U13" s="281">
        <v>86</v>
      </c>
      <c r="V13" s="281">
        <v>156</v>
      </c>
      <c r="W13" s="278">
        <v>309</v>
      </c>
      <c r="X13" s="283">
        <v>309</v>
      </c>
      <c r="Y13" s="277">
        <v>143</v>
      </c>
      <c r="Z13" s="281">
        <v>295</v>
      </c>
      <c r="AA13" s="278">
        <v>438</v>
      </c>
      <c r="AB13" s="280">
        <v>0</v>
      </c>
      <c r="AC13" s="281">
        <v>765</v>
      </c>
      <c r="AD13" s="281">
        <v>527</v>
      </c>
      <c r="AE13" s="281">
        <v>337</v>
      </c>
      <c r="AF13" s="281">
        <v>292</v>
      </c>
      <c r="AG13" s="281">
        <v>270</v>
      </c>
      <c r="AH13" s="278">
        <v>2191</v>
      </c>
      <c r="AI13" s="283">
        <v>2629</v>
      </c>
      <c r="AJ13" s="277">
        <v>23</v>
      </c>
      <c r="AK13" s="281">
        <v>45</v>
      </c>
      <c r="AL13" s="278">
        <v>68</v>
      </c>
      <c r="AM13" s="280">
        <v>0</v>
      </c>
      <c r="AN13" s="281">
        <v>106</v>
      </c>
      <c r="AO13" s="281">
        <v>103</v>
      </c>
      <c r="AP13" s="281">
        <v>59</v>
      </c>
      <c r="AQ13" s="281">
        <v>65</v>
      </c>
      <c r="AR13" s="281">
        <v>53</v>
      </c>
      <c r="AS13" s="278">
        <v>386</v>
      </c>
      <c r="AT13" s="283">
        <v>454</v>
      </c>
      <c r="AU13" s="277">
        <v>175</v>
      </c>
      <c r="AV13" s="281">
        <v>255</v>
      </c>
      <c r="AW13" s="278">
        <v>430</v>
      </c>
      <c r="AX13" s="280">
        <v>0</v>
      </c>
      <c r="AY13" s="281">
        <v>1263</v>
      </c>
      <c r="AZ13" s="281">
        <v>1035</v>
      </c>
      <c r="BA13" s="281">
        <v>854</v>
      </c>
      <c r="BB13" s="281">
        <v>891</v>
      </c>
      <c r="BC13" s="281">
        <v>746</v>
      </c>
      <c r="BD13" s="282">
        <v>4789</v>
      </c>
      <c r="BE13" s="283">
        <v>5219</v>
      </c>
      <c r="BF13" s="277">
        <v>0</v>
      </c>
      <c r="BG13" s="281">
        <v>0</v>
      </c>
      <c r="BH13" s="278">
        <v>0</v>
      </c>
      <c r="BI13" s="280">
        <v>0</v>
      </c>
      <c r="BJ13" s="281">
        <v>1572</v>
      </c>
      <c r="BK13" s="281">
        <v>830</v>
      </c>
      <c r="BL13" s="281">
        <v>486</v>
      </c>
      <c r="BM13" s="281">
        <v>274</v>
      </c>
      <c r="BN13" s="281">
        <v>118</v>
      </c>
      <c r="BO13" s="278">
        <v>3280</v>
      </c>
      <c r="BP13" s="283">
        <v>3280</v>
      </c>
      <c r="BQ13" s="277">
        <v>61</v>
      </c>
      <c r="BR13" s="281">
        <v>88</v>
      </c>
      <c r="BS13" s="278">
        <v>149</v>
      </c>
      <c r="BT13" s="280">
        <v>0</v>
      </c>
      <c r="BU13" s="281">
        <v>261</v>
      </c>
      <c r="BV13" s="281">
        <v>160</v>
      </c>
      <c r="BW13" s="281">
        <v>98</v>
      </c>
      <c r="BX13" s="281">
        <v>55</v>
      </c>
      <c r="BY13" s="281">
        <v>24</v>
      </c>
      <c r="BZ13" s="278">
        <v>598</v>
      </c>
      <c r="CA13" s="283">
        <v>747</v>
      </c>
      <c r="CB13" s="277">
        <v>6</v>
      </c>
      <c r="CC13" s="281">
        <v>25</v>
      </c>
      <c r="CD13" s="278">
        <v>31</v>
      </c>
      <c r="CE13" s="280">
        <v>0</v>
      </c>
      <c r="CF13" s="281">
        <v>165</v>
      </c>
      <c r="CG13" s="281">
        <v>170</v>
      </c>
      <c r="CH13" s="281">
        <v>204</v>
      </c>
      <c r="CI13" s="281">
        <v>139</v>
      </c>
      <c r="CJ13" s="281">
        <v>90</v>
      </c>
      <c r="CK13" s="278">
        <v>768</v>
      </c>
      <c r="CL13" s="283">
        <v>799</v>
      </c>
      <c r="CM13" s="277">
        <v>0</v>
      </c>
      <c r="CN13" s="281">
        <v>1</v>
      </c>
      <c r="CO13" s="278">
        <v>1</v>
      </c>
      <c r="CP13" s="280">
        <v>0</v>
      </c>
      <c r="CQ13" s="281">
        <v>15</v>
      </c>
      <c r="CR13" s="281">
        <v>18</v>
      </c>
      <c r="CS13" s="281">
        <v>16</v>
      </c>
      <c r="CT13" s="281">
        <v>8</v>
      </c>
      <c r="CU13" s="281">
        <v>5</v>
      </c>
      <c r="CV13" s="278">
        <v>62</v>
      </c>
      <c r="CW13" s="283">
        <v>63</v>
      </c>
      <c r="CX13" s="277">
        <v>0</v>
      </c>
      <c r="CY13" s="281">
        <v>0</v>
      </c>
      <c r="CZ13" s="278">
        <v>0</v>
      </c>
      <c r="DA13" s="280">
        <v>0</v>
      </c>
      <c r="DB13" s="281">
        <v>0</v>
      </c>
      <c r="DC13" s="281">
        <v>0</v>
      </c>
      <c r="DD13" s="281">
        <v>0</v>
      </c>
      <c r="DE13" s="281">
        <v>0</v>
      </c>
      <c r="DF13" s="281">
        <v>0</v>
      </c>
      <c r="DG13" s="278">
        <v>0</v>
      </c>
      <c r="DH13" s="283">
        <v>0</v>
      </c>
      <c r="DI13" s="277">
        <v>0</v>
      </c>
      <c r="DJ13" s="281">
        <v>0</v>
      </c>
      <c r="DK13" s="278">
        <v>0</v>
      </c>
      <c r="DL13" s="280">
        <v>0</v>
      </c>
      <c r="DM13" s="281">
        <v>0</v>
      </c>
      <c r="DN13" s="281">
        <v>0</v>
      </c>
      <c r="DO13" s="281">
        <v>0</v>
      </c>
      <c r="DP13" s="281">
        <v>0</v>
      </c>
      <c r="DQ13" s="281">
        <v>0</v>
      </c>
      <c r="DR13" s="278">
        <v>0</v>
      </c>
      <c r="DS13" s="283">
        <v>0</v>
      </c>
      <c r="DT13" s="277">
        <v>913</v>
      </c>
      <c r="DU13" s="281">
        <v>1219</v>
      </c>
      <c r="DV13" s="278">
        <v>2132</v>
      </c>
      <c r="DW13" s="280">
        <v>0</v>
      </c>
      <c r="DX13" s="281">
        <v>1965</v>
      </c>
      <c r="DY13" s="281">
        <v>1591</v>
      </c>
      <c r="DZ13" s="281">
        <v>1029</v>
      </c>
      <c r="EA13" s="281">
        <v>819</v>
      </c>
      <c r="EB13" s="281">
        <v>583</v>
      </c>
      <c r="EC13" s="278">
        <v>5987</v>
      </c>
      <c r="ED13" s="283">
        <v>8119</v>
      </c>
      <c r="EE13" s="277">
        <v>69</v>
      </c>
      <c r="EF13" s="281">
        <v>75</v>
      </c>
      <c r="EG13" s="278">
        <v>144</v>
      </c>
      <c r="EH13" s="280">
        <v>0</v>
      </c>
      <c r="EI13" s="281">
        <v>294</v>
      </c>
      <c r="EJ13" s="281">
        <v>213</v>
      </c>
      <c r="EK13" s="281">
        <v>197</v>
      </c>
      <c r="EL13" s="281">
        <v>208</v>
      </c>
      <c r="EM13" s="281">
        <v>147</v>
      </c>
      <c r="EN13" s="278">
        <v>1059</v>
      </c>
      <c r="EO13" s="283">
        <v>1203</v>
      </c>
      <c r="EP13" s="277">
        <v>1076</v>
      </c>
      <c r="EQ13" s="281">
        <v>1405</v>
      </c>
      <c r="ER13" s="278">
        <v>2481</v>
      </c>
      <c r="ES13" s="280">
        <v>0</v>
      </c>
      <c r="ET13" s="281">
        <v>3405</v>
      </c>
      <c r="EU13" s="281">
        <v>1909</v>
      </c>
      <c r="EV13" s="281">
        <v>1110</v>
      </c>
      <c r="EW13" s="281">
        <v>795</v>
      </c>
      <c r="EX13" s="281">
        <v>558</v>
      </c>
      <c r="EY13" s="278">
        <v>7777</v>
      </c>
      <c r="EZ13" s="283">
        <v>10258</v>
      </c>
    </row>
    <row r="14" spans="2:156" ht="19.8" customHeight="1" x14ac:dyDescent="0.2">
      <c r="B14" s="262" t="s">
        <v>11</v>
      </c>
      <c r="C14" s="277">
        <v>0</v>
      </c>
      <c r="D14" s="281">
        <v>0</v>
      </c>
      <c r="E14" s="385">
        <v>0</v>
      </c>
      <c r="F14" s="280">
        <v>0</v>
      </c>
      <c r="G14" s="281">
        <v>534</v>
      </c>
      <c r="H14" s="281">
        <v>354</v>
      </c>
      <c r="I14" s="281">
        <v>256</v>
      </c>
      <c r="J14" s="281">
        <v>217</v>
      </c>
      <c r="K14" s="281">
        <v>154</v>
      </c>
      <c r="L14" s="282">
        <v>1515</v>
      </c>
      <c r="M14" s="283">
        <v>1515</v>
      </c>
      <c r="N14" s="277">
        <v>0</v>
      </c>
      <c r="O14" s="281">
        <v>1</v>
      </c>
      <c r="P14" s="278">
        <v>1</v>
      </c>
      <c r="Q14" s="280">
        <v>0</v>
      </c>
      <c r="R14" s="281">
        <v>3</v>
      </c>
      <c r="S14" s="281">
        <v>11</v>
      </c>
      <c r="T14" s="281">
        <v>24</v>
      </c>
      <c r="U14" s="281">
        <v>42</v>
      </c>
      <c r="V14" s="281">
        <v>64</v>
      </c>
      <c r="W14" s="278">
        <v>144</v>
      </c>
      <c r="X14" s="283">
        <v>145</v>
      </c>
      <c r="Y14" s="277">
        <v>44</v>
      </c>
      <c r="Z14" s="281">
        <v>59</v>
      </c>
      <c r="AA14" s="278">
        <v>103</v>
      </c>
      <c r="AB14" s="280">
        <v>0</v>
      </c>
      <c r="AC14" s="281">
        <v>324</v>
      </c>
      <c r="AD14" s="281">
        <v>224</v>
      </c>
      <c r="AE14" s="281">
        <v>196</v>
      </c>
      <c r="AF14" s="281">
        <v>179</v>
      </c>
      <c r="AG14" s="281">
        <v>142</v>
      </c>
      <c r="AH14" s="278">
        <v>1065</v>
      </c>
      <c r="AI14" s="283">
        <v>1168</v>
      </c>
      <c r="AJ14" s="277">
        <v>3</v>
      </c>
      <c r="AK14" s="281">
        <v>9</v>
      </c>
      <c r="AL14" s="278">
        <v>12</v>
      </c>
      <c r="AM14" s="280">
        <v>0</v>
      </c>
      <c r="AN14" s="281">
        <v>36</v>
      </c>
      <c r="AO14" s="281">
        <v>30</v>
      </c>
      <c r="AP14" s="281">
        <v>16</v>
      </c>
      <c r="AQ14" s="281">
        <v>20</v>
      </c>
      <c r="AR14" s="281">
        <v>5</v>
      </c>
      <c r="AS14" s="278">
        <v>107</v>
      </c>
      <c r="AT14" s="283">
        <v>119</v>
      </c>
      <c r="AU14" s="277">
        <v>54</v>
      </c>
      <c r="AV14" s="281">
        <v>54</v>
      </c>
      <c r="AW14" s="278">
        <v>108</v>
      </c>
      <c r="AX14" s="280">
        <v>0</v>
      </c>
      <c r="AY14" s="281">
        <v>464</v>
      </c>
      <c r="AZ14" s="281">
        <v>428</v>
      </c>
      <c r="BA14" s="281">
        <v>420</v>
      </c>
      <c r="BB14" s="281">
        <v>422</v>
      </c>
      <c r="BC14" s="281">
        <v>298</v>
      </c>
      <c r="BD14" s="282">
        <v>2032</v>
      </c>
      <c r="BE14" s="283">
        <v>2140</v>
      </c>
      <c r="BF14" s="277">
        <v>0</v>
      </c>
      <c r="BG14" s="281">
        <v>0</v>
      </c>
      <c r="BH14" s="278">
        <v>0</v>
      </c>
      <c r="BI14" s="280">
        <v>0</v>
      </c>
      <c r="BJ14" s="281">
        <v>737</v>
      </c>
      <c r="BK14" s="281">
        <v>373</v>
      </c>
      <c r="BL14" s="281">
        <v>241</v>
      </c>
      <c r="BM14" s="281">
        <v>163</v>
      </c>
      <c r="BN14" s="281">
        <v>90</v>
      </c>
      <c r="BO14" s="278">
        <v>1604</v>
      </c>
      <c r="BP14" s="283">
        <v>1604</v>
      </c>
      <c r="BQ14" s="277">
        <v>79</v>
      </c>
      <c r="BR14" s="281">
        <v>68</v>
      </c>
      <c r="BS14" s="278">
        <v>147</v>
      </c>
      <c r="BT14" s="280">
        <v>0</v>
      </c>
      <c r="BU14" s="281">
        <v>220</v>
      </c>
      <c r="BV14" s="281">
        <v>126</v>
      </c>
      <c r="BW14" s="281">
        <v>88</v>
      </c>
      <c r="BX14" s="281">
        <v>54</v>
      </c>
      <c r="BY14" s="281">
        <v>20</v>
      </c>
      <c r="BZ14" s="278">
        <v>508</v>
      </c>
      <c r="CA14" s="283">
        <v>655</v>
      </c>
      <c r="CB14" s="277">
        <v>5</v>
      </c>
      <c r="CC14" s="281">
        <v>11</v>
      </c>
      <c r="CD14" s="278">
        <v>16</v>
      </c>
      <c r="CE14" s="280">
        <v>0</v>
      </c>
      <c r="CF14" s="281">
        <v>92</v>
      </c>
      <c r="CG14" s="281">
        <v>91</v>
      </c>
      <c r="CH14" s="281">
        <v>110</v>
      </c>
      <c r="CI14" s="281">
        <v>74</v>
      </c>
      <c r="CJ14" s="281">
        <v>33</v>
      </c>
      <c r="CK14" s="278">
        <v>400</v>
      </c>
      <c r="CL14" s="283">
        <v>416</v>
      </c>
      <c r="CM14" s="277">
        <v>0</v>
      </c>
      <c r="CN14" s="281">
        <v>0</v>
      </c>
      <c r="CO14" s="278">
        <v>0</v>
      </c>
      <c r="CP14" s="280">
        <v>0</v>
      </c>
      <c r="CQ14" s="281">
        <v>7</v>
      </c>
      <c r="CR14" s="281">
        <v>7</v>
      </c>
      <c r="CS14" s="281">
        <v>14</v>
      </c>
      <c r="CT14" s="281">
        <v>6</v>
      </c>
      <c r="CU14" s="281">
        <v>9</v>
      </c>
      <c r="CV14" s="278">
        <v>43</v>
      </c>
      <c r="CW14" s="283">
        <v>43</v>
      </c>
      <c r="CX14" s="277">
        <v>0</v>
      </c>
      <c r="CY14" s="281">
        <v>0</v>
      </c>
      <c r="CZ14" s="278">
        <v>0</v>
      </c>
      <c r="DA14" s="280">
        <v>0</v>
      </c>
      <c r="DB14" s="281">
        <v>0</v>
      </c>
      <c r="DC14" s="281">
        <v>0</v>
      </c>
      <c r="DD14" s="281">
        <v>0</v>
      </c>
      <c r="DE14" s="281">
        <v>0</v>
      </c>
      <c r="DF14" s="281">
        <v>0</v>
      </c>
      <c r="DG14" s="278">
        <v>0</v>
      </c>
      <c r="DH14" s="283">
        <v>0</v>
      </c>
      <c r="DI14" s="277">
        <v>0</v>
      </c>
      <c r="DJ14" s="281">
        <v>0</v>
      </c>
      <c r="DK14" s="278">
        <v>0</v>
      </c>
      <c r="DL14" s="280">
        <v>0</v>
      </c>
      <c r="DM14" s="281">
        <v>0</v>
      </c>
      <c r="DN14" s="281">
        <v>0</v>
      </c>
      <c r="DO14" s="281">
        <v>0</v>
      </c>
      <c r="DP14" s="281">
        <v>0</v>
      </c>
      <c r="DQ14" s="281">
        <v>0</v>
      </c>
      <c r="DR14" s="278">
        <v>0</v>
      </c>
      <c r="DS14" s="283">
        <v>0</v>
      </c>
      <c r="DT14" s="277">
        <v>394</v>
      </c>
      <c r="DU14" s="281">
        <v>450</v>
      </c>
      <c r="DV14" s="278">
        <v>844</v>
      </c>
      <c r="DW14" s="280">
        <v>0</v>
      </c>
      <c r="DX14" s="281">
        <v>1004</v>
      </c>
      <c r="DY14" s="281">
        <v>815</v>
      </c>
      <c r="DZ14" s="281">
        <v>619</v>
      </c>
      <c r="EA14" s="281">
        <v>481</v>
      </c>
      <c r="EB14" s="281">
        <v>280</v>
      </c>
      <c r="EC14" s="278">
        <v>3199</v>
      </c>
      <c r="ED14" s="283">
        <v>4043</v>
      </c>
      <c r="EE14" s="277">
        <v>36</v>
      </c>
      <c r="EF14" s="281">
        <v>32</v>
      </c>
      <c r="EG14" s="278">
        <v>68</v>
      </c>
      <c r="EH14" s="280">
        <v>0</v>
      </c>
      <c r="EI14" s="281">
        <v>195</v>
      </c>
      <c r="EJ14" s="281">
        <v>138</v>
      </c>
      <c r="EK14" s="281">
        <v>125</v>
      </c>
      <c r="EL14" s="281">
        <v>159</v>
      </c>
      <c r="EM14" s="281">
        <v>79</v>
      </c>
      <c r="EN14" s="278">
        <v>696</v>
      </c>
      <c r="EO14" s="283">
        <v>764</v>
      </c>
      <c r="EP14" s="277">
        <v>483</v>
      </c>
      <c r="EQ14" s="281">
        <v>525</v>
      </c>
      <c r="ER14" s="278">
        <v>1008</v>
      </c>
      <c r="ES14" s="280">
        <v>0</v>
      </c>
      <c r="ET14" s="281">
        <v>1913</v>
      </c>
      <c r="EU14" s="281">
        <v>1071</v>
      </c>
      <c r="EV14" s="281">
        <v>713</v>
      </c>
      <c r="EW14" s="281">
        <v>494</v>
      </c>
      <c r="EX14" s="281">
        <v>290</v>
      </c>
      <c r="EY14" s="278">
        <v>4481</v>
      </c>
      <c r="EZ14" s="283">
        <v>5489</v>
      </c>
    </row>
    <row r="15" spans="2:156" ht="19.8" customHeight="1" x14ac:dyDescent="0.2">
      <c r="B15" s="262" t="s">
        <v>12</v>
      </c>
      <c r="C15" s="277">
        <v>0</v>
      </c>
      <c r="D15" s="281">
        <v>0</v>
      </c>
      <c r="E15" s="385">
        <v>0</v>
      </c>
      <c r="F15" s="280">
        <v>0</v>
      </c>
      <c r="G15" s="281">
        <v>489</v>
      </c>
      <c r="H15" s="281">
        <v>440</v>
      </c>
      <c r="I15" s="281">
        <v>301</v>
      </c>
      <c r="J15" s="281">
        <v>311</v>
      </c>
      <c r="K15" s="281">
        <v>209</v>
      </c>
      <c r="L15" s="282">
        <v>1750</v>
      </c>
      <c r="M15" s="283">
        <v>1750</v>
      </c>
      <c r="N15" s="277">
        <v>0</v>
      </c>
      <c r="O15" s="281">
        <v>4</v>
      </c>
      <c r="P15" s="278">
        <v>4</v>
      </c>
      <c r="Q15" s="280">
        <v>0</v>
      </c>
      <c r="R15" s="281">
        <v>3</v>
      </c>
      <c r="S15" s="281">
        <v>16</v>
      </c>
      <c r="T15" s="281">
        <v>15</v>
      </c>
      <c r="U15" s="281">
        <v>65</v>
      </c>
      <c r="V15" s="281">
        <v>75</v>
      </c>
      <c r="W15" s="278">
        <v>174</v>
      </c>
      <c r="X15" s="283">
        <v>178</v>
      </c>
      <c r="Y15" s="277">
        <v>115</v>
      </c>
      <c r="Z15" s="281">
        <v>194</v>
      </c>
      <c r="AA15" s="278">
        <v>309</v>
      </c>
      <c r="AB15" s="280">
        <v>0</v>
      </c>
      <c r="AC15" s="281">
        <v>280</v>
      </c>
      <c r="AD15" s="281">
        <v>317</v>
      </c>
      <c r="AE15" s="281">
        <v>204</v>
      </c>
      <c r="AF15" s="281">
        <v>213</v>
      </c>
      <c r="AG15" s="281">
        <v>153</v>
      </c>
      <c r="AH15" s="278">
        <v>1167</v>
      </c>
      <c r="AI15" s="283">
        <v>1476</v>
      </c>
      <c r="AJ15" s="277">
        <v>4</v>
      </c>
      <c r="AK15" s="281">
        <v>17</v>
      </c>
      <c r="AL15" s="278">
        <v>21</v>
      </c>
      <c r="AM15" s="280">
        <v>0</v>
      </c>
      <c r="AN15" s="281">
        <v>16</v>
      </c>
      <c r="AO15" s="281">
        <v>43</v>
      </c>
      <c r="AP15" s="281">
        <v>26</v>
      </c>
      <c r="AQ15" s="281">
        <v>24</v>
      </c>
      <c r="AR15" s="281">
        <v>17</v>
      </c>
      <c r="AS15" s="278">
        <v>126</v>
      </c>
      <c r="AT15" s="283">
        <v>147</v>
      </c>
      <c r="AU15" s="277">
        <v>80</v>
      </c>
      <c r="AV15" s="281">
        <v>113</v>
      </c>
      <c r="AW15" s="278">
        <v>193</v>
      </c>
      <c r="AX15" s="280">
        <v>0</v>
      </c>
      <c r="AY15" s="281">
        <v>328</v>
      </c>
      <c r="AZ15" s="281">
        <v>354</v>
      </c>
      <c r="BA15" s="281">
        <v>351</v>
      </c>
      <c r="BB15" s="281">
        <v>424</v>
      </c>
      <c r="BC15" s="281">
        <v>317</v>
      </c>
      <c r="BD15" s="282">
        <v>1774</v>
      </c>
      <c r="BE15" s="283">
        <v>1967</v>
      </c>
      <c r="BF15" s="277">
        <v>0</v>
      </c>
      <c r="BG15" s="281">
        <v>0</v>
      </c>
      <c r="BH15" s="278">
        <v>0</v>
      </c>
      <c r="BI15" s="280">
        <v>0</v>
      </c>
      <c r="BJ15" s="281">
        <v>554</v>
      </c>
      <c r="BK15" s="281">
        <v>408</v>
      </c>
      <c r="BL15" s="281">
        <v>300</v>
      </c>
      <c r="BM15" s="281">
        <v>203</v>
      </c>
      <c r="BN15" s="281">
        <v>91</v>
      </c>
      <c r="BO15" s="278">
        <v>1556</v>
      </c>
      <c r="BP15" s="283">
        <v>1556</v>
      </c>
      <c r="BQ15" s="277">
        <v>142</v>
      </c>
      <c r="BR15" s="281">
        <v>142</v>
      </c>
      <c r="BS15" s="278">
        <v>284</v>
      </c>
      <c r="BT15" s="280">
        <v>0</v>
      </c>
      <c r="BU15" s="281">
        <v>127</v>
      </c>
      <c r="BV15" s="281">
        <v>175</v>
      </c>
      <c r="BW15" s="281">
        <v>123</v>
      </c>
      <c r="BX15" s="281">
        <v>86</v>
      </c>
      <c r="BY15" s="281">
        <v>29</v>
      </c>
      <c r="BZ15" s="278">
        <v>540</v>
      </c>
      <c r="CA15" s="283">
        <v>824</v>
      </c>
      <c r="CB15" s="277">
        <v>6</v>
      </c>
      <c r="CC15" s="281">
        <v>10</v>
      </c>
      <c r="CD15" s="278">
        <v>16</v>
      </c>
      <c r="CE15" s="280">
        <v>0</v>
      </c>
      <c r="CF15" s="281">
        <v>89</v>
      </c>
      <c r="CG15" s="281">
        <v>87</v>
      </c>
      <c r="CH15" s="281">
        <v>114</v>
      </c>
      <c r="CI15" s="281">
        <v>107</v>
      </c>
      <c r="CJ15" s="281">
        <v>51</v>
      </c>
      <c r="CK15" s="278">
        <v>448</v>
      </c>
      <c r="CL15" s="283">
        <v>464</v>
      </c>
      <c r="CM15" s="277">
        <v>0</v>
      </c>
      <c r="CN15" s="281">
        <v>1</v>
      </c>
      <c r="CO15" s="278">
        <v>1</v>
      </c>
      <c r="CP15" s="280">
        <v>0</v>
      </c>
      <c r="CQ15" s="281">
        <v>2</v>
      </c>
      <c r="CR15" s="281">
        <v>4</v>
      </c>
      <c r="CS15" s="281">
        <v>4</v>
      </c>
      <c r="CT15" s="281">
        <v>5</v>
      </c>
      <c r="CU15" s="281">
        <v>2</v>
      </c>
      <c r="CV15" s="278">
        <v>17</v>
      </c>
      <c r="CW15" s="283">
        <v>18</v>
      </c>
      <c r="CX15" s="277">
        <v>0</v>
      </c>
      <c r="CY15" s="281">
        <v>0</v>
      </c>
      <c r="CZ15" s="278">
        <v>0</v>
      </c>
      <c r="DA15" s="280">
        <v>0</v>
      </c>
      <c r="DB15" s="281">
        <v>0</v>
      </c>
      <c r="DC15" s="281">
        <v>0</v>
      </c>
      <c r="DD15" s="281">
        <v>0</v>
      </c>
      <c r="DE15" s="281">
        <v>0</v>
      </c>
      <c r="DF15" s="281">
        <v>0</v>
      </c>
      <c r="DG15" s="278">
        <v>0</v>
      </c>
      <c r="DH15" s="283">
        <v>0</v>
      </c>
      <c r="DI15" s="277">
        <v>0</v>
      </c>
      <c r="DJ15" s="281">
        <v>0</v>
      </c>
      <c r="DK15" s="278">
        <v>0</v>
      </c>
      <c r="DL15" s="280">
        <v>0</v>
      </c>
      <c r="DM15" s="281">
        <v>0</v>
      </c>
      <c r="DN15" s="281">
        <v>0</v>
      </c>
      <c r="DO15" s="281">
        <v>0</v>
      </c>
      <c r="DP15" s="281">
        <v>0</v>
      </c>
      <c r="DQ15" s="281">
        <v>0</v>
      </c>
      <c r="DR15" s="278">
        <v>0</v>
      </c>
      <c r="DS15" s="283">
        <v>0</v>
      </c>
      <c r="DT15" s="277">
        <v>481</v>
      </c>
      <c r="DU15" s="281">
        <v>790</v>
      </c>
      <c r="DV15" s="278">
        <v>1271</v>
      </c>
      <c r="DW15" s="280">
        <v>0</v>
      </c>
      <c r="DX15" s="281">
        <v>541</v>
      </c>
      <c r="DY15" s="281">
        <v>913</v>
      </c>
      <c r="DZ15" s="281">
        <v>692</v>
      </c>
      <c r="EA15" s="281">
        <v>626</v>
      </c>
      <c r="EB15" s="281">
        <v>356</v>
      </c>
      <c r="EC15" s="278">
        <v>3128</v>
      </c>
      <c r="ED15" s="283">
        <v>4399</v>
      </c>
      <c r="EE15" s="277">
        <v>47</v>
      </c>
      <c r="EF15" s="281">
        <v>44</v>
      </c>
      <c r="EG15" s="278">
        <v>91</v>
      </c>
      <c r="EH15" s="280">
        <v>0</v>
      </c>
      <c r="EI15" s="281">
        <v>111</v>
      </c>
      <c r="EJ15" s="281">
        <v>108</v>
      </c>
      <c r="EK15" s="281">
        <v>98</v>
      </c>
      <c r="EL15" s="281">
        <v>120</v>
      </c>
      <c r="EM15" s="281">
        <v>79</v>
      </c>
      <c r="EN15" s="278">
        <v>516</v>
      </c>
      <c r="EO15" s="283">
        <v>607</v>
      </c>
      <c r="EP15" s="277">
        <v>677</v>
      </c>
      <c r="EQ15" s="281">
        <v>945</v>
      </c>
      <c r="ER15" s="278">
        <v>1622</v>
      </c>
      <c r="ES15" s="280">
        <v>0</v>
      </c>
      <c r="ET15" s="281">
        <v>1432</v>
      </c>
      <c r="EU15" s="281">
        <v>1193</v>
      </c>
      <c r="EV15" s="281">
        <v>785</v>
      </c>
      <c r="EW15" s="281">
        <v>621</v>
      </c>
      <c r="EX15" s="281">
        <v>344</v>
      </c>
      <c r="EY15" s="278">
        <v>4375</v>
      </c>
      <c r="EZ15" s="283">
        <v>5997</v>
      </c>
    </row>
    <row r="16" spans="2:156" ht="19.8" customHeight="1" x14ac:dyDescent="0.2">
      <c r="B16" s="262" t="s">
        <v>13</v>
      </c>
      <c r="C16" s="277">
        <v>0</v>
      </c>
      <c r="D16" s="281">
        <v>0</v>
      </c>
      <c r="E16" s="385">
        <v>0</v>
      </c>
      <c r="F16" s="280">
        <v>0</v>
      </c>
      <c r="G16" s="281">
        <v>217</v>
      </c>
      <c r="H16" s="281">
        <v>224</v>
      </c>
      <c r="I16" s="281">
        <v>141</v>
      </c>
      <c r="J16" s="281">
        <v>116</v>
      </c>
      <c r="K16" s="281">
        <v>105</v>
      </c>
      <c r="L16" s="282">
        <v>803</v>
      </c>
      <c r="M16" s="283">
        <v>803</v>
      </c>
      <c r="N16" s="277">
        <v>1</v>
      </c>
      <c r="O16" s="281">
        <v>0</v>
      </c>
      <c r="P16" s="278">
        <v>1</v>
      </c>
      <c r="Q16" s="280">
        <v>0</v>
      </c>
      <c r="R16" s="281">
        <v>0</v>
      </c>
      <c r="S16" s="281">
        <v>4</v>
      </c>
      <c r="T16" s="281">
        <v>6</v>
      </c>
      <c r="U16" s="281">
        <v>16</v>
      </c>
      <c r="V16" s="281">
        <v>30</v>
      </c>
      <c r="W16" s="278">
        <v>56</v>
      </c>
      <c r="X16" s="283">
        <v>57</v>
      </c>
      <c r="Y16" s="277">
        <v>9</v>
      </c>
      <c r="Z16" s="281">
        <v>22</v>
      </c>
      <c r="AA16" s="278">
        <v>31</v>
      </c>
      <c r="AB16" s="280">
        <v>0</v>
      </c>
      <c r="AC16" s="281">
        <v>95</v>
      </c>
      <c r="AD16" s="281">
        <v>123</v>
      </c>
      <c r="AE16" s="281">
        <v>90</v>
      </c>
      <c r="AF16" s="281">
        <v>93</v>
      </c>
      <c r="AG16" s="281">
        <v>87</v>
      </c>
      <c r="AH16" s="278">
        <v>488</v>
      </c>
      <c r="AI16" s="283">
        <v>519</v>
      </c>
      <c r="AJ16" s="277">
        <v>3</v>
      </c>
      <c r="AK16" s="281">
        <v>6</v>
      </c>
      <c r="AL16" s="278">
        <v>9</v>
      </c>
      <c r="AM16" s="280">
        <v>0</v>
      </c>
      <c r="AN16" s="281">
        <v>17</v>
      </c>
      <c r="AO16" s="281">
        <v>26</v>
      </c>
      <c r="AP16" s="281">
        <v>9</v>
      </c>
      <c r="AQ16" s="281">
        <v>14</v>
      </c>
      <c r="AR16" s="281">
        <v>6</v>
      </c>
      <c r="AS16" s="278">
        <v>72</v>
      </c>
      <c r="AT16" s="283">
        <v>81</v>
      </c>
      <c r="AU16" s="277">
        <v>36</v>
      </c>
      <c r="AV16" s="281">
        <v>34</v>
      </c>
      <c r="AW16" s="278">
        <v>70</v>
      </c>
      <c r="AX16" s="280">
        <v>0</v>
      </c>
      <c r="AY16" s="281">
        <v>174</v>
      </c>
      <c r="AZ16" s="281">
        <v>175</v>
      </c>
      <c r="BA16" s="281">
        <v>188</v>
      </c>
      <c r="BB16" s="281">
        <v>179</v>
      </c>
      <c r="BC16" s="281">
        <v>139</v>
      </c>
      <c r="BD16" s="282">
        <v>855</v>
      </c>
      <c r="BE16" s="283">
        <v>925</v>
      </c>
      <c r="BF16" s="277">
        <v>0</v>
      </c>
      <c r="BG16" s="281">
        <v>0</v>
      </c>
      <c r="BH16" s="278">
        <v>0</v>
      </c>
      <c r="BI16" s="280">
        <v>0</v>
      </c>
      <c r="BJ16" s="281">
        <v>189</v>
      </c>
      <c r="BK16" s="281">
        <v>171</v>
      </c>
      <c r="BL16" s="281">
        <v>109</v>
      </c>
      <c r="BM16" s="281">
        <v>67</v>
      </c>
      <c r="BN16" s="281">
        <v>33</v>
      </c>
      <c r="BO16" s="278">
        <v>569</v>
      </c>
      <c r="BP16" s="283">
        <v>569</v>
      </c>
      <c r="BQ16" s="277">
        <v>12</v>
      </c>
      <c r="BR16" s="281">
        <v>27</v>
      </c>
      <c r="BS16" s="278">
        <v>39</v>
      </c>
      <c r="BT16" s="280">
        <v>0</v>
      </c>
      <c r="BU16" s="281">
        <v>32</v>
      </c>
      <c r="BV16" s="281">
        <v>37</v>
      </c>
      <c r="BW16" s="281">
        <v>30</v>
      </c>
      <c r="BX16" s="281">
        <v>22</v>
      </c>
      <c r="BY16" s="281">
        <v>14</v>
      </c>
      <c r="BZ16" s="278">
        <v>135</v>
      </c>
      <c r="CA16" s="283">
        <v>174</v>
      </c>
      <c r="CB16" s="277">
        <v>0</v>
      </c>
      <c r="CC16" s="281">
        <v>0</v>
      </c>
      <c r="CD16" s="278">
        <v>0</v>
      </c>
      <c r="CE16" s="280">
        <v>0</v>
      </c>
      <c r="CF16" s="281">
        <v>15</v>
      </c>
      <c r="CG16" s="281">
        <v>29</v>
      </c>
      <c r="CH16" s="281">
        <v>43</v>
      </c>
      <c r="CI16" s="281">
        <v>39</v>
      </c>
      <c r="CJ16" s="281">
        <v>28</v>
      </c>
      <c r="CK16" s="278">
        <v>154</v>
      </c>
      <c r="CL16" s="283">
        <v>154</v>
      </c>
      <c r="CM16" s="277">
        <v>0</v>
      </c>
      <c r="CN16" s="281">
        <v>0</v>
      </c>
      <c r="CO16" s="278">
        <v>0</v>
      </c>
      <c r="CP16" s="280">
        <v>0</v>
      </c>
      <c r="CQ16" s="281">
        <v>2</v>
      </c>
      <c r="CR16" s="281">
        <v>5</v>
      </c>
      <c r="CS16" s="281">
        <v>3</v>
      </c>
      <c r="CT16" s="281">
        <v>5</v>
      </c>
      <c r="CU16" s="281">
        <v>2</v>
      </c>
      <c r="CV16" s="278">
        <v>17</v>
      </c>
      <c r="CW16" s="283">
        <v>17</v>
      </c>
      <c r="CX16" s="277">
        <v>0</v>
      </c>
      <c r="CY16" s="281">
        <v>0</v>
      </c>
      <c r="CZ16" s="278">
        <v>0</v>
      </c>
      <c r="DA16" s="280">
        <v>0</v>
      </c>
      <c r="DB16" s="281">
        <v>0</v>
      </c>
      <c r="DC16" s="281">
        <v>0</v>
      </c>
      <c r="DD16" s="281">
        <v>0</v>
      </c>
      <c r="DE16" s="281">
        <v>0</v>
      </c>
      <c r="DF16" s="281">
        <v>0</v>
      </c>
      <c r="DG16" s="278">
        <v>0</v>
      </c>
      <c r="DH16" s="283">
        <v>0</v>
      </c>
      <c r="DI16" s="277">
        <v>0</v>
      </c>
      <c r="DJ16" s="281">
        <v>0</v>
      </c>
      <c r="DK16" s="278">
        <v>0</v>
      </c>
      <c r="DL16" s="280">
        <v>0</v>
      </c>
      <c r="DM16" s="281">
        <v>0</v>
      </c>
      <c r="DN16" s="281">
        <v>0</v>
      </c>
      <c r="DO16" s="281">
        <v>0</v>
      </c>
      <c r="DP16" s="281">
        <v>0</v>
      </c>
      <c r="DQ16" s="281">
        <v>0</v>
      </c>
      <c r="DR16" s="278">
        <v>0</v>
      </c>
      <c r="DS16" s="283">
        <v>0</v>
      </c>
      <c r="DT16" s="277">
        <v>68</v>
      </c>
      <c r="DU16" s="281">
        <v>164</v>
      </c>
      <c r="DV16" s="278">
        <v>232</v>
      </c>
      <c r="DW16" s="280">
        <v>0</v>
      </c>
      <c r="DX16" s="281">
        <v>255</v>
      </c>
      <c r="DY16" s="281">
        <v>391</v>
      </c>
      <c r="DZ16" s="281">
        <v>228</v>
      </c>
      <c r="EA16" s="281">
        <v>207</v>
      </c>
      <c r="EB16" s="281">
        <v>141</v>
      </c>
      <c r="EC16" s="278">
        <v>1222</v>
      </c>
      <c r="ED16" s="283">
        <v>1454</v>
      </c>
      <c r="EE16" s="277">
        <v>28</v>
      </c>
      <c r="EF16" s="281">
        <v>20</v>
      </c>
      <c r="EG16" s="278">
        <v>48</v>
      </c>
      <c r="EH16" s="280">
        <v>0</v>
      </c>
      <c r="EI16" s="281">
        <v>87</v>
      </c>
      <c r="EJ16" s="281">
        <v>61</v>
      </c>
      <c r="EK16" s="281">
        <v>73</v>
      </c>
      <c r="EL16" s="281">
        <v>64</v>
      </c>
      <c r="EM16" s="281">
        <v>44</v>
      </c>
      <c r="EN16" s="278">
        <v>329</v>
      </c>
      <c r="EO16" s="283">
        <v>377</v>
      </c>
      <c r="EP16" s="277">
        <v>90</v>
      </c>
      <c r="EQ16" s="281">
        <v>195</v>
      </c>
      <c r="ER16" s="278">
        <v>285</v>
      </c>
      <c r="ES16" s="280">
        <v>0</v>
      </c>
      <c r="ET16" s="281">
        <v>555</v>
      </c>
      <c r="EU16" s="281">
        <v>524</v>
      </c>
      <c r="EV16" s="281">
        <v>302</v>
      </c>
      <c r="EW16" s="281">
        <v>232</v>
      </c>
      <c r="EX16" s="281">
        <v>163</v>
      </c>
      <c r="EY16" s="278">
        <v>1776</v>
      </c>
      <c r="EZ16" s="283">
        <v>2061</v>
      </c>
    </row>
    <row r="17" spans="2:156" ht="19.8" customHeight="1" x14ac:dyDescent="0.2">
      <c r="B17" s="262" t="s">
        <v>15</v>
      </c>
      <c r="C17" s="277">
        <v>0</v>
      </c>
      <c r="D17" s="281">
        <v>0</v>
      </c>
      <c r="E17" s="385">
        <v>0</v>
      </c>
      <c r="F17" s="280">
        <v>0</v>
      </c>
      <c r="G17" s="281">
        <v>116</v>
      </c>
      <c r="H17" s="281">
        <v>158</v>
      </c>
      <c r="I17" s="281">
        <v>74</v>
      </c>
      <c r="J17" s="281">
        <v>37</v>
      </c>
      <c r="K17" s="281">
        <v>48</v>
      </c>
      <c r="L17" s="282">
        <v>433</v>
      </c>
      <c r="M17" s="283">
        <v>433</v>
      </c>
      <c r="N17" s="277">
        <v>0</v>
      </c>
      <c r="O17" s="281">
        <v>0</v>
      </c>
      <c r="P17" s="278">
        <v>0</v>
      </c>
      <c r="Q17" s="280">
        <v>0</v>
      </c>
      <c r="R17" s="281">
        <v>1</v>
      </c>
      <c r="S17" s="281">
        <v>8</v>
      </c>
      <c r="T17" s="281">
        <v>6</v>
      </c>
      <c r="U17" s="281">
        <v>16</v>
      </c>
      <c r="V17" s="281">
        <v>30</v>
      </c>
      <c r="W17" s="278">
        <v>61</v>
      </c>
      <c r="X17" s="283">
        <v>61</v>
      </c>
      <c r="Y17" s="277">
        <v>3</v>
      </c>
      <c r="Z17" s="281">
        <v>12</v>
      </c>
      <c r="AA17" s="278">
        <v>15</v>
      </c>
      <c r="AB17" s="280">
        <v>0</v>
      </c>
      <c r="AC17" s="281">
        <v>39</v>
      </c>
      <c r="AD17" s="281">
        <v>77</v>
      </c>
      <c r="AE17" s="281">
        <v>45</v>
      </c>
      <c r="AF17" s="281">
        <v>38</v>
      </c>
      <c r="AG17" s="281">
        <v>44</v>
      </c>
      <c r="AH17" s="278">
        <v>243</v>
      </c>
      <c r="AI17" s="283">
        <v>258</v>
      </c>
      <c r="AJ17" s="277">
        <v>0</v>
      </c>
      <c r="AK17" s="281">
        <v>1</v>
      </c>
      <c r="AL17" s="278">
        <v>1</v>
      </c>
      <c r="AM17" s="280">
        <v>0</v>
      </c>
      <c r="AN17" s="281">
        <v>7</v>
      </c>
      <c r="AO17" s="281">
        <v>12</v>
      </c>
      <c r="AP17" s="281">
        <v>6</v>
      </c>
      <c r="AQ17" s="281">
        <v>4</v>
      </c>
      <c r="AR17" s="281">
        <v>6</v>
      </c>
      <c r="AS17" s="278">
        <v>35</v>
      </c>
      <c r="AT17" s="283">
        <v>36</v>
      </c>
      <c r="AU17" s="277">
        <v>9</v>
      </c>
      <c r="AV17" s="281">
        <v>20</v>
      </c>
      <c r="AW17" s="278">
        <v>29</v>
      </c>
      <c r="AX17" s="280">
        <v>0</v>
      </c>
      <c r="AY17" s="281">
        <v>120</v>
      </c>
      <c r="AZ17" s="281">
        <v>107</v>
      </c>
      <c r="BA17" s="281">
        <v>100</v>
      </c>
      <c r="BB17" s="281">
        <v>94</v>
      </c>
      <c r="BC17" s="281">
        <v>73</v>
      </c>
      <c r="BD17" s="282">
        <v>494</v>
      </c>
      <c r="BE17" s="283">
        <v>523</v>
      </c>
      <c r="BF17" s="277">
        <v>0</v>
      </c>
      <c r="BG17" s="281">
        <v>0</v>
      </c>
      <c r="BH17" s="278">
        <v>0</v>
      </c>
      <c r="BI17" s="280">
        <v>0</v>
      </c>
      <c r="BJ17" s="281">
        <v>111</v>
      </c>
      <c r="BK17" s="281">
        <v>136</v>
      </c>
      <c r="BL17" s="281">
        <v>65</v>
      </c>
      <c r="BM17" s="281">
        <v>18</v>
      </c>
      <c r="BN17" s="281">
        <v>12</v>
      </c>
      <c r="BO17" s="278">
        <v>342</v>
      </c>
      <c r="BP17" s="283">
        <v>342</v>
      </c>
      <c r="BQ17" s="277">
        <v>1</v>
      </c>
      <c r="BR17" s="281">
        <v>5</v>
      </c>
      <c r="BS17" s="278">
        <v>6</v>
      </c>
      <c r="BT17" s="280">
        <v>0</v>
      </c>
      <c r="BU17" s="281">
        <v>33</v>
      </c>
      <c r="BV17" s="281">
        <v>37</v>
      </c>
      <c r="BW17" s="281">
        <v>26</v>
      </c>
      <c r="BX17" s="281">
        <v>14</v>
      </c>
      <c r="BY17" s="281">
        <v>6</v>
      </c>
      <c r="BZ17" s="278">
        <v>116</v>
      </c>
      <c r="CA17" s="283">
        <v>122</v>
      </c>
      <c r="CB17" s="277">
        <v>0</v>
      </c>
      <c r="CC17" s="281">
        <v>1</v>
      </c>
      <c r="CD17" s="278">
        <v>1</v>
      </c>
      <c r="CE17" s="280">
        <v>0</v>
      </c>
      <c r="CF17" s="281">
        <v>8</v>
      </c>
      <c r="CG17" s="281">
        <v>30</v>
      </c>
      <c r="CH17" s="281">
        <v>48</v>
      </c>
      <c r="CI17" s="281">
        <v>41</v>
      </c>
      <c r="CJ17" s="281">
        <v>19</v>
      </c>
      <c r="CK17" s="278">
        <v>146</v>
      </c>
      <c r="CL17" s="283">
        <v>147</v>
      </c>
      <c r="CM17" s="277">
        <v>0</v>
      </c>
      <c r="CN17" s="281">
        <v>0</v>
      </c>
      <c r="CO17" s="278">
        <v>0</v>
      </c>
      <c r="CP17" s="280">
        <v>0</v>
      </c>
      <c r="CQ17" s="281">
        <v>4</v>
      </c>
      <c r="CR17" s="281">
        <v>4</v>
      </c>
      <c r="CS17" s="281">
        <v>4</v>
      </c>
      <c r="CT17" s="281">
        <v>4</v>
      </c>
      <c r="CU17" s="281">
        <v>1</v>
      </c>
      <c r="CV17" s="278">
        <v>17</v>
      </c>
      <c r="CW17" s="283">
        <v>17</v>
      </c>
      <c r="CX17" s="277">
        <v>0</v>
      </c>
      <c r="CY17" s="281">
        <v>0</v>
      </c>
      <c r="CZ17" s="278">
        <v>0</v>
      </c>
      <c r="DA17" s="280">
        <v>0</v>
      </c>
      <c r="DB17" s="281">
        <v>0</v>
      </c>
      <c r="DC17" s="281">
        <v>0</v>
      </c>
      <c r="DD17" s="281">
        <v>0</v>
      </c>
      <c r="DE17" s="281">
        <v>0</v>
      </c>
      <c r="DF17" s="281">
        <v>0</v>
      </c>
      <c r="DG17" s="278">
        <v>0</v>
      </c>
      <c r="DH17" s="283">
        <v>0</v>
      </c>
      <c r="DI17" s="277">
        <v>0</v>
      </c>
      <c r="DJ17" s="281">
        <v>0</v>
      </c>
      <c r="DK17" s="278">
        <v>0</v>
      </c>
      <c r="DL17" s="280">
        <v>0</v>
      </c>
      <c r="DM17" s="281">
        <v>0</v>
      </c>
      <c r="DN17" s="281">
        <v>0</v>
      </c>
      <c r="DO17" s="281">
        <v>0</v>
      </c>
      <c r="DP17" s="281">
        <v>0</v>
      </c>
      <c r="DQ17" s="281">
        <v>0</v>
      </c>
      <c r="DR17" s="278">
        <v>0</v>
      </c>
      <c r="DS17" s="283">
        <v>0</v>
      </c>
      <c r="DT17" s="277">
        <v>62</v>
      </c>
      <c r="DU17" s="281">
        <v>168</v>
      </c>
      <c r="DV17" s="278">
        <v>230</v>
      </c>
      <c r="DW17" s="280">
        <v>0</v>
      </c>
      <c r="DX17" s="281">
        <v>201</v>
      </c>
      <c r="DY17" s="281">
        <v>349</v>
      </c>
      <c r="DZ17" s="281">
        <v>174</v>
      </c>
      <c r="EA17" s="281">
        <v>119</v>
      </c>
      <c r="EB17" s="281">
        <v>82</v>
      </c>
      <c r="EC17" s="278">
        <v>925</v>
      </c>
      <c r="ED17" s="283">
        <v>1155</v>
      </c>
      <c r="EE17" s="277">
        <v>16</v>
      </c>
      <c r="EF17" s="281">
        <v>14</v>
      </c>
      <c r="EG17" s="278">
        <v>30</v>
      </c>
      <c r="EH17" s="280">
        <v>0</v>
      </c>
      <c r="EI17" s="281">
        <v>56</v>
      </c>
      <c r="EJ17" s="281">
        <v>33</v>
      </c>
      <c r="EK17" s="281">
        <v>32</v>
      </c>
      <c r="EL17" s="281">
        <v>36</v>
      </c>
      <c r="EM17" s="281">
        <v>20</v>
      </c>
      <c r="EN17" s="278">
        <v>177</v>
      </c>
      <c r="EO17" s="283">
        <v>207</v>
      </c>
      <c r="EP17" s="277">
        <v>62</v>
      </c>
      <c r="EQ17" s="281">
        <v>169</v>
      </c>
      <c r="ER17" s="278">
        <v>231</v>
      </c>
      <c r="ES17" s="280">
        <v>0</v>
      </c>
      <c r="ET17" s="281">
        <v>381</v>
      </c>
      <c r="EU17" s="281">
        <v>472</v>
      </c>
      <c r="EV17" s="281">
        <v>221</v>
      </c>
      <c r="EW17" s="281">
        <v>142</v>
      </c>
      <c r="EX17" s="281">
        <v>91</v>
      </c>
      <c r="EY17" s="278">
        <v>1307</v>
      </c>
      <c r="EZ17" s="283">
        <v>1538</v>
      </c>
    </row>
    <row r="18" spans="2:156" ht="19.8" customHeight="1" x14ac:dyDescent="0.2">
      <c r="B18" s="262" t="s">
        <v>16</v>
      </c>
      <c r="C18" s="277">
        <v>0</v>
      </c>
      <c r="D18" s="281">
        <v>0</v>
      </c>
      <c r="E18" s="385">
        <v>0</v>
      </c>
      <c r="F18" s="280">
        <v>0</v>
      </c>
      <c r="G18" s="281">
        <v>216</v>
      </c>
      <c r="H18" s="281">
        <v>294</v>
      </c>
      <c r="I18" s="281">
        <v>175</v>
      </c>
      <c r="J18" s="281">
        <v>134</v>
      </c>
      <c r="K18" s="281">
        <v>93</v>
      </c>
      <c r="L18" s="282">
        <v>912</v>
      </c>
      <c r="M18" s="283">
        <v>912</v>
      </c>
      <c r="N18" s="277">
        <v>0</v>
      </c>
      <c r="O18" s="281">
        <v>0</v>
      </c>
      <c r="P18" s="278">
        <v>0</v>
      </c>
      <c r="Q18" s="280">
        <v>0</v>
      </c>
      <c r="R18" s="281">
        <v>0</v>
      </c>
      <c r="S18" s="281">
        <v>11</v>
      </c>
      <c r="T18" s="281">
        <v>14</v>
      </c>
      <c r="U18" s="281">
        <v>32</v>
      </c>
      <c r="V18" s="281">
        <v>52</v>
      </c>
      <c r="W18" s="278">
        <v>109</v>
      </c>
      <c r="X18" s="283">
        <v>109</v>
      </c>
      <c r="Y18" s="277">
        <v>23</v>
      </c>
      <c r="Z18" s="281">
        <v>58</v>
      </c>
      <c r="AA18" s="278">
        <v>81</v>
      </c>
      <c r="AB18" s="280">
        <v>0</v>
      </c>
      <c r="AC18" s="281">
        <v>152</v>
      </c>
      <c r="AD18" s="281">
        <v>267</v>
      </c>
      <c r="AE18" s="281">
        <v>170</v>
      </c>
      <c r="AF18" s="281">
        <v>139</v>
      </c>
      <c r="AG18" s="281">
        <v>106</v>
      </c>
      <c r="AH18" s="278">
        <v>834</v>
      </c>
      <c r="AI18" s="283">
        <v>915</v>
      </c>
      <c r="AJ18" s="277">
        <v>0</v>
      </c>
      <c r="AK18" s="281">
        <v>10</v>
      </c>
      <c r="AL18" s="278">
        <v>10</v>
      </c>
      <c r="AM18" s="280">
        <v>0</v>
      </c>
      <c r="AN18" s="281">
        <v>8</v>
      </c>
      <c r="AO18" s="281">
        <v>20</v>
      </c>
      <c r="AP18" s="281">
        <v>24</v>
      </c>
      <c r="AQ18" s="281">
        <v>9</v>
      </c>
      <c r="AR18" s="281">
        <v>10</v>
      </c>
      <c r="AS18" s="278">
        <v>71</v>
      </c>
      <c r="AT18" s="283">
        <v>81</v>
      </c>
      <c r="AU18" s="277">
        <v>40</v>
      </c>
      <c r="AV18" s="281">
        <v>24</v>
      </c>
      <c r="AW18" s="278">
        <v>64</v>
      </c>
      <c r="AX18" s="280">
        <v>0</v>
      </c>
      <c r="AY18" s="281">
        <v>210</v>
      </c>
      <c r="AZ18" s="281">
        <v>249</v>
      </c>
      <c r="BA18" s="281">
        <v>266</v>
      </c>
      <c r="BB18" s="281">
        <v>281</v>
      </c>
      <c r="BC18" s="281">
        <v>222</v>
      </c>
      <c r="BD18" s="282">
        <v>1228</v>
      </c>
      <c r="BE18" s="283">
        <v>1292</v>
      </c>
      <c r="BF18" s="277">
        <v>0</v>
      </c>
      <c r="BG18" s="281">
        <v>0</v>
      </c>
      <c r="BH18" s="278">
        <v>0</v>
      </c>
      <c r="BI18" s="280">
        <v>0</v>
      </c>
      <c r="BJ18" s="281">
        <v>298</v>
      </c>
      <c r="BK18" s="281">
        <v>405</v>
      </c>
      <c r="BL18" s="281">
        <v>258</v>
      </c>
      <c r="BM18" s="281">
        <v>158</v>
      </c>
      <c r="BN18" s="281">
        <v>86</v>
      </c>
      <c r="BO18" s="278">
        <v>1205</v>
      </c>
      <c r="BP18" s="283">
        <v>1205</v>
      </c>
      <c r="BQ18" s="277">
        <v>49</v>
      </c>
      <c r="BR18" s="281">
        <v>91</v>
      </c>
      <c r="BS18" s="278">
        <v>140</v>
      </c>
      <c r="BT18" s="280">
        <v>0</v>
      </c>
      <c r="BU18" s="281">
        <v>170</v>
      </c>
      <c r="BV18" s="281">
        <v>259</v>
      </c>
      <c r="BW18" s="281">
        <v>116</v>
      </c>
      <c r="BX18" s="281">
        <v>67</v>
      </c>
      <c r="BY18" s="281">
        <v>23</v>
      </c>
      <c r="BZ18" s="278">
        <v>635</v>
      </c>
      <c r="CA18" s="283">
        <v>775</v>
      </c>
      <c r="CB18" s="277">
        <v>0</v>
      </c>
      <c r="CC18" s="281">
        <v>1</v>
      </c>
      <c r="CD18" s="278">
        <v>1</v>
      </c>
      <c r="CE18" s="280">
        <v>0</v>
      </c>
      <c r="CF18" s="281">
        <v>35</v>
      </c>
      <c r="CG18" s="281">
        <v>75</v>
      </c>
      <c r="CH18" s="281">
        <v>108</v>
      </c>
      <c r="CI18" s="281">
        <v>61</v>
      </c>
      <c r="CJ18" s="281">
        <v>29</v>
      </c>
      <c r="CK18" s="278">
        <v>308</v>
      </c>
      <c r="CL18" s="283">
        <v>309</v>
      </c>
      <c r="CM18" s="277">
        <v>0</v>
      </c>
      <c r="CN18" s="281">
        <v>0</v>
      </c>
      <c r="CO18" s="278">
        <v>0</v>
      </c>
      <c r="CP18" s="280">
        <v>0</v>
      </c>
      <c r="CQ18" s="281">
        <v>2</v>
      </c>
      <c r="CR18" s="281">
        <v>5</v>
      </c>
      <c r="CS18" s="281">
        <v>9</v>
      </c>
      <c r="CT18" s="281">
        <v>9</v>
      </c>
      <c r="CU18" s="281">
        <v>4</v>
      </c>
      <c r="CV18" s="278">
        <v>29</v>
      </c>
      <c r="CW18" s="283">
        <v>29</v>
      </c>
      <c r="CX18" s="277">
        <v>0</v>
      </c>
      <c r="CY18" s="281">
        <v>0</v>
      </c>
      <c r="CZ18" s="278">
        <v>0</v>
      </c>
      <c r="DA18" s="280">
        <v>0</v>
      </c>
      <c r="DB18" s="281">
        <v>0</v>
      </c>
      <c r="DC18" s="281">
        <v>0</v>
      </c>
      <c r="DD18" s="281">
        <v>0</v>
      </c>
      <c r="DE18" s="281">
        <v>0</v>
      </c>
      <c r="DF18" s="281">
        <v>0</v>
      </c>
      <c r="DG18" s="278">
        <v>0</v>
      </c>
      <c r="DH18" s="283">
        <v>0</v>
      </c>
      <c r="DI18" s="277">
        <v>0</v>
      </c>
      <c r="DJ18" s="281">
        <v>0</v>
      </c>
      <c r="DK18" s="278">
        <v>0</v>
      </c>
      <c r="DL18" s="280">
        <v>0</v>
      </c>
      <c r="DM18" s="281">
        <v>0</v>
      </c>
      <c r="DN18" s="281">
        <v>0</v>
      </c>
      <c r="DO18" s="281">
        <v>0</v>
      </c>
      <c r="DP18" s="281">
        <v>0</v>
      </c>
      <c r="DQ18" s="281">
        <v>0</v>
      </c>
      <c r="DR18" s="278">
        <v>0</v>
      </c>
      <c r="DS18" s="283">
        <v>0</v>
      </c>
      <c r="DT18" s="277">
        <v>157</v>
      </c>
      <c r="DU18" s="281">
        <v>309</v>
      </c>
      <c r="DV18" s="278">
        <v>466</v>
      </c>
      <c r="DW18" s="280">
        <v>0</v>
      </c>
      <c r="DX18" s="281">
        <v>397</v>
      </c>
      <c r="DY18" s="281">
        <v>854</v>
      </c>
      <c r="DZ18" s="281">
        <v>502</v>
      </c>
      <c r="EA18" s="281">
        <v>371</v>
      </c>
      <c r="EB18" s="281">
        <v>226</v>
      </c>
      <c r="EC18" s="278">
        <v>2350</v>
      </c>
      <c r="ED18" s="283">
        <v>2816</v>
      </c>
      <c r="EE18" s="277">
        <v>28</v>
      </c>
      <c r="EF18" s="281">
        <v>17</v>
      </c>
      <c r="EG18" s="278">
        <v>45</v>
      </c>
      <c r="EH18" s="280">
        <v>0</v>
      </c>
      <c r="EI18" s="281">
        <v>98</v>
      </c>
      <c r="EJ18" s="281">
        <v>101</v>
      </c>
      <c r="EK18" s="281">
        <v>88</v>
      </c>
      <c r="EL18" s="281">
        <v>109</v>
      </c>
      <c r="EM18" s="281">
        <v>90</v>
      </c>
      <c r="EN18" s="278">
        <v>486</v>
      </c>
      <c r="EO18" s="283">
        <v>531</v>
      </c>
      <c r="EP18" s="277">
        <v>206</v>
      </c>
      <c r="EQ18" s="281">
        <v>384</v>
      </c>
      <c r="ER18" s="278">
        <v>590</v>
      </c>
      <c r="ES18" s="280">
        <v>0</v>
      </c>
      <c r="ET18" s="281">
        <v>851</v>
      </c>
      <c r="EU18" s="281">
        <v>1153</v>
      </c>
      <c r="EV18" s="281">
        <v>602</v>
      </c>
      <c r="EW18" s="281">
        <v>397</v>
      </c>
      <c r="EX18" s="281">
        <v>227</v>
      </c>
      <c r="EY18" s="278">
        <v>3230</v>
      </c>
      <c r="EZ18" s="283">
        <v>3820</v>
      </c>
    </row>
    <row r="19" spans="2:156" ht="19.8" customHeight="1" x14ac:dyDescent="0.2">
      <c r="B19" s="262" t="s">
        <v>17</v>
      </c>
      <c r="C19" s="277">
        <v>0</v>
      </c>
      <c r="D19" s="281">
        <v>0</v>
      </c>
      <c r="E19" s="385">
        <v>0</v>
      </c>
      <c r="F19" s="280">
        <v>0</v>
      </c>
      <c r="G19" s="281">
        <v>241</v>
      </c>
      <c r="H19" s="281">
        <v>452</v>
      </c>
      <c r="I19" s="281">
        <v>266</v>
      </c>
      <c r="J19" s="281">
        <v>204</v>
      </c>
      <c r="K19" s="281">
        <v>172</v>
      </c>
      <c r="L19" s="282">
        <v>1335</v>
      </c>
      <c r="M19" s="283">
        <v>1335</v>
      </c>
      <c r="N19" s="277">
        <v>0</v>
      </c>
      <c r="O19" s="281">
        <v>1</v>
      </c>
      <c r="P19" s="278">
        <v>1</v>
      </c>
      <c r="Q19" s="280">
        <v>0</v>
      </c>
      <c r="R19" s="281">
        <v>1</v>
      </c>
      <c r="S19" s="281">
        <v>6</v>
      </c>
      <c r="T19" s="281">
        <v>20</v>
      </c>
      <c r="U19" s="281">
        <v>43</v>
      </c>
      <c r="V19" s="281">
        <v>77</v>
      </c>
      <c r="W19" s="278">
        <v>147</v>
      </c>
      <c r="X19" s="283">
        <v>148</v>
      </c>
      <c r="Y19" s="277">
        <v>27</v>
      </c>
      <c r="Z19" s="281">
        <v>86</v>
      </c>
      <c r="AA19" s="278">
        <v>113</v>
      </c>
      <c r="AB19" s="280">
        <v>0</v>
      </c>
      <c r="AC19" s="281">
        <v>172</v>
      </c>
      <c r="AD19" s="281">
        <v>303</v>
      </c>
      <c r="AE19" s="281">
        <v>203</v>
      </c>
      <c r="AF19" s="281">
        <v>184</v>
      </c>
      <c r="AG19" s="281">
        <v>151</v>
      </c>
      <c r="AH19" s="278">
        <v>1013</v>
      </c>
      <c r="AI19" s="283">
        <v>1126</v>
      </c>
      <c r="AJ19" s="277">
        <v>1</v>
      </c>
      <c r="AK19" s="281">
        <v>8</v>
      </c>
      <c r="AL19" s="278">
        <v>9</v>
      </c>
      <c r="AM19" s="280">
        <v>0</v>
      </c>
      <c r="AN19" s="281">
        <v>13</v>
      </c>
      <c r="AO19" s="281">
        <v>34</v>
      </c>
      <c r="AP19" s="281">
        <v>21</v>
      </c>
      <c r="AQ19" s="281">
        <v>20</v>
      </c>
      <c r="AR19" s="281">
        <v>10</v>
      </c>
      <c r="AS19" s="278">
        <v>98</v>
      </c>
      <c r="AT19" s="283">
        <v>107</v>
      </c>
      <c r="AU19" s="277">
        <v>39</v>
      </c>
      <c r="AV19" s="281">
        <v>54</v>
      </c>
      <c r="AW19" s="278">
        <v>93</v>
      </c>
      <c r="AX19" s="280">
        <v>0</v>
      </c>
      <c r="AY19" s="281">
        <v>272</v>
      </c>
      <c r="AZ19" s="281">
        <v>433</v>
      </c>
      <c r="BA19" s="281">
        <v>364</v>
      </c>
      <c r="BB19" s="281">
        <v>373</v>
      </c>
      <c r="BC19" s="281">
        <v>317</v>
      </c>
      <c r="BD19" s="282">
        <v>1759</v>
      </c>
      <c r="BE19" s="283">
        <v>1852</v>
      </c>
      <c r="BF19" s="277">
        <v>0</v>
      </c>
      <c r="BG19" s="281">
        <v>0</v>
      </c>
      <c r="BH19" s="278">
        <v>0</v>
      </c>
      <c r="BI19" s="280">
        <v>0</v>
      </c>
      <c r="BJ19" s="281">
        <v>363</v>
      </c>
      <c r="BK19" s="281">
        <v>539</v>
      </c>
      <c r="BL19" s="281">
        <v>297</v>
      </c>
      <c r="BM19" s="281">
        <v>175</v>
      </c>
      <c r="BN19" s="281">
        <v>86</v>
      </c>
      <c r="BO19" s="278">
        <v>1460</v>
      </c>
      <c r="BP19" s="283">
        <v>1460</v>
      </c>
      <c r="BQ19" s="277">
        <v>27</v>
      </c>
      <c r="BR19" s="281">
        <v>68</v>
      </c>
      <c r="BS19" s="278">
        <v>95</v>
      </c>
      <c r="BT19" s="280">
        <v>0</v>
      </c>
      <c r="BU19" s="281">
        <v>66</v>
      </c>
      <c r="BV19" s="281">
        <v>180</v>
      </c>
      <c r="BW19" s="281">
        <v>81</v>
      </c>
      <c r="BX19" s="281">
        <v>50</v>
      </c>
      <c r="BY19" s="281">
        <v>22</v>
      </c>
      <c r="BZ19" s="278">
        <v>399</v>
      </c>
      <c r="CA19" s="283">
        <v>494</v>
      </c>
      <c r="CB19" s="277">
        <v>2</v>
      </c>
      <c r="CC19" s="281">
        <v>1</v>
      </c>
      <c r="CD19" s="278">
        <v>3</v>
      </c>
      <c r="CE19" s="280">
        <v>0</v>
      </c>
      <c r="CF19" s="281">
        <v>43</v>
      </c>
      <c r="CG19" s="281">
        <v>90</v>
      </c>
      <c r="CH19" s="281">
        <v>80</v>
      </c>
      <c r="CI19" s="281">
        <v>78</v>
      </c>
      <c r="CJ19" s="281">
        <v>46</v>
      </c>
      <c r="CK19" s="278">
        <v>337</v>
      </c>
      <c r="CL19" s="283">
        <v>340</v>
      </c>
      <c r="CM19" s="277">
        <v>0</v>
      </c>
      <c r="CN19" s="281">
        <v>0</v>
      </c>
      <c r="CO19" s="278">
        <v>0</v>
      </c>
      <c r="CP19" s="280">
        <v>0</v>
      </c>
      <c r="CQ19" s="281">
        <v>7</v>
      </c>
      <c r="CR19" s="281">
        <v>16</v>
      </c>
      <c r="CS19" s="281">
        <v>8</v>
      </c>
      <c r="CT19" s="281">
        <v>13</v>
      </c>
      <c r="CU19" s="281">
        <v>10</v>
      </c>
      <c r="CV19" s="278">
        <v>54</v>
      </c>
      <c r="CW19" s="283">
        <v>54</v>
      </c>
      <c r="CX19" s="277">
        <v>0</v>
      </c>
      <c r="CY19" s="281">
        <v>0</v>
      </c>
      <c r="CZ19" s="278">
        <v>0</v>
      </c>
      <c r="DA19" s="280">
        <v>0</v>
      </c>
      <c r="DB19" s="281">
        <v>0</v>
      </c>
      <c r="DC19" s="281">
        <v>0</v>
      </c>
      <c r="DD19" s="281">
        <v>0</v>
      </c>
      <c r="DE19" s="281">
        <v>0</v>
      </c>
      <c r="DF19" s="281">
        <v>0</v>
      </c>
      <c r="DG19" s="278">
        <v>0</v>
      </c>
      <c r="DH19" s="283">
        <v>0</v>
      </c>
      <c r="DI19" s="277">
        <v>0</v>
      </c>
      <c r="DJ19" s="281">
        <v>0</v>
      </c>
      <c r="DK19" s="278">
        <v>0</v>
      </c>
      <c r="DL19" s="280">
        <v>0</v>
      </c>
      <c r="DM19" s="281">
        <v>0</v>
      </c>
      <c r="DN19" s="281">
        <v>0</v>
      </c>
      <c r="DO19" s="281">
        <v>0</v>
      </c>
      <c r="DP19" s="281">
        <v>0</v>
      </c>
      <c r="DQ19" s="281">
        <v>0</v>
      </c>
      <c r="DR19" s="278">
        <v>0</v>
      </c>
      <c r="DS19" s="283">
        <v>0</v>
      </c>
      <c r="DT19" s="277">
        <v>188</v>
      </c>
      <c r="DU19" s="281">
        <v>464</v>
      </c>
      <c r="DV19" s="278">
        <v>652</v>
      </c>
      <c r="DW19" s="280">
        <v>0</v>
      </c>
      <c r="DX19" s="281">
        <v>422</v>
      </c>
      <c r="DY19" s="281">
        <v>1128</v>
      </c>
      <c r="DZ19" s="281">
        <v>644</v>
      </c>
      <c r="EA19" s="281">
        <v>543</v>
      </c>
      <c r="EB19" s="281">
        <v>359</v>
      </c>
      <c r="EC19" s="278">
        <v>3096</v>
      </c>
      <c r="ED19" s="283">
        <v>3748</v>
      </c>
      <c r="EE19" s="277">
        <v>27</v>
      </c>
      <c r="EF19" s="281">
        <v>35</v>
      </c>
      <c r="EG19" s="278">
        <v>62</v>
      </c>
      <c r="EH19" s="280">
        <v>0</v>
      </c>
      <c r="EI19" s="281">
        <v>103</v>
      </c>
      <c r="EJ19" s="281">
        <v>91</v>
      </c>
      <c r="EK19" s="281">
        <v>83</v>
      </c>
      <c r="EL19" s="281">
        <v>89</v>
      </c>
      <c r="EM19" s="281">
        <v>55</v>
      </c>
      <c r="EN19" s="278">
        <v>421</v>
      </c>
      <c r="EO19" s="283">
        <v>483</v>
      </c>
      <c r="EP19" s="277">
        <v>231</v>
      </c>
      <c r="EQ19" s="281">
        <v>540</v>
      </c>
      <c r="ER19" s="278">
        <v>771</v>
      </c>
      <c r="ES19" s="280">
        <v>0</v>
      </c>
      <c r="ET19" s="281">
        <v>961</v>
      </c>
      <c r="EU19" s="281">
        <v>1482</v>
      </c>
      <c r="EV19" s="281">
        <v>771</v>
      </c>
      <c r="EW19" s="281">
        <v>567</v>
      </c>
      <c r="EX19" s="281">
        <v>368</v>
      </c>
      <c r="EY19" s="278">
        <v>4149</v>
      </c>
      <c r="EZ19" s="283">
        <v>4920</v>
      </c>
    </row>
    <row r="20" spans="2:156" ht="19.8" customHeight="1" x14ac:dyDescent="0.2">
      <c r="B20" s="262" t="s">
        <v>18</v>
      </c>
      <c r="C20" s="277">
        <v>0</v>
      </c>
      <c r="D20" s="281">
        <v>0</v>
      </c>
      <c r="E20" s="385">
        <v>0</v>
      </c>
      <c r="F20" s="280">
        <v>0</v>
      </c>
      <c r="G20" s="281">
        <v>473</v>
      </c>
      <c r="H20" s="281">
        <v>507</v>
      </c>
      <c r="I20" s="281">
        <v>269</v>
      </c>
      <c r="J20" s="281">
        <v>237</v>
      </c>
      <c r="K20" s="281">
        <v>170</v>
      </c>
      <c r="L20" s="282">
        <v>1656</v>
      </c>
      <c r="M20" s="283">
        <v>1656</v>
      </c>
      <c r="N20" s="277">
        <v>0</v>
      </c>
      <c r="O20" s="281">
        <v>0</v>
      </c>
      <c r="P20" s="278">
        <v>0</v>
      </c>
      <c r="Q20" s="280">
        <v>0</v>
      </c>
      <c r="R20" s="281">
        <v>5</v>
      </c>
      <c r="S20" s="281">
        <v>14</v>
      </c>
      <c r="T20" s="281">
        <v>20</v>
      </c>
      <c r="U20" s="281">
        <v>39</v>
      </c>
      <c r="V20" s="281">
        <v>75</v>
      </c>
      <c r="W20" s="278">
        <v>153</v>
      </c>
      <c r="X20" s="283">
        <v>153</v>
      </c>
      <c r="Y20" s="277">
        <v>45</v>
      </c>
      <c r="Z20" s="281">
        <v>96</v>
      </c>
      <c r="AA20" s="278">
        <v>141</v>
      </c>
      <c r="AB20" s="280">
        <v>0</v>
      </c>
      <c r="AC20" s="281">
        <v>323</v>
      </c>
      <c r="AD20" s="281">
        <v>327</v>
      </c>
      <c r="AE20" s="281">
        <v>216</v>
      </c>
      <c r="AF20" s="281">
        <v>187</v>
      </c>
      <c r="AG20" s="281">
        <v>155</v>
      </c>
      <c r="AH20" s="278">
        <v>1208</v>
      </c>
      <c r="AI20" s="283">
        <v>1349</v>
      </c>
      <c r="AJ20" s="277">
        <v>8</v>
      </c>
      <c r="AK20" s="281">
        <v>6</v>
      </c>
      <c r="AL20" s="278">
        <v>14</v>
      </c>
      <c r="AM20" s="280">
        <v>0</v>
      </c>
      <c r="AN20" s="281">
        <v>30</v>
      </c>
      <c r="AO20" s="281">
        <v>40</v>
      </c>
      <c r="AP20" s="281">
        <v>31</v>
      </c>
      <c r="AQ20" s="281">
        <v>30</v>
      </c>
      <c r="AR20" s="281">
        <v>15</v>
      </c>
      <c r="AS20" s="278">
        <v>146</v>
      </c>
      <c r="AT20" s="283">
        <v>160</v>
      </c>
      <c r="AU20" s="277">
        <v>55</v>
      </c>
      <c r="AV20" s="281">
        <v>68</v>
      </c>
      <c r="AW20" s="278">
        <v>123</v>
      </c>
      <c r="AX20" s="280">
        <v>0</v>
      </c>
      <c r="AY20" s="281">
        <v>444</v>
      </c>
      <c r="AZ20" s="281">
        <v>504</v>
      </c>
      <c r="BA20" s="281">
        <v>461</v>
      </c>
      <c r="BB20" s="281">
        <v>454</v>
      </c>
      <c r="BC20" s="281">
        <v>371</v>
      </c>
      <c r="BD20" s="282">
        <v>2234</v>
      </c>
      <c r="BE20" s="283">
        <v>2357</v>
      </c>
      <c r="BF20" s="277">
        <v>0</v>
      </c>
      <c r="BG20" s="281">
        <v>0</v>
      </c>
      <c r="BH20" s="278">
        <v>0</v>
      </c>
      <c r="BI20" s="280">
        <v>0</v>
      </c>
      <c r="BJ20" s="281">
        <v>665</v>
      </c>
      <c r="BK20" s="281">
        <v>620</v>
      </c>
      <c r="BL20" s="281">
        <v>325</v>
      </c>
      <c r="BM20" s="281">
        <v>189</v>
      </c>
      <c r="BN20" s="281">
        <v>95</v>
      </c>
      <c r="BO20" s="278">
        <v>1894</v>
      </c>
      <c r="BP20" s="283">
        <v>1894</v>
      </c>
      <c r="BQ20" s="277">
        <v>47</v>
      </c>
      <c r="BR20" s="281">
        <v>80</v>
      </c>
      <c r="BS20" s="278">
        <v>127</v>
      </c>
      <c r="BT20" s="280">
        <v>0</v>
      </c>
      <c r="BU20" s="281">
        <v>168</v>
      </c>
      <c r="BV20" s="281">
        <v>181</v>
      </c>
      <c r="BW20" s="281">
        <v>101</v>
      </c>
      <c r="BX20" s="281">
        <v>65</v>
      </c>
      <c r="BY20" s="281">
        <v>19</v>
      </c>
      <c r="BZ20" s="278">
        <v>534</v>
      </c>
      <c r="CA20" s="283">
        <v>661</v>
      </c>
      <c r="CB20" s="277">
        <v>2</v>
      </c>
      <c r="CC20" s="281">
        <v>4</v>
      </c>
      <c r="CD20" s="278">
        <v>6</v>
      </c>
      <c r="CE20" s="280">
        <v>0</v>
      </c>
      <c r="CF20" s="281">
        <v>52</v>
      </c>
      <c r="CG20" s="281">
        <v>103</v>
      </c>
      <c r="CH20" s="281">
        <v>138</v>
      </c>
      <c r="CI20" s="281">
        <v>106</v>
      </c>
      <c r="CJ20" s="281">
        <v>63</v>
      </c>
      <c r="CK20" s="278">
        <v>462</v>
      </c>
      <c r="CL20" s="283">
        <v>468</v>
      </c>
      <c r="CM20" s="277">
        <v>0</v>
      </c>
      <c r="CN20" s="281">
        <v>0</v>
      </c>
      <c r="CO20" s="278">
        <v>0</v>
      </c>
      <c r="CP20" s="280">
        <v>0</v>
      </c>
      <c r="CQ20" s="281">
        <v>3</v>
      </c>
      <c r="CR20" s="281">
        <v>1</v>
      </c>
      <c r="CS20" s="281">
        <v>3</v>
      </c>
      <c r="CT20" s="281">
        <v>3</v>
      </c>
      <c r="CU20" s="281">
        <v>2</v>
      </c>
      <c r="CV20" s="278">
        <v>12</v>
      </c>
      <c r="CW20" s="283">
        <v>12</v>
      </c>
      <c r="CX20" s="277">
        <v>0</v>
      </c>
      <c r="CY20" s="281">
        <v>0</v>
      </c>
      <c r="CZ20" s="278">
        <v>0</v>
      </c>
      <c r="DA20" s="280">
        <v>0</v>
      </c>
      <c r="DB20" s="281">
        <v>0</v>
      </c>
      <c r="DC20" s="281">
        <v>0</v>
      </c>
      <c r="DD20" s="281">
        <v>0</v>
      </c>
      <c r="DE20" s="281">
        <v>0</v>
      </c>
      <c r="DF20" s="281">
        <v>0</v>
      </c>
      <c r="DG20" s="278">
        <v>0</v>
      </c>
      <c r="DH20" s="283">
        <v>0</v>
      </c>
      <c r="DI20" s="277">
        <v>0</v>
      </c>
      <c r="DJ20" s="281">
        <v>0</v>
      </c>
      <c r="DK20" s="278">
        <v>0</v>
      </c>
      <c r="DL20" s="280">
        <v>0</v>
      </c>
      <c r="DM20" s="281">
        <v>0</v>
      </c>
      <c r="DN20" s="281">
        <v>0</v>
      </c>
      <c r="DO20" s="281">
        <v>0</v>
      </c>
      <c r="DP20" s="281">
        <v>0</v>
      </c>
      <c r="DQ20" s="281">
        <v>0</v>
      </c>
      <c r="DR20" s="278">
        <v>0</v>
      </c>
      <c r="DS20" s="283">
        <v>0</v>
      </c>
      <c r="DT20" s="277">
        <v>222</v>
      </c>
      <c r="DU20" s="281">
        <v>483</v>
      </c>
      <c r="DV20" s="278">
        <v>705</v>
      </c>
      <c r="DW20" s="280">
        <v>0</v>
      </c>
      <c r="DX20" s="281">
        <v>792</v>
      </c>
      <c r="DY20" s="281">
        <v>1085</v>
      </c>
      <c r="DZ20" s="281">
        <v>667</v>
      </c>
      <c r="EA20" s="281">
        <v>540</v>
      </c>
      <c r="EB20" s="281">
        <v>337</v>
      </c>
      <c r="EC20" s="278">
        <v>3421</v>
      </c>
      <c r="ED20" s="283">
        <v>4126</v>
      </c>
      <c r="EE20" s="277">
        <v>25</v>
      </c>
      <c r="EF20" s="281">
        <v>14</v>
      </c>
      <c r="EG20" s="278">
        <v>39</v>
      </c>
      <c r="EH20" s="280">
        <v>0</v>
      </c>
      <c r="EI20" s="281">
        <v>127</v>
      </c>
      <c r="EJ20" s="281">
        <v>109</v>
      </c>
      <c r="EK20" s="281">
        <v>91</v>
      </c>
      <c r="EL20" s="281">
        <v>95</v>
      </c>
      <c r="EM20" s="281">
        <v>67</v>
      </c>
      <c r="EN20" s="278">
        <v>489</v>
      </c>
      <c r="EO20" s="283">
        <v>528</v>
      </c>
      <c r="EP20" s="277">
        <v>287</v>
      </c>
      <c r="EQ20" s="281">
        <v>583</v>
      </c>
      <c r="ER20" s="278">
        <v>870</v>
      </c>
      <c r="ES20" s="280">
        <v>0</v>
      </c>
      <c r="ET20" s="281">
        <v>1563</v>
      </c>
      <c r="EU20" s="281">
        <v>1465</v>
      </c>
      <c r="EV20" s="281">
        <v>820</v>
      </c>
      <c r="EW20" s="281">
        <v>568</v>
      </c>
      <c r="EX20" s="281">
        <v>322</v>
      </c>
      <c r="EY20" s="278">
        <v>4738</v>
      </c>
      <c r="EZ20" s="283">
        <v>5608</v>
      </c>
    </row>
    <row r="21" spans="2:156" ht="19.8" customHeight="1" x14ac:dyDescent="0.2">
      <c r="B21" s="262" t="s">
        <v>19</v>
      </c>
      <c r="C21" s="277">
        <v>0</v>
      </c>
      <c r="D21" s="281">
        <v>0</v>
      </c>
      <c r="E21" s="385">
        <v>0</v>
      </c>
      <c r="F21" s="280">
        <v>0</v>
      </c>
      <c r="G21" s="281">
        <v>196</v>
      </c>
      <c r="H21" s="281">
        <v>154</v>
      </c>
      <c r="I21" s="281">
        <v>95</v>
      </c>
      <c r="J21" s="281">
        <v>79</v>
      </c>
      <c r="K21" s="281">
        <v>55</v>
      </c>
      <c r="L21" s="282">
        <v>579</v>
      </c>
      <c r="M21" s="283">
        <v>579</v>
      </c>
      <c r="N21" s="277">
        <v>0</v>
      </c>
      <c r="O21" s="281">
        <v>0</v>
      </c>
      <c r="P21" s="278">
        <v>0</v>
      </c>
      <c r="Q21" s="280">
        <v>0</v>
      </c>
      <c r="R21" s="281">
        <v>4</v>
      </c>
      <c r="S21" s="281">
        <v>4</v>
      </c>
      <c r="T21" s="281">
        <v>10</v>
      </c>
      <c r="U21" s="281">
        <v>21</v>
      </c>
      <c r="V21" s="281">
        <v>32</v>
      </c>
      <c r="W21" s="278">
        <v>71</v>
      </c>
      <c r="X21" s="283">
        <v>71</v>
      </c>
      <c r="Y21" s="277">
        <v>30</v>
      </c>
      <c r="Z21" s="281">
        <v>47</v>
      </c>
      <c r="AA21" s="278">
        <v>77</v>
      </c>
      <c r="AB21" s="280">
        <v>0</v>
      </c>
      <c r="AC21" s="281">
        <v>146</v>
      </c>
      <c r="AD21" s="281">
        <v>149</v>
      </c>
      <c r="AE21" s="281">
        <v>95</v>
      </c>
      <c r="AF21" s="281">
        <v>61</v>
      </c>
      <c r="AG21" s="281">
        <v>73</v>
      </c>
      <c r="AH21" s="278">
        <v>524</v>
      </c>
      <c r="AI21" s="283">
        <v>601</v>
      </c>
      <c r="AJ21" s="277">
        <v>2</v>
      </c>
      <c r="AK21" s="281">
        <v>6</v>
      </c>
      <c r="AL21" s="278">
        <v>8</v>
      </c>
      <c r="AM21" s="280">
        <v>0</v>
      </c>
      <c r="AN21" s="281">
        <v>19</v>
      </c>
      <c r="AO21" s="281">
        <v>11</v>
      </c>
      <c r="AP21" s="281">
        <v>8</v>
      </c>
      <c r="AQ21" s="281">
        <v>8</v>
      </c>
      <c r="AR21" s="281">
        <v>5</v>
      </c>
      <c r="AS21" s="278">
        <v>51</v>
      </c>
      <c r="AT21" s="283">
        <v>59</v>
      </c>
      <c r="AU21" s="277">
        <v>42</v>
      </c>
      <c r="AV21" s="281">
        <v>30</v>
      </c>
      <c r="AW21" s="278">
        <v>72</v>
      </c>
      <c r="AX21" s="280">
        <v>0</v>
      </c>
      <c r="AY21" s="281">
        <v>172</v>
      </c>
      <c r="AZ21" s="281">
        <v>197</v>
      </c>
      <c r="BA21" s="281">
        <v>166</v>
      </c>
      <c r="BB21" s="281">
        <v>156</v>
      </c>
      <c r="BC21" s="281">
        <v>145</v>
      </c>
      <c r="BD21" s="282">
        <v>836</v>
      </c>
      <c r="BE21" s="283">
        <v>908</v>
      </c>
      <c r="BF21" s="277">
        <v>0</v>
      </c>
      <c r="BG21" s="281">
        <v>0</v>
      </c>
      <c r="BH21" s="278">
        <v>0</v>
      </c>
      <c r="BI21" s="280">
        <v>0</v>
      </c>
      <c r="BJ21" s="281">
        <v>271</v>
      </c>
      <c r="BK21" s="281">
        <v>237</v>
      </c>
      <c r="BL21" s="281">
        <v>112</v>
      </c>
      <c r="BM21" s="281">
        <v>59</v>
      </c>
      <c r="BN21" s="281">
        <v>52</v>
      </c>
      <c r="BO21" s="278">
        <v>731</v>
      </c>
      <c r="BP21" s="283">
        <v>731</v>
      </c>
      <c r="BQ21" s="277">
        <v>25</v>
      </c>
      <c r="BR21" s="281">
        <v>49</v>
      </c>
      <c r="BS21" s="278">
        <v>74</v>
      </c>
      <c r="BT21" s="280">
        <v>0</v>
      </c>
      <c r="BU21" s="281">
        <v>115</v>
      </c>
      <c r="BV21" s="281">
        <v>95</v>
      </c>
      <c r="BW21" s="281">
        <v>57</v>
      </c>
      <c r="BX21" s="281">
        <v>30</v>
      </c>
      <c r="BY21" s="281">
        <v>12</v>
      </c>
      <c r="BZ21" s="278">
        <v>309</v>
      </c>
      <c r="CA21" s="283">
        <v>383</v>
      </c>
      <c r="CB21" s="277">
        <v>1</v>
      </c>
      <c r="CC21" s="281">
        <v>2</v>
      </c>
      <c r="CD21" s="278">
        <v>3</v>
      </c>
      <c r="CE21" s="280">
        <v>0</v>
      </c>
      <c r="CF21" s="281">
        <v>22</v>
      </c>
      <c r="CG21" s="281">
        <v>49</v>
      </c>
      <c r="CH21" s="281">
        <v>54</v>
      </c>
      <c r="CI21" s="281">
        <v>25</v>
      </c>
      <c r="CJ21" s="281">
        <v>18</v>
      </c>
      <c r="CK21" s="278">
        <v>168</v>
      </c>
      <c r="CL21" s="283">
        <v>171</v>
      </c>
      <c r="CM21" s="277">
        <v>0</v>
      </c>
      <c r="CN21" s="281">
        <v>0</v>
      </c>
      <c r="CO21" s="278">
        <v>0</v>
      </c>
      <c r="CP21" s="280">
        <v>0</v>
      </c>
      <c r="CQ21" s="281">
        <v>5</v>
      </c>
      <c r="CR21" s="281">
        <v>9</v>
      </c>
      <c r="CS21" s="281">
        <v>8</v>
      </c>
      <c r="CT21" s="281">
        <v>8</v>
      </c>
      <c r="CU21" s="281">
        <v>6</v>
      </c>
      <c r="CV21" s="278">
        <v>36</v>
      </c>
      <c r="CW21" s="283">
        <v>36</v>
      </c>
      <c r="CX21" s="277">
        <v>0</v>
      </c>
      <c r="CY21" s="281">
        <v>0</v>
      </c>
      <c r="CZ21" s="278">
        <v>0</v>
      </c>
      <c r="DA21" s="280">
        <v>0</v>
      </c>
      <c r="DB21" s="281">
        <v>0</v>
      </c>
      <c r="DC21" s="281">
        <v>0</v>
      </c>
      <c r="DD21" s="281">
        <v>0</v>
      </c>
      <c r="DE21" s="281">
        <v>0</v>
      </c>
      <c r="DF21" s="281">
        <v>0</v>
      </c>
      <c r="DG21" s="278">
        <v>0</v>
      </c>
      <c r="DH21" s="283">
        <v>0</v>
      </c>
      <c r="DI21" s="277">
        <v>0</v>
      </c>
      <c r="DJ21" s="281">
        <v>0</v>
      </c>
      <c r="DK21" s="278">
        <v>0</v>
      </c>
      <c r="DL21" s="280">
        <v>0</v>
      </c>
      <c r="DM21" s="281">
        <v>0</v>
      </c>
      <c r="DN21" s="281">
        <v>0</v>
      </c>
      <c r="DO21" s="281">
        <v>0</v>
      </c>
      <c r="DP21" s="281">
        <v>0</v>
      </c>
      <c r="DQ21" s="281">
        <v>0</v>
      </c>
      <c r="DR21" s="278">
        <v>0</v>
      </c>
      <c r="DS21" s="283">
        <v>0</v>
      </c>
      <c r="DT21" s="277">
        <v>97</v>
      </c>
      <c r="DU21" s="281">
        <v>210</v>
      </c>
      <c r="DV21" s="278">
        <v>307</v>
      </c>
      <c r="DW21" s="280">
        <v>0</v>
      </c>
      <c r="DX21" s="281">
        <v>391</v>
      </c>
      <c r="DY21" s="281">
        <v>453</v>
      </c>
      <c r="DZ21" s="281">
        <v>268</v>
      </c>
      <c r="EA21" s="281">
        <v>186</v>
      </c>
      <c r="EB21" s="281">
        <v>146</v>
      </c>
      <c r="EC21" s="278">
        <v>1444</v>
      </c>
      <c r="ED21" s="283">
        <v>1751</v>
      </c>
      <c r="EE21" s="277">
        <v>15</v>
      </c>
      <c r="EF21" s="281">
        <v>13</v>
      </c>
      <c r="EG21" s="278">
        <v>28</v>
      </c>
      <c r="EH21" s="280">
        <v>0</v>
      </c>
      <c r="EI21" s="281">
        <v>69</v>
      </c>
      <c r="EJ21" s="281">
        <v>59</v>
      </c>
      <c r="EK21" s="281">
        <v>45</v>
      </c>
      <c r="EL21" s="281">
        <v>55</v>
      </c>
      <c r="EM21" s="281">
        <v>25</v>
      </c>
      <c r="EN21" s="278">
        <v>253</v>
      </c>
      <c r="EO21" s="283">
        <v>281</v>
      </c>
      <c r="EP21" s="277">
        <v>142</v>
      </c>
      <c r="EQ21" s="281">
        <v>262</v>
      </c>
      <c r="ER21" s="278">
        <v>404</v>
      </c>
      <c r="ES21" s="280">
        <v>0</v>
      </c>
      <c r="ET21" s="281">
        <v>715</v>
      </c>
      <c r="EU21" s="281">
        <v>587</v>
      </c>
      <c r="EV21" s="281">
        <v>305</v>
      </c>
      <c r="EW21" s="281">
        <v>175</v>
      </c>
      <c r="EX21" s="281">
        <v>130</v>
      </c>
      <c r="EY21" s="278">
        <v>1912</v>
      </c>
      <c r="EZ21" s="283">
        <v>2316</v>
      </c>
    </row>
    <row r="22" spans="2:156" ht="19.8" customHeight="1" x14ac:dyDescent="0.2">
      <c r="B22" s="262" t="s">
        <v>20</v>
      </c>
      <c r="C22" s="277">
        <v>0</v>
      </c>
      <c r="D22" s="281">
        <v>0</v>
      </c>
      <c r="E22" s="385">
        <v>0</v>
      </c>
      <c r="F22" s="280">
        <v>0</v>
      </c>
      <c r="G22" s="281">
        <v>254</v>
      </c>
      <c r="H22" s="281">
        <v>165</v>
      </c>
      <c r="I22" s="281">
        <v>135</v>
      </c>
      <c r="J22" s="281">
        <v>85</v>
      </c>
      <c r="K22" s="281">
        <v>58</v>
      </c>
      <c r="L22" s="282">
        <v>697</v>
      </c>
      <c r="M22" s="283">
        <v>697</v>
      </c>
      <c r="N22" s="277">
        <v>0</v>
      </c>
      <c r="O22" s="281">
        <v>0</v>
      </c>
      <c r="P22" s="278">
        <v>0</v>
      </c>
      <c r="Q22" s="280">
        <v>0</v>
      </c>
      <c r="R22" s="281">
        <v>0</v>
      </c>
      <c r="S22" s="281">
        <v>8</v>
      </c>
      <c r="T22" s="281">
        <v>11</v>
      </c>
      <c r="U22" s="281">
        <v>21</v>
      </c>
      <c r="V22" s="281">
        <v>37</v>
      </c>
      <c r="W22" s="278">
        <v>77</v>
      </c>
      <c r="X22" s="283">
        <v>77</v>
      </c>
      <c r="Y22" s="277">
        <v>31</v>
      </c>
      <c r="Z22" s="281">
        <v>82</v>
      </c>
      <c r="AA22" s="278">
        <v>113</v>
      </c>
      <c r="AB22" s="280">
        <v>0</v>
      </c>
      <c r="AC22" s="281">
        <v>222</v>
      </c>
      <c r="AD22" s="281">
        <v>173</v>
      </c>
      <c r="AE22" s="281">
        <v>112</v>
      </c>
      <c r="AF22" s="281">
        <v>78</v>
      </c>
      <c r="AG22" s="281">
        <v>45</v>
      </c>
      <c r="AH22" s="278">
        <v>630</v>
      </c>
      <c r="AI22" s="283">
        <v>743</v>
      </c>
      <c r="AJ22" s="277">
        <v>11</v>
      </c>
      <c r="AK22" s="281">
        <v>31</v>
      </c>
      <c r="AL22" s="278">
        <v>42</v>
      </c>
      <c r="AM22" s="280">
        <v>0</v>
      </c>
      <c r="AN22" s="281">
        <v>54</v>
      </c>
      <c r="AO22" s="281">
        <v>49</v>
      </c>
      <c r="AP22" s="281">
        <v>31</v>
      </c>
      <c r="AQ22" s="281">
        <v>22</v>
      </c>
      <c r="AR22" s="281">
        <v>12</v>
      </c>
      <c r="AS22" s="278">
        <v>168</v>
      </c>
      <c r="AT22" s="283">
        <v>210</v>
      </c>
      <c r="AU22" s="277">
        <v>24</v>
      </c>
      <c r="AV22" s="281">
        <v>45</v>
      </c>
      <c r="AW22" s="278">
        <v>69</v>
      </c>
      <c r="AX22" s="280">
        <v>0</v>
      </c>
      <c r="AY22" s="281">
        <v>232</v>
      </c>
      <c r="AZ22" s="281">
        <v>215</v>
      </c>
      <c r="BA22" s="281">
        <v>217</v>
      </c>
      <c r="BB22" s="281">
        <v>203</v>
      </c>
      <c r="BC22" s="281">
        <v>124</v>
      </c>
      <c r="BD22" s="282">
        <v>991</v>
      </c>
      <c r="BE22" s="283">
        <v>1060</v>
      </c>
      <c r="BF22" s="277">
        <v>0</v>
      </c>
      <c r="BG22" s="281">
        <v>0</v>
      </c>
      <c r="BH22" s="278">
        <v>0</v>
      </c>
      <c r="BI22" s="280">
        <v>0</v>
      </c>
      <c r="BJ22" s="281">
        <v>318</v>
      </c>
      <c r="BK22" s="281">
        <v>189</v>
      </c>
      <c r="BL22" s="281">
        <v>132</v>
      </c>
      <c r="BM22" s="281">
        <v>68</v>
      </c>
      <c r="BN22" s="281">
        <v>29</v>
      </c>
      <c r="BO22" s="278">
        <v>736</v>
      </c>
      <c r="BP22" s="283">
        <v>736</v>
      </c>
      <c r="BQ22" s="277">
        <v>23</v>
      </c>
      <c r="BR22" s="281">
        <v>48</v>
      </c>
      <c r="BS22" s="278">
        <v>71</v>
      </c>
      <c r="BT22" s="280">
        <v>0</v>
      </c>
      <c r="BU22" s="281">
        <v>165</v>
      </c>
      <c r="BV22" s="281">
        <v>117</v>
      </c>
      <c r="BW22" s="281">
        <v>75</v>
      </c>
      <c r="BX22" s="281">
        <v>41</v>
      </c>
      <c r="BY22" s="281">
        <v>13</v>
      </c>
      <c r="BZ22" s="278">
        <v>411</v>
      </c>
      <c r="CA22" s="283">
        <v>482</v>
      </c>
      <c r="CB22" s="277">
        <v>0</v>
      </c>
      <c r="CC22" s="281">
        <v>5</v>
      </c>
      <c r="CD22" s="278">
        <v>5</v>
      </c>
      <c r="CE22" s="280">
        <v>0</v>
      </c>
      <c r="CF22" s="281">
        <v>52</v>
      </c>
      <c r="CG22" s="281">
        <v>49</v>
      </c>
      <c r="CH22" s="281">
        <v>77</v>
      </c>
      <c r="CI22" s="281">
        <v>52</v>
      </c>
      <c r="CJ22" s="281">
        <v>23</v>
      </c>
      <c r="CK22" s="278">
        <v>253</v>
      </c>
      <c r="CL22" s="283">
        <v>258</v>
      </c>
      <c r="CM22" s="277">
        <v>0</v>
      </c>
      <c r="CN22" s="281">
        <v>0</v>
      </c>
      <c r="CO22" s="278">
        <v>0</v>
      </c>
      <c r="CP22" s="280">
        <v>0</v>
      </c>
      <c r="CQ22" s="281">
        <v>2</v>
      </c>
      <c r="CR22" s="281">
        <v>5</v>
      </c>
      <c r="CS22" s="281">
        <v>12</v>
      </c>
      <c r="CT22" s="281">
        <v>7</v>
      </c>
      <c r="CU22" s="281">
        <v>3</v>
      </c>
      <c r="CV22" s="278">
        <v>29</v>
      </c>
      <c r="CW22" s="283">
        <v>29</v>
      </c>
      <c r="CX22" s="277">
        <v>0</v>
      </c>
      <c r="CY22" s="281">
        <v>0</v>
      </c>
      <c r="CZ22" s="278">
        <v>0</v>
      </c>
      <c r="DA22" s="280">
        <v>0</v>
      </c>
      <c r="DB22" s="281">
        <v>0</v>
      </c>
      <c r="DC22" s="281">
        <v>0</v>
      </c>
      <c r="DD22" s="281">
        <v>0</v>
      </c>
      <c r="DE22" s="281">
        <v>0</v>
      </c>
      <c r="DF22" s="281">
        <v>0</v>
      </c>
      <c r="DG22" s="278">
        <v>0</v>
      </c>
      <c r="DH22" s="283">
        <v>0</v>
      </c>
      <c r="DI22" s="277">
        <v>0</v>
      </c>
      <c r="DJ22" s="281">
        <v>0</v>
      </c>
      <c r="DK22" s="278">
        <v>0</v>
      </c>
      <c r="DL22" s="280">
        <v>0</v>
      </c>
      <c r="DM22" s="281">
        <v>0</v>
      </c>
      <c r="DN22" s="281">
        <v>0</v>
      </c>
      <c r="DO22" s="281">
        <v>0</v>
      </c>
      <c r="DP22" s="281">
        <v>0</v>
      </c>
      <c r="DQ22" s="281">
        <v>0</v>
      </c>
      <c r="DR22" s="278">
        <v>0</v>
      </c>
      <c r="DS22" s="283">
        <v>0</v>
      </c>
      <c r="DT22" s="277">
        <v>118</v>
      </c>
      <c r="DU22" s="281">
        <v>302</v>
      </c>
      <c r="DV22" s="278">
        <v>420</v>
      </c>
      <c r="DW22" s="280">
        <v>0</v>
      </c>
      <c r="DX22" s="281">
        <v>537</v>
      </c>
      <c r="DY22" s="281">
        <v>433</v>
      </c>
      <c r="DZ22" s="281">
        <v>308</v>
      </c>
      <c r="EA22" s="281">
        <v>214</v>
      </c>
      <c r="EB22" s="281">
        <v>106</v>
      </c>
      <c r="EC22" s="278">
        <v>1598</v>
      </c>
      <c r="ED22" s="283">
        <v>2018</v>
      </c>
      <c r="EE22" s="277">
        <v>12</v>
      </c>
      <c r="EF22" s="281">
        <v>25</v>
      </c>
      <c r="EG22" s="278">
        <v>37</v>
      </c>
      <c r="EH22" s="280">
        <v>0</v>
      </c>
      <c r="EI22" s="281">
        <v>65</v>
      </c>
      <c r="EJ22" s="281">
        <v>69</v>
      </c>
      <c r="EK22" s="281">
        <v>47</v>
      </c>
      <c r="EL22" s="281">
        <v>69</v>
      </c>
      <c r="EM22" s="281">
        <v>27</v>
      </c>
      <c r="EN22" s="278">
        <v>277</v>
      </c>
      <c r="EO22" s="283">
        <v>314</v>
      </c>
      <c r="EP22" s="277">
        <v>172</v>
      </c>
      <c r="EQ22" s="281">
        <v>393</v>
      </c>
      <c r="ER22" s="278">
        <v>565</v>
      </c>
      <c r="ES22" s="280">
        <v>0</v>
      </c>
      <c r="ET22" s="281">
        <v>975</v>
      </c>
      <c r="EU22" s="281">
        <v>580</v>
      </c>
      <c r="EV22" s="281">
        <v>397</v>
      </c>
      <c r="EW22" s="281">
        <v>235</v>
      </c>
      <c r="EX22" s="281">
        <v>115</v>
      </c>
      <c r="EY22" s="278">
        <v>2302</v>
      </c>
      <c r="EZ22" s="283">
        <v>2867</v>
      </c>
    </row>
    <row r="23" spans="2:156" ht="19.8" customHeight="1" x14ac:dyDescent="0.2">
      <c r="B23" s="262" t="s">
        <v>21</v>
      </c>
      <c r="C23" s="277">
        <v>0</v>
      </c>
      <c r="D23" s="281">
        <v>0</v>
      </c>
      <c r="E23" s="385">
        <v>0</v>
      </c>
      <c r="F23" s="280">
        <v>0</v>
      </c>
      <c r="G23" s="281">
        <v>246</v>
      </c>
      <c r="H23" s="281">
        <v>339</v>
      </c>
      <c r="I23" s="281">
        <v>160</v>
      </c>
      <c r="J23" s="281">
        <v>131</v>
      </c>
      <c r="K23" s="281">
        <v>88</v>
      </c>
      <c r="L23" s="282">
        <v>964</v>
      </c>
      <c r="M23" s="283">
        <v>964</v>
      </c>
      <c r="N23" s="277">
        <v>0</v>
      </c>
      <c r="O23" s="281">
        <v>0</v>
      </c>
      <c r="P23" s="278">
        <v>0</v>
      </c>
      <c r="Q23" s="280">
        <v>0</v>
      </c>
      <c r="R23" s="281">
        <v>1</v>
      </c>
      <c r="S23" s="281">
        <v>5</v>
      </c>
      <c r="T23" s="281">
        <v>14</v>
      </c>
      <c r="U23" s="281">
        <v>27</v>
      </c>
      <c r="V23" s="281">
        <v>45</v>
      </c>
      <c r="W23" s="278">
        <v>92</v>
      </c>
      <c r="X23" s="283">
        <v>92</v>
      </c>
      <c r="Y23" s="277">
        <v>50</v>
      </c>
      <c r="Z23" s="281">
        <v>64</v>
      </c>
      <c r="AA23" s="278">
        <v>114</v>
      </c>
      <c r="AB23" s="280">
        <v>0</v>
      </c>
      <c r="AC23" s="281">
        <v>185</v>
      </c>
      <c r="AD23" s="281">
        <v>251</v>
      </c>
      <c r="AE23" s="281">
        <v>122</v>
      </c>
      <c r="AF23" s="281">
        <v>121</v>
      </c>
      <c r="AG23" s="281">
        <v>69</v>
      </c>
      <c r="AH23" s="278">
        <v>748</v>
      </c>
      <c r="AI23" s="283">
        <v>862</v>
      </c>
      <c r="AJ23" s="277">
        <v>13</v>
      </c>
      <c r="AK23" s="281">
        <v>29</v>
      </c>
      <c r="AL23" s="278">
        <v>42</v>
      </c>
      <c r="AM23" s="280">
        <v>0</v>
      </c>
      <c r="AN23" s="281">
        <v>16</v>
      </c>
      <c r="AO23" s="281">
        <v>35</v>
      </c>
      <c r="AP23" s="281">
        <v>14</v>
      </c>
      <c r="AQ23" s="281">
        <v>14</v>
      </c>
      <c r="AR23" s="281">
        <v>7</v>
      </c>
      <c r="AS23" s="278">
        <v>86</v>
      </c>
      <c r="AT23" s="283">
        <v>128</v>
      </c>
      <c r="AU23" s="277">
        <v>43</v>
      </c>
      <c r="AV23" s="281">
        <v>45</v>
      </c>
      <c r="AW23" s="278">
        <v>88</v>
      </c>
      <c r="AX23" s="280">
        <v>0</v>
      </c>
      <c r="AY23" s="281">
        <v>228</v>
      </c>
      <c r="AZ23" s="281">
        <v>334</v>
      </c>
      <c r="BA23" s="281">
        <v>256</v>
      </c>
      <c r="BB23" s="281">
        <v>226</v>
      </c>
      <c r="BC23" s="281">
        <v>181</v>
      </c>
      <c r="BD23" s="282">
        <v>1225</v>
      </c>
      <c r="BE23" s="283">
        <v>1313</v>
      </c>
      <c r="BF23" s="277">
        <v>0</v>
      </c>
      <c r="BG23" s="281">
        <v>0</v>
      </c>
      <c r="BH23" s="278">
        <v>0</v>
      </c>
      <c r="BI23" s="280">
        <v>0</v>
      </c>
      <c r="BJ23" s="281">
        <v>284</v>
      </c>
      <c r="BK23" s="281">
        <v>345</v>
      </c>
      <c r="BL23" s="281">
        <v>162</v>
      </c>
      <c r="BM23" s="281">
        <v>107</v>
      </c>
      <c r="BN23" s="281">
        <v>37</v>
      </c>
      <c r="BO23" s="278">
        <v>935</v>
      </c>
      <c r="BP23" s="283">
        <v>935</v>
      </c>
      <c r="BQ23" s="277">
        <v>28</v>
      </c>
      <c r="BR23" s="281">
        <v>45</v>
      </c>
      <c r="BS23" s="278">
        <v>73</v>
      </c>
      <c r="BT23" s="280">
        <v>0</v>
      </c>
      <c r="BU23" s="281">
        <v>53</v>
      </c>
      <c r="BV23" s="281">
        <v>75</v>
      </c>
      <c r="BW23" s="281">
        <v>41</v>
      </c>
      <c r="BX23" s="281">
        <v>16</v>
      </c>
      <c r="BY23" s="281">
        <v>12</v>
      </c>
      <c r="BZ23" s="278">
        <v>197</v>
      </c>
      <c r="CA23" s="283">
        <v>270</v>
      </c>
      <c r="CB23" s="277">
        <v>4</v>
      </c>
      <c r="CC23" s="281">
        <v>3</v>
      </c>
      <c r="CD23" s="278">
        <v>7</v>
      </c>
      <c r="CE23" s="280">
        <v>0</v>
      </c>
      <c r="CF23" s="281">
        <v>37</v>
      </c>
      <c r="CG23" s="281">
        <v>57</v>
      </c>
      <c r="CH23" s="281">
        <v>73</v>
      </c>
      <c r="CI23" s="281">
        <v>58</v>
      </c>
      <c r="CJ23" s="281">
        <v>32</v>
      </c>
      <c r="CK23" s="278">
        <v>257</v>
      </c>
      <c r="CL23" s="283">
        <v>264</v>
      </c>
      <c r="CM23" s="277">
        <v>0</v>
      </c>
      <c r="CN23" s="281">
        <v>0</v>
      </c>
      <c r="CO23" s="278">
        <v>0</v>
      </c>
      <c r="CP23" s="280">
        <v>0</v>
      </c>
      <c r="CQ23" s="281">
        <v>1</v>
      </c>
      <c r="CR23" s="281">
        <v>4</v>
      </c>
      <c r="CS23" s="281">
        <v>3</v>
      </c>
      <c r="CT23" s="281">
        <v>2</v>
      </c>
      <c r="CU23" s="281">
        <v>3</v>
      </c>
      <c r="CV23" s="278">
        <v>13</v>
      </c>
      <c r="CW23" s="283">
        <v>13</v>
      </c>
      <c r="CX23" s="277">
        <v>0</v>
      </c>
      <c r="CY23" s="281">
        <v>0</v>
      </c>
      <c r="CZ23" s="278">
        <v>0</v>
      </c>
      <c r="DA23" s="280">
        <v>0</v>
      </c>
      <c r="DB23" s="281">
        <v>0</v>
      </c>
      <c r="DC23" s="281">
        <v>0</v>
      </c>
      <c r="DD23" s="281">
        <v>0</v>
      </c>
      <c r="DE23" s="281">
        <v>0</v>
      </c>
      <c r="DF23" s="281">
        <v>0</v>
      </c>
      <c r="DG23" s="278">
        <v>0</v>
      </c>
      <c r="DH23" s="283">
        <v>0</v>
      </c>
      <c r="DI23" s="277">
        <v>0</v>
      </c>
      <c r="DJ23" s="281">
        <v>0</v>
      </c>
      <c r="DK23" s="278">
        <v>0</v>
      </c>
      <c r="DL23" s="280">
        <v>0</v>
      </c>
      <c r="DM23" s="281">
        <v>0</v>
      </c>
      <c r="DN23" s="281">
        <v>0</v>
      </c>
      <c r="DO23" s="281">
        <v>0</v>
      </c>
      <c r="DP23" s="281">
        <v>0</v>
      </c>
      <c r="DQ23" s="281">
        <v>0</v>
      </c>
      <c r="DR23" s="278">
        <v>0</v>
      </c>
      <c r="DS23" s="283">
        <v>0</v>
      </c>
      <c r="DT23" s="277">
        <v>164</v>
      </c>
      <c r="DU23" s="281">
        <v>317</v>
      </c>
      <c r="DV23" s="278">
        <v>481</v>
      </c>
      <c r="DW23" s="280">
        <v>0</v>
      </c>
      <c r="DX23" s="281">
        <v>361</v>
      </c>
      <c r="DY23" s="281">
        <v>660</v>
      </c>
      <c r="DZ23" s="281">
        <v>351</v>
      </c>
      <c r="EA23" s="281">
        <v>282</v>
      </c>
      <c r="EB23" s="281">
        <v>147</v>
      </c>
      <c r="EC23" s="278">
        <v>1801</v>
      </c>
      <c r="ED23" s="283">
        <v>2282</v>
      </c>
      <c r="EE23" s="277">
        <v>21</v>
      </c>
      <c r="EF23" s="281">
        <v>14</v>
      </c>
      <c r="EG23" s="278">
        <v>35</v>
      </c>
      <c r="EH23" s="280">
        <v>0</v>
      </c>
      <c r="EI23" s="281">
        <v>61</v>
      </c>
      <c r="EJ23" s="281">
        <v>73</v>
      </c>
      <c r="EK23" s="281">
        <v>63</v>
      </c>
      <c r="EL23" s="281">
        <v>34</v>
      </c>
      <c r="EM23" s="281">
        <v>47</v>
      </c>
      <c r="EN23" s="278">
        <v>278</v>
      </c>
      <c r="EO23" s="283">
        <v>313</v>
      </c>
      <c r="EP23" s="277">
        <v>226</v>
      </c>
      <c r="EQ23" s="281">
        <v>391</v>
      </c>
      <c r="ER23" s="278">
        <v>617</v>
      </c>
      <c r="ES23" s="280">
        <v>0</v>
      </c>
      <c r="ET23" s="281">
        <v>778</v>
      </c>
      <c r="EU23" s="281">
        <v>919</v>
      </c>
      <c r="EV23" s="281">
        <v>425</v>
      </c>
      <c r="EW23" s="281">
        <v>309</v>
      </c>
      <c r="EX23" s="281">
        <v>157</v>
      </c>
      <c r="EY23" s="278">
        <v>2588</v>
      </c>
      <c r="EZ23" s="283">
        <v>3205</v>
      </c>
    </row>
    <row r="24" spans="2:156" ht="19.8" customHeight="1" x14ac:dyDescent="0.2">
      <c r="B24" s="262" t="s">
        <v>22</v>
      </c>
      <c r="C24" s="277">
        <v>0</v>
      </c>
      <c r="D24" s="281">
        <v>0</v>
      </c>
      <c r="E24" s="385">
        <v>0</v>
      </c>
      <c r="F24" s="280">
        <v>0</v>
      </c>
      <c r="G24" s="281">
        <v>72</v>
      </c>
      <c r="H24" s="281">
        <v>73</v>
      </c>
      <c r="I24" s="281">
        <v>36</v>
      </c>
      <c r="J24" s="281">
        <v>40</v>
      </c>
      <c r="K24" s="281">
        <v>30</v>
      </c>
      <c r="L24" s="282">
        <v>251</v>
      </c>
      <c r="M24" s="283">
        <v>251</v>
      </c>
      <c r="N24" s="277">
        <v>0</v>
      </c>
      <c r="O24" s="281">
        <v>0</v>
      </c>
      <c r="P24" s="278">
        <v>0</v>
      </c>
      <c r="Q24" s="280">
        <v>0</v>
      </c>
      <c r="R24" s="281">
        <v>1</v>
      </c>
      <c r="S24" s="281">
        <v>2</v>
      </c>
      <c r="T24" s="281">
        <v>6</v>
      </c>
      <c r="U24" s="281">
        <v>7</v>
      </c>
      <c r="V24" s="281">
        <v>21</v>
      </c>
      <c r="W24" s="278">
        <v>37</v>
      </c>
      <c r="X24" s="283">
        <v>37</v>
      </c>
      <c r="Y24" s="277">
        <v>6</v>
      </c>
      <c r="Z24" s="281">
        <v>13</v>
      </c>
      <c r="AA24" s="278">
        <v>19</v>
      </c>
      <c r="AB24" s="280">
        <v>0</v>
      </c>
      <c r="AC24" s="281">
        <v>50</v>
      </c>
      <c r="AD24" s="281">
        <v>79</v>
      </c>
      <c r="AE24" s="281">
        <v>30</v>
      </c>
      <c r="AF24" s="281">
        <v>40</v>
      </c>
      <c r="AG24" s="281">
        <v>33</v>
      </c>
      <c r="AH24" s="278">
        <v>232</v>
      </c>
      <c r="AI24" s="283">
        <v>251</v>
      </c>
      <c r="AJ24" s="277">
        <v>0</v>
      </c>
      <c r="AK24" s="281">
        <v>2</v>
      </c>
      <c r="AL24" s="278">
        <v>2</v>
      </c>
      <c r="AM24" s="280">
        <v>0</v>
      </c>
      <c r="AN24" s="281">
        <v>9</v>
      </c>
      <c r="AO24" s="281">
        <v>10</v>
      </c>
      <c r="AP24" s="281">
        <v>6</v>
      </c>
      <c r="AQ24" s="281">
        <v>4</v>
      </c>
      <c r="AR24" s="281">
        <v>5</v>
      </c>
      <c r="AS24" s="278">
        <v>34</v>
      </c>
      <c r="AT24" s="283">
        <v>36</v>
      </c>
      <c r="AU24" s="277">
        <v>5</v>
      </c>
      <c r="AV24" s="281">
        <v>6</v>
      </c>
      <c r="AW24" s="278">
        <v>11</v>
      </c>
      <c r="AX24" s="280">
        <v>0</v>
      </c>
      <c r="AY24" s="281">
        <v>66</v>
      </c>
      <c r="AZ24" s="281">
        <v>82</v>
      </c>
      <c r="BA24" s="281">
        <v>60</v>
      </c>
      <c r="BB24" s="281">
        <v>63</v>
      </c>
      <c r="BC24" s="281">
        <v>34</v>
      </c>
      <c r="BD24" s="282">
        <v>305</v>
      </c>
      <c r="BE24" s="283">
        <v>316</v>
      </c>
      <c r="BF24" s="277">
        <v>0</v>
      </c>
      <c r="BG24" s="281">
        <v>0</v>
      </c>
      <c r="BH24" s="278">
        <v>0</v>
      </c>
      <c r="BI24" s="280">
        <v>0</v>
      </c>
      <c r="BJ24" s="281">
        <v>125</v>
      </c>
      <c r="BK24" s="281">
        <v>110</v>
      </c>
      <c r="BL24" s="281">
        <v>51</v>
      </c>
      <c r="BM24" s="281">
        <v>37</v>
      </c>
      <c r="BN24" s="281">
        <v>20</v>
      </c>
      <c r="BO24" s="278">
        <v>343</v>
      </c>
      <c r="BP24" s="283">
        <v>343</v>
      </c>
      <c r="BQ24" s="277">
        <v>1</v>
      </c>
      <c r="BR24" s="281">
        <v>9</v>
      </c>
      <c r="BS24" s="278">
        <v>10</v>
      </c>
      <c r="BT24" s="280">
        <v>0</v>
      </c>
      <c r="BU24" s="281">
        <v>18</v>
      </c>
      <c r="BV24" s="281">
        <v>24</v>
      </c>
      <c r="BW24" s="281">
        <v>21</v>
      </c>
      <c r="BX24" s="281">
        <v>14</v>
      </c>
      <c r="BY24" s="281">
        <v>5</v>
      </c>
      <c r="BZ24" s="278">
        <v>82</v>
      </c>
      <c r="CA24" s="283">
        <v>92</v>
      </c>
      <c r="CB24" s="277">
        <v>0</v>
      </c>
      <c r="CC24" s="281">
        <v>0</v>
      </c>
      <c r="CD24" s="278">
        <v>0</v>
      </c>
      <c r="CE24" s="280">
        <v>0</v>
      </c>
      <c r="CF24" s="281">
        <v>12</v>
      </c>
      <c r="CG24" s="281">
        <v>20</v>
      </c>
      <c r="CH24" s="281">
        <v>27</v>
      </c>
      <c r="CI24" s="281">
        <v>19</v>
      </c>
      <c r="CJ24" s="281">
        <v>6</v>
      </c>
      <c r="CK24" s="278">
        <v>84</v>
      </c>
      <c r="CL24" s="283">
        <v>84</v>
      </c>
      <c r="CM24" s="277">
        <v>0</v>
      </c>
      <c r="CN24" s="281">
        <v>0</v>
      </c>
      <c r="CO24" s="278">
        <v>0</v>
      </c>
      <c r="CP24" s="280">
        <v>0</v>
      </c>
      <c r="CQ24" s="281">
        <v>2</v>
      </c>
      <c r="CR24" s="281">
        <v>4</v>
      </c>
      <c r="CS24" s="281">
        <v>7</v>
      </c>
      <c r="CT24" s="281">
        <v>3</v>
      </c>
      <c r="CU24" s="281">
        <v>1</v>
      </c>
      <c r="CV24" s="278">
        <v>17</v>
      </c>
      <c r="CW24" s="283">
        <v>17</v>
      </c>
      <c r="CX24" s="277">
        <v>0</v>
      </c>
      <c r="CY24" s="281">
        <v>0</v>
      </c>
      <c r="CZ24" s="278">
        <v>0</v>
      </c>
      <c r="DA24" s="280">
        <v>0</v>
      </c>
      <c r="DB24" s="281">
        <v>0</v>
      </c>
      <c r="DC24" s="281">
        <v>0</v>
      </c>
      <c r="DD24" s="281">
        <v>0</v>
      </c>
      <c r="DE24" s="281">
        <v>0</v>
      </c>
      <c r="DF24" s="281">
        <v>0</v>
      </c>
      <c r="DG24" s="278">
        <v>0</v>
      </c>
      <c r="DH24" s="283">
        <v>0</v>
      </c>
      <c r="DI24" s="277">
        <v>0</v>
      </c>
      <c r="DJ24" s="281">
        <v>0</v>
      </c>
      <c r="DK24" s="278">
        <v>0</v>
      </c>
      <c r="DL24" s="280">
        <v>0</v>
      </c>
      <c r="DM24" s="281">
        <v>0</v>
      </c>
      <c r="DN24" s="281">
        <v>0</v>
      </c>
      <c r="DO24" s="281">
        <v>0</v>
      </c>
      <c r="DP24" s="281">
        <v>0</v>
      </c>
      <c r="DQ24" s="281">
        <v>0</v>
      </c>
      <c r="DR24" s="278">
        <v>0</v>
      </c>
      <c r="DS24" s="283">
        <v>0</v>
      </c>
      <c r="DT24" s="277">
        <v>43</v>
      </c>
      <c r="DU24" s="281">
        <v>146</v>
      </c>
      <c r="DV24" s="278">
        <v>189</v>
      </c>
      <c r="DW24" s="280">
        <v>0</v>
      </c>
      <c r="DX24" s="281">
        <v>203</v>
      </c>
      <c r="DY24" s="281">
        <v>256</v>
      </c>
      <c r="DZ24" s="281">
        <v>127</v>
      </c>
      <c r="EA24" s="281">
        <v>99</v>
      </c>
      <c r="EB24" s="281">
        <v>67</v>
      </c>
      <c r="EC24" s="278">
        <v>752</v>
      </c>
      <c r="ED24" s="283">
        <v>941</v>
      </c>
      <c r="EE24" s="277">
        <v>6</v>
      </c>
      <c r="EF24" s="281">
        <v>5</v>
      </c>
      <c r="EG24" s="278">
        <v>11</v>
      </c>
      <c r="EH24" s="280">
        <v>0</v>
      </c>
      <c r="EI24" s="281">
        <v>33</v>
      </c>
      <c r="EJ24" s="281">
        <v>29</v>
      </c>
      <c r="EK24" s="281">
        <v>21</v>
      </c>
      <c r="EL24" s="281">
        <v>24</v>
      </c>
      <c r="EM24" s="281">
        <v>12</v>
      </c>
      <c r="EN24" s="278">
        <v>119</v>
      </c>
      <c r="EO24" s="283">
        <v>130</v>
      </c>
      <c r="EP24" s="277">
        <v>49</v>
      </c>
      <c r="EQ24" s="281">
        <v>158</v>
      </c>
      <c r="ER24" s="278">
        <v>207</v>
      </c>
      <c r="ES24" s="280">
        <v>0</v>
      </c>
      <c r="ET24" s="281">
        <v>384</v>
      </c>
      <c r="EU24" s="281">
        <v>330</v>
      </c>
      <c r="EV24" s="281">
        <v>143</v>
      </c>
      <c r="EW24" s="281">
        <v>109</v>
      </c>
      <c r="EX24" s="281">
        <v>69</v>
      </c>
      <c r="EY24" s="278">
        <v>1035</v>
      </c>
      <c r="EZ24" s="283">
        <v>1242</v>
      </c>
    </row>
    <row r="25" spans="2:156" ht="19.8" customHeight="1" x14ac:dyDescent="0.2">
      <c r="B25" s="262" t="s">
        <v>23</v>
      </c>
      <c r="C25" s="277">
        <v>0</v>
      </c>
      <c r="D25" s="281">
        <v>0</v>
      </c>
      <c r="E25" s="385">
        <v>0</v>
      </c>
      <c r="F25" s="280">
        <v>0</v>
      </c>
      <c r="G25" s="281">
        <v>137</v>
      </c>
      <c r="H25" s="281">
        <v>140</v>
      </c>
      <c r="I25" s="281">
        <v>73</v>
      </c>
      <c r="J25" s="281">
        <v>58</v>
      </c>
      <c r="K25" s="281">
        <v>41</v>
      </c>
      <c r="L25" s="282">
        <v>449</v>
      </c>
      <c r="M25" s="283">
        <v>449</v>
      </c>
      <c r="N25" s="277">
        <v>1</v>
      </c>
      <c r="O25" s="281">
        <v>0</v>
      </c>
      <c r="P25" s="278">
        <v>1</v>
      </c>
      <c r="Q25" s="280">
        <v>0</v>
      </c>
      <c r="R25" s="281">
        <v>0</v>
      </c>
      <c r="S25" s="281">
        <v>5</v>
      </c>
      <c r="T25" s="281">
        <v>5</v>
      </c>
      <c r="U25" s="281">
        <v>18</v>
      </c>
      <c r="V25" s="281">
        <v>15</v>
      </c>
      <c r="W25" s="278">
        <v>43</v>
      </c>
      <c r="X25" s="283">
        <v>44</v>
      </c>
      <c r="Y25" s="277">
        <v>28</v>
      </c>
      <c r="Z25" s="281">
        <v>43</v>
      </c>
      <c r="AA25" s="278">
        <v>71</v>
      </c>
      <c r="AB25" s="280">
        <v>0</v>
      </c>
      <c r="AC25" s="281">
        <v>92</v>
      </c>
      <c r="AD25" s="281">
        <v>126</v>
      </c>
      <c r="AE25" s="281">
        <v>64</v>
      </c>
      <c r="AF25" s="281">
        <v>75</v>
      </c>
      <c r="AG25" s="281">
        <v>36</v>
      </c>
      <c r="AH25" s="278">
        <v>393</v>
      </c>
      <c r="AI25" s="283">
        <v>464</v>
      </c>
      <c r="AJ25" s="277">
        <v>3</v>
      </c>
      <c r="AK25" s="281">
        <v>9</v>
      </c>
      <c r="AL25" s="278">
        <v>12</v>
      </c>
      <c r="AM25" s="280">
        <v>0</v>
      </c>
      <c r="AN25" s="281">
        <v>7</v>
      </c>
      <c r="AO25" s="281">
        <v>21</v>
      </c>
      <c r="AP25" s="281">
        <v>7</v>
      </c>
      <c r="AQ25" s="281">
        <v>7</v>
      </c>
      <c r="AR25" s="281">
        <v>4</v>
      </c>
      <c r="AS25" s="278">
        <v>46</v>
      </c>
      <c r="AT25" s="283">
        <v>58</v>
      </c>
      <c r="AU25" s="277">
        <v>14</v>
      </c>
      <c r="AV25" s="281">
        <v>13</v>
      </c>
      <c r="AW25" s="278">
        <v>27</v>
      </c>
      <c r="AX25" s="280">
        <v>0</v>
      </c>
      <c r="AY25" s="281">
        <v>153</v>
      </c>
      <c r="AZ25" s="281">
        <v>144</v>
      </c>
      <c r="BA25" s="281">
        <v>143</v>
      </c>
      <c r="BB25" s="281">
        <v>153</v>
      </c>
      <c r="BC25" s="281">
        <v>101</v>
      </c>
      <c r="BD25" s="282">
        <v>694</v>
      </c>
      <c r="BE25" s="283">
        <v>721</v>
      </c>
      <c r="BF25" s="277">
        <v>0</v>
      </c>
      <c r="BG25" s="281">
        <v>0</v>
      </c>
      <c r="BH25" s="278">
        <v>0</v>
      </c>
      <c r="BI25" s="280">
        <v>0</v>
      </c>
      <c r="BJ25" s="281">
        <v>274</v>
      </c>
      <c r="BK25" s="281">
        <v>249</v>
      </c>
      <c r="BL25" s="281">
        <v>115</v>
      </c>
      <c r="BM25" s="281">
        <v>79</v>
      </c>
      <c r="BN25" s="281">
        <v>34</v>
      </c>
      <c r="BO25" s="278">
        <v>751</v>
      </c>
      <c r="BP25" s="283">
        <v>751</v>
      </c>
      <c r="BQ25" s="277">
        <v>4</v>
      </c>
      <c r="BR25" s="281">
        <v>9</v>
      </c>
      <c r="BS25" s="278">
        <v>13</v>
      </c>
      <c r="BT25" s="280">
        <v>0</v>
      </c>
      <c r="BU25" s="281">
        <v>43</v>
      </c>
      <c r="BV25" s="281">
        <v>54</v>
      </c>
      <c r="BW25" s="281">
        <v>33</v>
      </c>
      <c r="BX25" s="281">
        <v>20</v>
      </c>
      <c r="BY25" s="281">
        <v>5</v>
      </c>
      <c r="BZ25" s="278">
        <v>155</v>
      </c>
      <c r="CA25" s="283">
        <v>168</v>
      </c>
      <c r="CB25" s="277">
        <v>1</v>
      </c>
      <c r="CC25" s="281">
        <v>1</v>
      </c>
      <c r="CD25" s="278">
        <v>2</v>
      </c>
      <c r="CE25" s="280">
        <v>0</v>
      </c>
      <c r="CF25" s="281">
        <v>19</v>
      </c>
      <c r="CG25" s="281">
        <v>45</v>
      </c>
      <c r="CH25" s="281">
        <v>44</v>
      </c>
      <c r="CI25" s="281">
        <v>35</v>
      </c>
      <c r="CJ25" s="281">
        <v>12</v>
      </c>
      <c r="CK25" s="278">
        <v>155</v>
      </c>
      <c r="CL25" s="283">
        <v>157</v>
      </c>
      <c r="CM25" s="277">
        <v>0</v>
      </c>
      <c r="CN25" s="281">
        <v>0</v>
      </c>
      <c r="CO25" s="278">
        <v>0</v>
      </c>
      <c r="CP25" s="280">
        <v>0</v>
      </c>
      <c r="CQ25" s="281">
        <v>2</v>
      </c>
      <c r="CR25" s="281">
        <v>4</v>
      </c>
      <c r="CS25" s="281">
        <v>0</v>
      </c>
      <c r="CT25" s="281">
        <v>3</v>
      </c>
      <c r="CU25" s="281">
        <v>3</v>
      </c>
      <c r="CV25" s="278">
        <v>12</v>
      </c>
      <c r="CW25" s="283">
        <v>12</v>
      </c>
      <c r="CX25" s="277">
        <v>0</v>
      </c>
      <c r="CY25" s="281">
        <v>0</v>
      </c>
      <c r="CZ25" s="278">
        <v>0</v>
      </c>
      <c r="DA25" s="280">
        <v>0</v>
      </c>
      <c r="DB25" s="281">
        <v>0</v>
      </c>
      <c r="DC25" s="281">
        <v>0</v>
      </c>
      <c r="DD25" s="281">
        <v>0</v>
      </c>
      <c r="DE25" s="281">
        <v>0</v>
      </c>
      <c r="DF25" s="281">
        <v>0</v>
      </c>
      <c r="DG25" s="278">
        <v>0</v>
      </c>
      <c r="DH25" s="283">
        <v>0</v>
      </c>
      <c r="DI25" s="277">
        <v>0</v>
      </c>
      <c r="DJ25" s="281">
        <v>0</v>
      </c>
      <c r="DK25" s="278">
        <v>0</v>
      </c>
      <c r="DL25" s="280">
        <v>0</v>
      </c>
      <c r="DM25" s="281">
        <v>0</v>
      </c>
      <c r="DN25" s="281">
        <v>0</v>
      </c>
      <c r="DO25" s="281">
        <v>0</v>
      </c>
      <c r="DP25" s="281">
        <v>0</v>
      </c>
      <c r="DQ25" s="281">
        <v>0</v>
      </c>
      <c r="DR25" s="278">
        <v>0</v>
      </c>
      <c r="DS25" s="283">
        <v>0</v>
      </c>
      <c r="DT25" s="277">
        <v>89</v>
      </c>
      <c r="DU25" s="281">
        <v>202</v>
      </c>
      <c r="DV25" s="278">
        <v>291</v>
      </c>
      <c r="DW25" s="280">
        <v>0</v>
      </c>
      <c r="DX25" s="281">
        <v>246</v>
      </c>
      <c r="DY25" s="281">
        <v>380</v>
      </c>
      <c r="DZ25" s="281">
        <v>200</v>
      </c>
      <c r="EA25" s="281">
        <v>180</v>
      </c>
      <c r="EB25" s="281">
        <v>76</v>
      </c>
      <c r="EC25" s="278">
        <v>1082</v>
      </c>
      <c r="ED25" s="283">
        <v>1373</v>
      </c>
      <c r="EE25" s="277">
        <v>5</v>
      </c>
      <c r="EF25" s="281">
        <v>5</v>
      </c>
      <c r="EG25" s="278">
        <v>10</v>
      </c>
      <c r="EH25" s="280">
        <v>0</v>
      </c>
      <c r="EI25" s="281">
        <v>50</v>
      </c>
      <c r="EJ25" s="281">
        <v>37</v>
      </c>
      <c r="EK25" s="281">
        <v>42</v>
      </c>
      <c r="EL25" s="281">
        <v>51</v>
      </c>
      <c r="EM25" s="281">
        <v>38</v>
      </c>
      <c r="EN25" s="278">
        <v>218</v>
      </c>
      <c r="EO25" s="283">
        <v>228</v>
      </c>
      <c r="EP25" s="277">
        <v>120</v>
      </c>
      <c r="EQ25" s="281">
        <v>243</v>
      </c>
      <c r="ER25" s="278">
        <v>363</v>
      </c>
      <c r="ES25" s="280">
        <v>0</v>
      </c>
      <c r="ET25" s="281">
        <v>523</v>
      </c>
      <c r="EU25" s="281">
        <v>513</v>
      </c>
      <c r="EV25" s="281">
        <v>251</v>
      </c>
      <c r="EW25" s="281">
        <v>204</v>
      </c>
      <c r="EX25" s="281">
        <v>85</v>
      </c>
      <c r="EY25" s="278">
        <v>1576</v>
      </c>
      <c r="EZ25" s="283">
        <v>1939</v>
      </c>
    </row>
    <row r="26" spans="2:156" ht="19.8" customHeight="1" x14ac:dyDescent="0.2">
      <c r="B26" s="262" t="s">
        <v>24</v>
      </c>
      <c r="C26" s="277">
        <v>0</v>
      </c>
      <c r="D26" s="281">
        <v>0</v>
      </c>
      <c r="E26" s="385">
        <v>0</v>
      </c>
      <c r="F26" s="280">
        <v>0</v>
      </c>
      <c r="G26" s="281">
        <v>76</v>
      </c>
      <c r="H26" s="281">
        <v>57</v>
      </c>
      <c r="I26" s="281">
        <v>29</v>
      </c>
      <c r="J26" s="281">
        <v>40</v>
      </c>
      <c r="K26" s="281">
        <v>32</v>
      </c>
      <c r="L26" s="282">
        <v>234</v>
      </c>
      <c r="M26" s="283">
        <v>234</v>
      </c>
      <c r="N26" s="277">
        <v>0</v>
      </c>
      <c r="O26" s="281">
        <v>0</v>
      </c>
      <c r="P26" s="278">
        <v>0</v>
      </c>
      <c r="Q26" s="280">
        <v>0</v>
      </c>
      <c r="R26" s="281">
        <v>2</v>
      </c>
      <c r="S26" s="281">
        <v>2</v>
      </c>
      <c r="T26" s="281">
        <v>4</v>
      </c>
      <c r="U26" s="281">
        <v>9</v>
      </c>
      <c r="V26" s="281">
        <v>24</v>
      </c>
      <c r="W26" s="278">
        <v>41</v>
      </c>
      <c r="X26" s="283">
        <v>41</v>
      </c>
      <c r="Y26" s="277">
        <v>10</v>
      </c>
      <c r="Z26" s="281">
        <v>15</v>
      </c>
      <c r="AA26" s="278">
        <v>25</v>
      </c>
      <c r="AB26" s="280">
        <v>0</v>
      </c>
      <c r="AC26" s="281">
        <v>68</v>
      </c>
      <c r="AD26" s="281">
        <v>49</v>
      </c>
      <c r="AE26" s="281">
        <v>39</v>
      </c>
      <c r="AF26" s="281">
        <v>36</v>
      </c>
      <c r="AG26" s="281">
        <v>36</v>
      </c>
      <c r="AH26" s="278">
        <v>228</v>
      </c>
      <c r="AI26" s="283">
        <v>253</v>
      </c>
      <c r="AJ26" s="277">
        <v>0</v>
      </c>
      <c r="AK26" s="281">
        <v>2</v>
      </c>
      <c r="AL26" s="278">
        <v>2</v>
      </c>
      <c r="AM26" s="280">
        <v>0</v>
      </c>
      <c r="AN26" s="281">
        <v>4</v>
      </c>
      <c r="AO26" s="281">
        <v>5</v>
      </c>
      <c r="AP26" s="281">
        <v>1</v>
      </c>
      <c r="AQ26" s="281">
        <v>6</v>
      </c>
      <c r="AR26" s="281">
        <v>5</v>
      </c>
      <c r="AS26" s="278">
        <v>21</v>
      </c>
      <c r="AT26" s="283">
        <v>23</v>
      </c>
      <c r="AU26" s="277">
        <v>17</v>
      </c>
      <c r="AV26" s="281">
        <v>18</v>
      </c>
      <c r="AW26" s="278">
        <v>35</v>
      </c>
      <c r="AX26" s="280">
        <v>0</v>
      </c>
      <c r="AY26" s="281">
        <v>87</v>
      </c>
      <c r="AZ26" s="281">
        <v>73</v>
      </c>
      <c r="BA26" s="281">
        <v>79</v>
      </c>
      <c r="BB26" s="281">
        <v>84</v>
      </c>
      <c r="BC26" s="281">
        <v>69</v>
      </c>
      <c r="BD26" s="282">
        <v>392</v>
      </c>
      <c r="BE26" s="283">
        <v>427</v>
      </c>
      <c r="BF26" s="277">
        <v>0</v>
      </c>
      <c r="BG26" s="281">
        <v>0</v>
      </c>
      <c r="BH26" s="278">
        <v>0</v>
      </c>
      <c r="BI26" s="280">
        <v>0</v>
      </c>
      <c r="BJ26" s="281">
        <v>108</v>
      </c>
      <c r="BK26" s="281">
        <v>75</v>
      </c>
      <c r="BL26" s="281">
        <v>43</v>
      </c>
      <c r="BM26" s="281">
        <v>24</v>
      </c>
      <c r="BN26" s="281">
        <v>8</v>
      </c>
      <c r="BO26" s="278">
        <v>258</v>
      </c>
      <c r="BP26" s="283">
        <v>258</v>
      </c>
      <c r="BQ26" s="277">
        <v>13</v>
      </c>
      <c r="BR26" s="281">
        <v>14</v>
      </c>
      <c r="BS26" s="278">
        <v>27</v>
      </c>
      <c r="BT26" s="280">
        <v>0</v>
      </c>
      <c r="BU26" s="281">
        <v>41</v>
      </c>
      <c r="BV26" s="281">
        <v>33</v>
      </c>
      <c r="BW26" s="281">
        <v>18</v>
      </c>
      <c r="BX26" s="281">
        <v>11</v>
      </c>
      <c r="BY26" s="281">
        <v>14</v>
      </c>
      <c r="BZ26" s="278">
        <v>117</v>
      </c>
      <c r="CA26" s="283">
        <v>144</v>
      </c>
      <c r="CB26" s="277">
        <v>1</v>
      </c>
      <c r="CC26" s="281">
        <v>0</v>
      </c>
      <c r="CD26" s="278">
        <v>1</v>
      </c>
      <c r="CE26" s="280">
        <v>0</v>
      </c>
      <c r="CF26" s="281">
        <v>16</v>
      </c>
      <c r="CG26" s="281">
        <v>18</v>
      </c>
      <c r="CH26" s="281">
        <v>16</v>
      </c>
      <c r="CI26" s="281">
        <v>17</v>
      </c>
      <c r="CJ26" s="281">
        <v>14</v>
      </c>
      <c r="CK26" s="278">
        <v>81</v>
      </c>
      <c r="CL26" s="283">
        <v>82</v>
      </c>
      <c r="CM26" s="277">
        <v>0</v>
      </c>
      <c r="CN26" s="281">
        <v>0</v>
      </c>
      <c r="CO26" s="278">
        <v>0</v>
      </c>
      <c r="CP26" s="280">
        <v>0</v>
      </c>
      <c r="CQ26" s="281">
        <v>1</v>
      </c>
      <c r="CR26" s="281">
        <v>3</v>
      </c>
      <c r="CS26" s="281">
        <v>5</v>
      </c>
      <c r="CT26" s="281">
        <v>4</v>
      </c>
      <c r="CU26" s="281">
        <v>1</v>
      </c>
      <c r="CV26" s="278">
        <v>14</v>
      </c>
      <c r="CW26" s="283">
        <v>14</v>
      </c>
      <c r="CX26" s="277">
        <v>0</v>
      </c>
      <c r="CY26" s="281">
        <v>0</v>
      </c>
      <c r="CZ26" s="278">
        <v>0</v>
      </c>
      <c r="DA26" s="280">
        <v>0</v>
      </c>
      <c r="DB26" s="281">
        <v>0</v>
      </c>
      <c r="DC26" s="281">
        <v>0</v>
      </c>
      <c r="DD26" s="281">
        <v>0</v>
      </c>
      <c r="DE26" s="281">
        <v>0</v>
      </c>
      <c r="DF26" s="281">
        <v>0</v>
      </c>
      <c r="DG26" s="278">
        <v>0</v>
      </c>
      <c r="DH26" s="283">
        <v>0</v>
      </c>
      <c r="DI26" s="277">
        <v>0</v>
      </c>
      <c r="DJ26" s="281">
        <v>0</v>
      </c>
      <c r="DK26" s="278">
        <v>0</v>
      </c>
      <c r="DL26" s="280">
        <v>0</v>
      </c>
      <c r="DM26" s="281">
        <v>0</v>
      </c>
      <c r="DN26" s="281">
        <v>0</v>
      </c>
      <c r="DO26" s="281">
        <v>0</v>
      </c>
      <c r="DP26" s="281">
        <v>0</v>
      </c>
      <c r="DQ26" s="281">
        <v>0</v>
      </c>
      <c r="DR26" s="278">
        <v>0</v>
      </c>
      <c r="DS26" s="283">
        <v>0</v>
      </c>
      <c r="DT26" s="277">
        <v>77</v>
      </c>
      <c r="DU26" s="281">
        <v>71</v>
      </c>
      <c r="DV26" s="278">
        <v>148</v>
      </c>
      <c r="DW26" s="280">
        <v>0</v>
      </c>
      <c r="DX26" s="281">
        <v>167</v>
      </c>
      <c r="DY26" s="281">
        <v>156</v>
      </c>
      <c r="DZ26" s="281">
        <v>94</v>
      </c>
      <c r="EA26" s="281">
        <v>75</v>
      </c>
      <c r="EB26" s="281">
        <v>60</v>
      </c>
      <c r="EC26" s="278">
        <v>552</v>
      </c>
      <c r="ED26" s="283">
        <v>700</v>
      </c>
      <c r="EE26" s="277">
        <v>13</v>
      </c>
      <c r="EF26" s="281">
        <v>9</v>
      </c>
      <c r="EG26" s="278">
        <v>22</v>
      </c>
      <c r="EH26" s="280">
        <v>0</v>
      </c>
      <c r="EI26" s="281">
        <v>35</v>
      </c>
      <c r="EJ26" s="281">
        <v>29</v>
      </c>
      <c r="EK26" s="281">
        <v>29</v>
      </c>
      <c r="EL26" s="281">
        <v>31</v>
      </c>
      <c r="EM26" s="281">
        <v>23</v>
      </c>
      <c r="EN26" s="278">
        <v>147</v>
      </c>
      <c r="EO26" s="283">
        <v>169</v>
      </c>
      <c r="EP26" s="277">
        <v>95</v>
      </c>
      <c r="EQ26" s="281">
        <v>87</v>
      </c>
      <c r="ER26" s="278">
        <v>182</v>
      </c>
      <c r="ES26" s="280">
        <v>0</v>
      </c>
      <c r="ET26" s="281">
        <v>295</v>
      </c>
      <c r="EU26" s="281">
        <v>199</v>
      </c>
      <c r="EV26" s="281">
        <v>116</v>
      </c>
      <c r="EW26" s="281">
        <v>85</v>
      </c>
      <c r="EX26" s="281">
        <v>64</v>
      </c>
      <c r="EY26" s="278">
        <v>759</v>
      </c>
      <c r="EZ26" s="283">
        <v>941</v>
      </c>
    </row>
    <row r="27" spans="2:156" ht="19.8" customHeight="1" x14ac:dyDescent="0.2">
      <c r="B27" s="262" t="s">
        <v>25</v>
      </c>
      <c r="C27" s="277">
        <v>0</v>
      </c>
      <c r="D27" s="281">
        <v>0</v>
      </c>
      <c r="E27" s="385">
        <v>0</v>
      </c>
      <c r="F27" s="280">
        <v>0</v>
      </c>
      <c r="G27" s="281">
        <v>104</v>
      </c>
      <c r="H27" s="281">
        <v>65</v>
      </c>
      <c r="I27" s="281">
        <v>38</v>
      </c>
      <c r="J27" s="281">
        <v>41</v>
      </c>
      <c r="K27" s="281">
        <v>31</v>
      </c>
      <c r="L27" s="282">
        <v>279</v>
      </c>
      <c r="M27" s="283">
        <v>279</v>
      </c>
      <c r="N27" s="277">
        <v>0</v>
      </c>
      <c r="O27" s="281">
        <v>0</v>
      </c>
      <c r="P27" s="278">
        <v>0</v>
      </c>
      <c r="Q27" s="280">
        <v>0</v>
      </c>
      <c r="R27" s="281">
        <v>2</v>
      </c>
      <c r="S27" s="281">
        <v>7</v>
      </c>
      <c r="T27" s="281">
        <v>7</v>
      </c>
      <c r="U27" s="281">
        <v>19</v>
      </c>
      <c r="V27" s="281">
        <v>21</v>
      </c>
      <c r="W27" s="278">
        <v>56</v>
      </c>
      <c r="X27" s="283">
        <v>56</v>
      </c>
      <c r="Y27" s="277">
        <v>15</v>
      </c>
      <c r="Z27" s="281">
        <v>32</v>
      </c>
      <c r="AA27" s="278">
        <v>47</v>
      </c>
      <c r="AB27" s="280">
        <v>0</v>
      </c>
      <c r="AC27" s="281">
        <v>77</v>
      </c>
      <c r="AD27" s="281">
        <v>62</v>
      </c>
      <c r="AE27" s="281">
        <v>45</v>
      </c>
      <c r="AF27" s="281">
        <v>41</v>
      </c>
      <c r="AG27" s="281">
        <v>24</v>
      </c>
      <c r="AH27" s="278">
        <v>249</v>
      </c>
      <c r="AI27" s="283">
        <v>296</v>
      </c>
      <c r="AJ27" s="277">
        <v>3</v>
      </c>
      <c r="AK27" s="281">
        <v>4</v>
      </c>
      <c r="AL27" s="278">
        <v>7</v>
      </c>
      <c r="AM27" s="280">
        <v>0</v>
      </c>
      <c r="AN27" s="281">
        <v>3</v>
      </c>
      <c r="AO27" s="281">
        <v>10</v>
      </c>
      <c r="AP27" s="281">
        <v>8</v>
      </c>
      <c r="AQ27" s="281">
        <v>5</v>
      </c>
      <c r="AR27" s="281">
        <v>5</v>
      </c>
      <c r="AS27" s="278">
        <v>31</v>
      </c>
      <c r="AT27" s="283">
        <v>38</v>
      </c>
      <c r="AU27" s="277">
        <v>4</v>
      </c>
      <c r="AV27" s="281">
        <v>13</v>
      </c>
      <c r="AW27" s="278">
        <v>17</v>
      </c>
      <c r="AX27" s="280">
        <v>0</v>
      </c>
      <c r="AY27" s="281">
        <v>75</v>
      </c>
      <c r="AZ27" s="281">
        <v>67</v>
      </c>
      <c r="BA27" s="281">
        <v>44</v>
      </c>
      <c r="BB27" s="281">
        <v>76</v>
      </c>
      <c r="BC27" s="281">
        <v>48</v>
      </c>
      <c r="BD27" s="282">
        <v>310</v>
      </c>
      <c r="BE27" s="283">
        <v>327</v>
      </c>
      <c r="BF27" s="277">
        <v>0</v>
      </c>
      <c r="BG27" s="281">
        <v>0</v>
      </c>
      <c r="BH27" s="278">
        <v>0</v>
      </c>
      <c r="BI27" s="280">
        <v>0</v>
      </c>
      <c r="BJ27" s="281">
        <v>153</v>
      </c>
      <c r="BK27" s="281">
        <v>75</v>
      </c>
      <c r="BL27" s="281">
        <v>46</v>
      </c>
      <c r="BM27" s="281">
        <v>37</v>
      </c>
      <c r="BN27" s="281">
        <v>9</v>
      </c>
      <c r="BO27" s="278">
        <v>320</v>
      </c>
      <c r="BP27" s="283">
        <v>320</v>
      </c>
      <c r="BQ27" s="277">
        <v>9</v>
      </c>
      <c r="BR27" s="281">
        <v>15</v>
      </c>
      <c r="BS27" s="278">
        <v>24</v>
      </c>
      <c r="BT27" s="280">
        <v>0</v>
      </c>
      <c r="BU27" s="281">
        <v>43</v>
      </c>
      <c r="BV27" s="281">
        <v>60</v>
      </c>
      <c r="BW27" s="281">
        <v>23</v>
      </c>
      <c r="BX27" s="281">
        <v>15</v>
      </c>
      <c r="BY27" s="281">
        <v>3</v>
      </c>
      <c r="BZ27" s="278">
        <v>144</v>
      </c>
      <c r="CA27" s="283">
        <v>168</v>
      </c>
      <c r="CB27" s="277">
        <v>0</v>
      </c>
      <c r="CC27" s="281">
        <v>4</v>
      </c>
      <c r="CD27" s="278">
        <v>4</v>
      </c>
      <c r="CE27" s="280">
        <v>0</v>
      </c>
      <c r="CF27" s="281">
        <v>16</v>
      </c>
      <c r="CG27" s="281">
        <v>24</v>
      </c>
      <c r="CH27" s="281">
        <v>16</v>
      </c>
      <c r="CI27" s="281">
        <v>11</v>
      </c>
      <c r="CJ27" s="281">
        <v>6</v>
      </c>
      <c r="CK27" s="278">
        <v>73</v>
      </c>
      <c r="CL27" s="283">
        <v>77</v>
      </c>
      <c r="CM27" s="277">
        <v>0</v>
      </c>
      <c r="CN27" s="281">
        <v>0</v>
      </c>
      <c r="CO27" s="278">
        <v>0</v>
      </c>
      <c r="CP27" s="280">
        <v>0</v>
      </c>
      <c r="CQ27" s="281">
        <v>4</v>
      </c>
      <c r="CR27" s="281">
        <v>4</v>
      </c>
      <c r="CS27" s="281">
        <v>6</v>
      </c>
      <c r="CT27" s="281">
        <v>4</v>
      </c>
      <c r="CU27" s="281">
        <v>2</v>
      </c>
      <c r="CV27" s="278">
        <v>20</v>
      </c>
      <c r="CW27" s="283">
        <v>20</v>
      </c>
      <c r="CX27" s="277">
        <v>0</v>
      </c>
      <c r="CY27" s="281">
        <v>0</v>
      </c>
      <c r="CZ27" s="278">
        <v>0</v>
      </c>
      <c r="DA27" s="280">
        <v>0</v>
      </c>
      <c r="DB27" s="281">
        <v>0</v>
      </c>
      <c r="DC27" s="281">
        <v>0</v>
      </c>
      <c r="DD27" s="281">
        <v>0</v>
      </c>
      <c r="DE27" s="281">
        <v>0</v>
      </c>
      <c r="DF27" s="281">
        <v>0</v>
      </c>
      <c r="DG27" s="278">
        <v>0</v>
      </c>
      <c r="DH27" s="283">
        <v>0</v>
      </c>
      <c r="DI27" s="277">
        <v>0</v>
      </c>
      <c r="DJ27" s="281">
        <v>0</v>
      </c>
      <c r="DK27" s="278">
        <v>0</v>
      </c>
      <c r="DL27" s="280">
        <v>0</v>
      </c>
      <c r="DM27" s="281">
        <v>0</v>
      </c>
      <c r="DN27" s="281">
        <v>0</v>
      </c>
      <c r="DO27" s="281">
        <v>0</v>
      </c>
      <c r="DP27" s="281">
        <v>0</v>
      </c>
      <c r="DQ27" s="281">
        <v>0</v>
      </c>
      <c r="DR27" s="278">
        <v>0</v>
      </c>
      <c r="DS27" s="283">
        <v>0</v>
      </c>
      <c r="DT27" s="277">
        <v>73</v>
      </c>
      <c r="DU27" s="281">
        <v>122</v>
      </c>
      <c r="DV27" s="278">
        <v>195</v>
      </c>
      <c r="DW27" s="280">
        <v>0</v>
      </c>
      <c r="DX27" s="281">
        <v>138</v>
      </c>
      <c r="DY27" s="281">
        <v>190</v>
      </c>
      <c r="DZ27" s="281">
        <v>109</v>
      </c>
      <c r="EA27" s="281">
        <v>111</v>
      </c>
      <c r="EB27" s="281">
        <v>51</v>
      </c>
      <c r="EC27" s="278">
        <v>599</v>
      </c>
      <c r="ED27" s="283">
        <v>794</v>
      </c>
      <c r="EE27" s="277">
        <v>2</v>
      </c>
      <c r="EF27" s="281">
        <v>3</v>
      </c>
      <c r="EG27" s="278">
        <v>5</v>
      </c>
      <c r="EH27" s="280">
        <v>0</v>
      </c>
      <c r="EI27" s="281">
        <v>22</v>
      </c>
      <c r="EJ27" s="281">
        <v>18</v>
      </c>
      <c r="EK27" s="281">
        <v>7</v>
      </c>
      <c r="EL27" s="281">
        <v>22</v>
      </c>
      <c r="EM27" s="281">
        <v>13</v>
      </c>
      <c r="EN27" s="278">
        <v>82</v>
      </c>
      <c r="EO27" s="283">
        <v>87</v>
      </c>
      <c r="EP27" s="277">
        <v>87</v>
      </c>
      <c r="EQ27" s="281">
        <v>141</v>
      </c>
      <c r="ER27" s="278">
        <v>228</v>
      </c>
      <c r="ES27" s="280">
        <v>0</v>
      </c>
      <c r="ET27" s="281">
        <v>365</v>
      </c>
      <c r="EU27" s="281">
        <v>255</v>
      </c>
      <c r="EV27" s="281">
        <v>121</v>
      </c>
      <c r="EW27" s="281">
        <v>122</v>
      </c>
      <c r="EX27" s="281">
        <v>59</v>
      </c>
      <c r="EY27" s="278">
        <v>922</v>
      </c>
      <c r="EZ27" s="283">
        <v>1150</v>
      </c>
    </row>
    <row r="28" spans="2:156" ht="19.8" customHeight="1" x14ac:dyDescent="0.2">
      <c r="B28" s="262" t="s">
        <v>26</v>
      </c>
      <c r="C28" s="277">
        <v>0</v>
      </c>
      <c r="D28" s="281">
        <v>0</v>
      </c>
      <c r="E28" s="385">
        <v>0</v>
      </c>
      <c r="F28" s="280">
        <v>0</v>
      </c>
      <c r="G28" s="281">
        <v>81</v>
      </c>
      <c r="H28" s="281">
        <v>68</v>
      </c>
      <c r="I28" s="281">
        <v>47</v>
      </c>
      <c r="J28" s="281">
        <v>40</v>
      </c>
      <c r="K28" s="281">
        <v>46</v>
      </c>
      <c r="L28" s="282">
        <v>282</v>
      </c>
      <c r="M28" s="283">
        <v>282</v>
      </c>
      <c r="N28" s="277">
        <v>0</v>
      </c>
      <c r="O28" s="281">
        <v>0</v>
      </c>
      <c r="P28" s="278">
        <v>0</v>
      </c>
      <c r="Q28" s="280">
        <v>0</v>
      </c>
      <c r="R28" s="281">
        <v>0</v>
      </c>
      <c r="S28" s="281">
        <v>2</v>
      </c>
      <c r="T28" s="281">
        <v>5</v>
      </c>
      <c r="U28" s="281">
        <v>14</v>
      </c>
      <c r="V28" s="281">
        <v>13</v>
      </c>
      <c r="W28" s="278">
        <v>34</v>
      </c>
      <c r="X28" s="283">
        <v>34</v>
      </c>
      <c r="Y28" s="277">
        <v>10</v>
      </c>
      <c r="Z28" s="281">
        <v>20</v>
      </c>
      <c r="AA28" s="278">
        <v>30</v>
      </c>
      <c r="AB28" s="280">
        <v>0</v>
      </c>
      <c r="AC28" s="281">
        <v>61</v>
      </c>
      <c r="AD28" s="281">
        <v>69</v>
      </c>
      <c r="AE28" s="281">
        <v>38</v>
      </c>
      <c r="AF28" s="281">
        <v>36</v>
      </c>
      <c r="AG28" s="281">
        <v>37</v>
      </c>
      <c r="AH28" s="278">
        <v>241</v>
      </c>
      <c r="AI28" s="283">
        <v>271</v>
      </c>
      <c r="AJ28" s="277">
        <v>0</v>
      </c>
      <c r="AK28" s="281">
        <v>0</v>
      </c>
      <c r="AL28" s="278">
        <v>0</v>
      </c>
      <c r="AM28" s="280">
        <v>0</v>
      </c>
      <c r="AN28" s="281">
        <v>4</v>
      </c>
      <c r="AO28" s="281">
        <v>6</v>
      </c>
      <c r="AP28" s="281">
        <v>3</v>
      </c>
      <c r="AQ28" s="281">
        <v>2</v>
      </c>
      <c r="AR28" s="281">
        <v>2</v>
      </c>
      <c r="AS28" s="278">
        <v>17</v>
      </c>
      <c r="AT28" s="283">
        <v>17</v>
      </c>
      <c r="AU28" s="277">
        <v>12</v>
      </c>
      <c r="AV28" s="281">
        <v>6</v>
      </c>
      <c r="AW28" s="278">
        <v>18</v>
      </c>
      <c r="AX28" s="280">
        <v>0</v>
      </c>
      <c r="AY28" s="281">
        <v>53</v>
      </c>
      <c r="AZ28" s="281">
        <v>56</v>
      </c>
      <c r="BA28" s="281">
        <v>63</v>
      </c>
      <c r="BB28" s="281">
        <v>62</v>
      </c>
      <c r="BC28" s="281">
        <v>56</v>
      </c>
      <c r="BD28" s="282">
        <v>290</v>
      </c>
      <c r="BE28" s="283">
        <v>308</v>
      </c>
      <c r="BF28" s="277">
        <v>0</v>
      </c>
      <c r="BG28" s="281">
        <v>0</v>
      </c>
      <c r="BH28" s="278">
        <v>0</v>
      </c>
      <c r="BI28" s="280">
        <v>0</v>
      </c>
      <c r="BJ28" s="281">
        <v>117</v>
      </c>
      <c r="BK28" s="281">
        <v>79</v>
      </c>
      <c r="BL28" s="281">
        <v>53</v>
      </c>
      <c r="BM28" s="281">
        <v>27</v>
      </c>
      <c r="BN28" s="281">
        <v>14</v>
      </c>
      <c r="BO28" s="278">
        <v>290</v>
      </c>
      <c r="BP28" s="283">
        <v>290</v>
      </c>
      <c r="BQ28" s="277">
        <v>5</v>
      </c>
      <c r="BR28" s="281">
        <v>6</v>
      </c>
      <c r="BS28" s="278">
        <v>11</v>
      </c>
      <c r="BT28" s="280">
        <v>0</v>
      </c>
      <c r="BU28" s="281">
        <v>23</v>
      </c>
      <c r="BV28" s="281">
        <v>26</v>
      </c>
      <c r="BW28" s="281">
        <v>15</v>
      </c>
      <c r="BX28" s="281">
        <v>7</v>
      </c>
      <c r="BY28" s="281">
        <v>7</v>
      </c>
      <c r="BZ28" s="278">
        <v>78</v>
      </c>
      <c r="CA28" s="283">
        <v>89</v>
      </c>
      <c r="CB28" s="277">
        <v>0</v>
      </c>
      <c r="CC28" s="281">
        <v>1</v>
      </c>
      <c r="CD28" s="278">
        <v>1</v>
      </c>
      <c r="CE28" s="280">
        <v>0</v>
      </c>
      <c r="CF28" s="281">
        <v>10</v>
      </c>
      <c r="CG28" s="281">
        <v>15</v>
      </c>
      <c r="CH28" s="281">
        <v>21</v>
      </c>
      <c r="CI28" s="281">
        <v>18</v>
      </c>
      <c r="CJ28" s="281">
        <v>9</v>
      </c>
      <c r="CK28" s="278">
        <v>73</v>
      </c>
      <c r="CL28" s="283">
        <v>74</v>
      </c>
      <c r="CM28" s="277">
        <v>0</v>
      </c>
      <c r="CN28" s="281">
        <v>0</v>
      </c>
      <c r="CO28" s="278">
        <v>0</v>
      </c>
      <c r="CP28" s="280">
        <v>0</v>
      </c>
      <c r="CQ28" s="281">
        <v>2</v>
      </c>
      <c r="CR28" s="281">
        <v>4</v>
      </c>
      <c r="CS28" s="281">
        <v>3</v>
      </c>
      <c r="CT28" s="281">
        <v>3</v>
      </c>
      <c r="CU28" s="281">
        <v>4</v>
      </c>
      <c r="CV28" s="278">
        <v>16</v>
      </c>
      <c r="CW28" s="283">
        <v>16</v>
      </c>
      <c r="CX28" s="277">
        <v>0</v>
      </c>
      <c r="CY28" s="281">
        <v>0</v>
      </c>
      <c r="CZ28" s="278">
        <v>0</v>
      </c>
      <c r="DA28" s="280">
        <v>0</v>
      </c>
      <c r="DB28" s="281">
        <v>0</v>
      </c>
      <c r="DC28" s="281">
        <v>0</v>
      </c>
      <c r="DD28" s="281">
        <v>0</v>
      </c>
      <c r="DE28" s="281">
        <v>0</v>
      </c>
      <c r="DF28" s="281">
        <v>0</v>
      </c>
      <c r="DG28" s="278">
        <v>0</v>
      </c>
      <c r="DH28" s="283">
        <v>0</v>
      </c>
      <c r="DI28" s="277">
        <v>0</v>
      </c>
      <c r="DJ28" s="281">
        <v>0</v>
      </c>
      <c r="DK28" s="278">
        <v>0</v>
      </c>
      <c r="DL28" s="280">
        <v>0</v>
      </c>
      <c r="DM28" s="281">
        <v>0</v>
      </c>
      <c r="DN28" s="281">
        <v>0</v>
      </c>
      <c r="DO28" s="281">
        <v>0</v>
      </c>
      <c r="DP28" s="281">
        <v>0</v>
      </c>
      <c r="DQ28" s="281">
        <v>0</v>
      </c>
      <c r="DR28" s="278">
        <v>0</v>
      </c>
      <c r="DS28" s="283">
        <v>0</v>
      </c>
      <c r="DT28" s="277">
        <v>56</v>
      </c>
      <c r="DU28" s="281">
        <v>90</v>
      </c>
      <c r="DV28" s="278">
        <v>146</v>
      </c>
      <c r="DW28" s="280">
        <v>0</v>
      </c>
      <c r="DX28" s="281">
        <v>152</v>
      </c>
      <c r="DY28" s="281">
        <v>171</v>
      </c>
      <c r="DZ28" s="281">
        <v>115</v>
      </c>
      <c r="EA28" s="281">
        <v>85</v>
      </c>
      <c r="EB28" s="281">
        <v>63</v>
      </c>
      <c r="EC28" s="278">
        <v>586</v>
      </c>
      <c r="ED28" s="283">
        <v>732</v>
      </c>
      <c r="EE28" s="277">
        <v>12</v>
      </c>
      <c r="EF28" s="281">
        <v>2</v>
      </c>
      <c r="EG28" s="278">
        <v>14</v>
      </c>
      <c r="EH28" s="280">
        <v>0</v>
      </c>
      <c r="EI28" s="281">
        <v>19</v>
      </c>
      <c r="EJ28" s="281">
        <v>22</v>
      </c>
      <c r="EK28" s="281">
        <v>19</v>
      </c>
      <c r="EL28" s="281">
        <v>20</v>
      </c>
      <c r="EM28" s="281">
        <v>10</v>
      </c>
      <c r="EN28" s="278">
        <v>90</v>
      </c>
      <c r="EO28" s="283">
        <v>104</v>
      </c>
      <c r="EP28" s="277">
        <v>67</v>
      </c>
      <c r="EQ28" s="281">
        <v>105</v>
      </c>
      <c r="ER28" s="278">
        <v>172</v>
      </c>
      <c r="ES28" s="280">
        <v>0</v>
      </c>
      <c r="ET28" s="281">
        <v>288</v>
      </c>
      <c r="EU28" s="281">
        <v>223</v>
      </c>
      <c r="EV28" s="281">
        <v>133</v>
      </c>
      <c r="EW28" s="281">
        <v>89</v>
      </c>
      <c r="EX28" s="281">
        <v>69</v>
      </c>
      <c r="EY28" s="278">
        <v>802</v>
      </c>
      <c r="EZ28" s="283">
        <v>974</v>
      </c>
    </row>
    <row r="29" spans="2:156" ht="19.8" customHeight="1" x14ac:dyDescent="0.2">
      <c r="B29" s="262" t="s">
        <v>27</v>
      </c>
      <c r="C29" s="277">
        <v>0</v>
      </c>
      <c r="D29" s="281">
        <v>0</v>
      </c>
      <c r="E29" s="385">
        <v>0</v>
      </c>
      <c r="F29" s="280">
        <v>0</v>
      </c>
      <c r="G29" s="281">
        <v>49</v>
      </c>
      <c r="H29" s="281">
        <v>58</v>
      </c>
      <c r="I29" s="281">
        <v>42</v>
      </c>
      <c r="J29" s="281">
        <v>34</v>
      </c>
      <c r="K29" s="281">
        <v>31</v>
      </c>
      <c r="L29" s="282">
        <v>214</v>
      </c>
      <c r="M29" s="283">
        <v>214</v>
      </c>
      <c r="N29" s="277">
        <v>0</v>
      </c>
      <c r="O29" s="281">
        <v>0</v>
      </c>
      <c r="P29" s="278">
        <v>0</v>
      </c>
      <c r="Q29" s="280">
        <v>0</v>
      </c>
      <c r="R29" s="281">
        <v>1</v>
      </c>
      <c r="S29" s="281">
        <v>2</v>
      </c>
      <c r="T29" s="281">
        <v>6</v>
      </c>
      <c r="U29" s="281">
        <v>13</v>
      </c>
      <c r="V29" s="281">
        <v>15</v>
      </c>
      <c r="W29" s="278">
        <v>37</v>
      </c>
      <c r="X29" s="283">
        <v>37</v>
      </c>
      <c r="Y29" s="277">
        <v>22</v>
      </c>
      <c r="Z29" s="281">
        <v>39</v>
      </c>
      <c r="AA29" s="278">
        <v>61</v>
      </c>
      <c r="AB29" s="280">
        <v>0</v>
      </c>
      <c r="AC29" s="281">
        <v>32</v>
      </c>
      <c r="AD29" s="281">
        <v>41</v>
      </c>
      <c r="AE29" s="281">
        <v>36</v>
      </c>
      <c r="AF29" s="281">
        <v>32</v>
      </c>
      <c r="AG29" s="281">
        <v>27</v>
      </c>
      <c r="AH29" s="278">
        <v>168</v>
      </c>
      <c r="AI29" s="283">
        <v>229</v>
      </c>
      <c r="AJ29" s="277">
        <v>0</v>
      </c>
      <c r="AK29" s="281">
        <v>3</v>
      </c>
      <c r="AL29" s="278">
        <v>3</v>
      </c>
      <c r="AM29" s="280">
        <v>0</v>
      </c>
      <c r="AN29" s="281">
        <v>0</v>
      </c>
      <c r="AO29" s="281">
        <v>0</v>
      </c>
      <c r="AP29" s="281">
        <v>0</v>
      </c>
      <c r="AQ29" s="281">
        <v>0</v>
      </c>
      <c r="AR29" s="281">
        <v>2</v>
      </c>
      <c r="AS29" s="278">
        <v>2</v>
      </c>
      <c r="AT29" s="283">
        <v>5</v>
      </c>
      <c r="AU29" s="277">
        <v>13</v>
      </c>
      <c r="AV29" s="281">
        <v>17</v>
      </c>
      <c r="AW29" s="278">
        <v>30</v>
      </c>
      <c r="AX29" s="280">
        <v>0</v>
      </c>
      <c r="AY29" s="281">
        <v>62</v>
      </c>
      <c r="AZ29" s="281">
        <v>63</v>
      </c>
      <c r="BA29" s="281">
        <v>77</v>
      </c>
      <c r="BB29" s="281">
        <v>74</v>
      </c>
      <c r="BC29" s="281">
        <v>44</v>
      </c>
      <c r="BD29" s="282">
        <v>320</v>
      </c>
      <c r="BE29" s="283">
        <v>350</v>
      </c>
      <c r="BF29" s="277">
        <v>0</v>
      </c>
      <c r="BG29" s="281">
        <v>0</v>
      </c>
      <c r="BH29" s="278">
        <v>0</v>
      </c>
      <c r="BI29" s="280">
        <v>0</v>
      </c>
      <c r="BJ29" s="281">
        <v>98</v>
      </c>
      <c r="BK29" s="281">
        <v>81</v>
      </c>
      <c r="BL29" s="281">
        <v>42</v>
      </c>
      <c r="BM29" s="281">
        <v>30</v>
      </c>
      <c r="BN29" s="281">
        <v>15</v>
      </c>
      <c r="BO29" s="278">
        <v>266</v>
      </c>
      <c r="BP29" s="283">
        <v>266</v>
      </c>
      <c r="BQ29" s="277">
        <v>13</v>
      </c>
      <c r="BR29" s="281">
        <v>24</v>
      </c>
      <c r="BS29" s="278">
        <v>37</v>
      </c>
      <c r="BT29" s="280">
        <v>0</v>
      </c>
      <c r="BU29" s="281">
        <v>20</v>
      </c>
      <c r="BV29" s="281">
        <v>27</v>
      </c>
      <c r="BW29" s="281">
        <v>16</v>
      </c>
      <c r="BX29" s="281">
        <v>5</v>
      </c>
      <c r="BY29" s="281">
        <v>6</v>
      </c>
      <c r="BZ29" s="278">
        <v>74</v>
      </c>
      <c r="CA29" s="283">
        <v>111</v>
      </c>
      <c r="CB29" s="277">
        <v>0</v>
      </c>
      <c r="CC29" s="281">
        <v>2</v>
      </c>
      <c r="CD29" s="278">
        <v>2</v>
      </c>
      <c r="CE29" s="280">
        <v>0</v>
      </c>
      <c r="CF29" s="281">
        <v>10</v>
      </c>
      <c r="CG29" s="281">
        <v>12</v>
      </c>
      <c r="CH29" s="281">
        <v>12</v>
      </c>
      <c r="CI29" s="281">
        <v>11</v>
      </c>
      <c r="CJ29" s="281">
        <v>7</v>
      </c>
      <c r="CK29" s="278">
        <v>52</v>
      </c>
      <c r="CL29" s="283">
        <v>54</v>
      </c>
      <c r="CM29" s="277">
        <v>0</v>
      </c>
      <c r="CN29" s="281">
        <v>0</v>
      </c>
      <c r="CO29" s="278">
        <v>0</v>
      </c>
      <c r="CP29" s="280">
        <v>0</v>
      </c>
      <c r="CQ29" s="281">
        <v>6</v>
      </c>
      <c r="CR29" s="281">
        <v>4</v>
      </c>
      <c r="CS29" s="281">
        <v>1</v>
      </c>
      <c r="CT29" s="281">
        <v>4</v>
      </c>
      <c r="CU29" s="281">
        <v>1</v>
      </c>
      <c r="CV29" s="278">
        <v>16</v>
      </c>
      <c r="CW29" s="283">
        <v>16</v>
      </c>
      <c r="CX29" s="277">
        <v>0</v>
      </c>
      <c r="CY29" s="281">
        <v>0</v>
      </c>
      <c r="CZ29" s="278">
        <v>0</v>
      </c>
      <c r="DA29" s="280">
        <v>0</v>
      </c>
      <c r="DB29" s="281">
        <v>0</v>
      </c>
      <c r="DC29" s="281">
        <v>0</v>
      </c>
      <c r="DD29" s="281">
        <v>0</v>
      </c>
      <c r="DE29" s="281">
        <v>0</v>
      </c>
      <c r="DF29" s="281">
        <v>0</v>
      </c>
      <c r="DG29" s="278">
        <v>0</v>
      </c>
      <c r="DH29" s="283">
        <v>0</v>
      </c>
      <c r="DI29" s="277">
        <v>0</v>
      </c>
      <c r="DJ29" s="281">
        <v>0</v>
      </c>
      <c r="DK29" s="278">
        <v>0</v>
      </c>
      <c r="DL29" s="280">
        <v>0</v>
      </c>
      <c r="DM29" s="281">
        <v>0</v>
      </c>
      <c r="DN29" s="281">
        <v>0</v>
      </c>
      <c r="DO29" s="281">
        <v>0</v>
      </c>
      <c r="DP29" s="281">
        <v>0</v>
      </c>
      <c r="DQ29" s="281">
        <v>0</v>
      </c>
      <c r="DR29" s="278">
        <v>0</v>
      </c>
      <c r="DS29" s="283">
        <v>0</v>
      </c>
      <c r="DT29" s="277">
        <v>77</v>
      </c>
      <c r="DU29" s="281">
        <v>124</v>
      </c>
      <c r="DV29" s="278">
        <v>201</v>
      </c>
      <c r="DW29" s="280">
        <v>0</v>
      </c>
      <c r="DX29" s="281">
        <v>69</v>
      </c>
      <c r="DY29" s="281">
        <v>147</v>
      </c>
      <c r="DZ29" s="281">
        <v>98</v>
      </c>
      <c r="EA29" s="281">
        <v>57</v>
      </c>
      <c r="EB29" s="281">
        <v>41</v>
      </c>
      <c r="EC29" s="278">
        <v>412</v>
      </c>
      <c r="ED29" s="283">
        <v>613</v>
      </c>
      <c r="EE29" s="277">
        <v>11</v>
      </c>
      <c r="EF29" s="281">
        <v>13</v>
      </c>
      <c r="EG29" s="278">
        <v>24</v>
      </c>
      <c r="EH29" s="280">
        <v>0</v>
      </c>
      <c r="EI29" s="281">
        <v>33</v>
      </c>
      <c r="EJ29" s="281">
        <v>31</v>
      </c>
      <c r="EK29" s="281">
        <v>38</v>
      </c>
      <c r="EL29" s="281">
        <v>39</v>
      </c>
      <c r="EM29" s="281">
        <v>14</v>
      </c>
      <c r="EN29" s="278">
        <v>155</v>
      </c>
      <c r="EO29" s="283">
        <v>179</v>
      </c>
      <c r="EP29" s="277">
        <v>101</v>
      </c>
      <c r="EQ29" s="281">
        <v>149</v>
      </c>
      <c r="ER29" s="278">
        <v>250</v>
      </c>
      <c r="ES29" s="280">
        <v>0</v>
      </c>
      <c r="ET29" s="281">
        <v>191</v>
      </c>
      <c r="EU29" s="281">
        <v>182</v>
      </c>
      <c r="EV29" s="281">
        <v>115</v>
      </c>
      <c r="EW29" s="281">
        <v>66</v>
      </c>
      <c r="EX29" s="281">
        <v>43</v>
      </c>
      <c r="EY29" s="278">
        <v>597</v>
      </c>
      <c r="EZ29" s="283">
        <v>847</v>
      </c>
    </row>
    <row r="30" spans="2:156" ht="19.8" customHeight="1" x14ac:dyDescent="0.2">
      <c r="B30" s="262" t="s">
        <v>28</v>
      </c>
      <c r="C30" s="277">
        <v>0</v>
      </c>
      <c r="D30" s="281">
        <v>0</v>
      </c>
      <c r="E30" s="385">
        <v>0</v>
      </c>
      <c r="F30" s="280">
        <v>0</v>
      </c>
      <c r="G30" s="281">
        <v>12</v>
      </c>
      <c r="H30" s="281">
        <v>15</v>
      </c>
      <c r="I30" s="281">
        <v>6</v>
      </c>
      <c r="J30" s="281">
        <v>8</v>
      </c>
      <c r="K30" s="281">
        <v>11</v>
      </c>
      <c r="L30" s="282">
        <v>52</v>
      </c>
      <c r="M30" s="283">
        <v>52</v>
      </c>
      <c r="N30" s="277">
        <v>0</v>
      </c>
      <c r="O30" s="281">
        <v>0</v>
      </c>
      <c r="P30" s="278">
        <v>0</v>
      </c>
      <c r="Q30" s="280">
        <v>0</v>
      </c>
      <c r="R30" s="281">
        <v>0</v>
      </c>
      <c r="S30" s="281">
        <v>0</v>
      </c>
      <c r="T30" s="281">
        <v>2</v>
      </c>
      <c r="U30" s="281">
        <v>2</v>
      </c>
      <c r="V30" s="281">
        <v>2</v>
      </c>
      <c r="W30" s="278">
        <v>6</v>
      </c>
      <c r="X30" s="283">
        <v>6</v>
      </c>
      <c r="Y30" s="277">
        <v>1</v>
      </c>
      <c r="Z30" s="281">
        <v>2</v>
      </c>
      <c r="AA30" s="278">
        <v>3</v>
      </c>
      <c r="AB30" s="280">
        <v>0</v>
      </c>
      <c r="AC30" s="281">
        <v>8</v>
      </c>
      <c r="AD30" s="281">
        <v>21</v>
      </c>
      <c r="AE30" s="281">
        <v>10</v>
      </c>
      <c r="AF30" s="281">
        <v>11</v>
      </c>
      <c r="AG30" s="281">
        <v>11</v>
      </c>
      <c r="AH30" s="278">
        <v>61</v>
      </c>
      <c r="AI30" s="283">
        <v>64</v>
      </c>
      <c r="AJ30" s="277">
        <v>0</v>
      </c>
      <c r="AK30" s="281">
        <v>0</v>
      </c>
      <c r="AL30" s="278">
        <v>0</v>
      </c>
      <c r="AM30" s="280">
        <v>0</v>
      </c>
      <c r="AN30" s="281">
        <v>4</v>
      </c>
      <c r="AO30" s="281">
        <v>1</v>
      </c>
      <c r="AP30" s="281">
        <v>0</v>
      </c>
      <c r="AQ30" s="281">
        <v>1</v>
      </c>
      <c r="AR30" s="281">
        <v>2</v>
      </c>
      <c r="AS30" s="278">
        <v>8</v>
      </c>
      <c r="AT30" s="283">
        <v>8</v>
      </c>
      <c r="AU30" s="277">
        <v>1</v>
      </c>
      <c r="AV30" s="281">
        <v>1</v>
      </c>
      <c r="AW30" s="278">
        <v>2</v>
      </c>
      <c r="AX30" s="280">
        <v>0</v>
      </c>
      <c r="AY30" s="281">
        <v>12</v>
      </c>
      <c r="AZ30" s="281">
        <v>25</v>
      </c>
      <c r="BA30" s="281">
        <v>18</v>
      </c>
      <c r="BB30" s="281">
        <v>16</v>
      </c>
      <c r="BC30" s="281">
        <v>17</v>
      </c>
      <c r="BD30" s="282">
        <v>88</v>
      </c>
      <c r="BE30" s="283">
        <v>90</v>
      </c>
      <c r="BF30" s="277">
        <v>1</v>
      </c>
      <c r="BG30" s="281">
        <v>0</v>
      </c>
      <c r="BH30" s="278">
        <v>1</v>
      </c>
      <c r="BI30" s="280">
        <v>0</v>
      </c>
      <c r="BJ30" s="281">
        <v>27</v>
      </c>
      <c r="BK30" s="281">
        <v>34</v>
      </c>
      <c r="BL30" s="281">
        <v>13</v>
      </c>
      <c r="BM30" s="281">
        <v>12</v>
      </c>
      <c r="BN30" s="281">
        <v>5</v>
      </c>
      <c r="BO30" s="278">
        <v>91</v>
      </c>
      <c r="BP30" s="283">
        <v>92</v>
      </c>
      <c r="BQ30" s="277">
        <v>0</v>
      </c>
      <c r="BR30" s="281">
        <v>4</v>
      </c>
      <c r="BS30" s="278">
        <v>4</v>
      </c>
      <c r="BT30" s="280">
        <v>0</v>
      </c>
      <c r="BU30" s="281">
        <v>6</v>
      </c>
      <c r="BV30" s="281">
        <v>14</v>
      </c>
      <c r="BW30" s="281">
        <v>6</v>
      </c>
      <c r="BX30" s="281">
        <v>7</v>
      </c>
      <c r="BY30" s="281">
        <v>7</v>
      </c>
      <c r="BZ30" s="278">
        <v>40</v>
      </c>
      <c r="CA30" s="283">
        <v>44</v>
      </c>
      <c r="CB30" s="277">
        <v>1</v>
      </c>
      <c r="CC30" s="281">
        <v>1</v>
      </c>
      <c r="CD30" s="278">
        <v>2</v>
      </c>
      <c r="CE30" s="280">
        <v>0</v>
      </c>
      <c r="CF30" s="281">
        <v>2</v>
      </c>
      <c r="CG30" s="281">
        <v>4</v>
      </c>
      <c r="CH30" s="281">
        <v>10</v>
      </c>
      <c r="CI30" s="281">
        <v>7</v>
      </c>
      <c r="CJ30" s="281">
        <v>3</v>
      </c>
      <c r="CK30" s="278">
        <v>26</v>
      </c>
      <c r="CL30" s="283">
        <v>28</v>
      </c>
      <c r="CM30" s="277">
        <v>0</v>
      </c>
      <c r="CN30" s="281">
        <v>0</v>
      </c>
      <c r="CO30" s="278">
        <v>0</v>
      </c>
      <c r="CP30" s="280">
        <v>0</v>
      </c>
      <c r="CQ30" s="281">
        <v>2</v>
      </c>
      <c r="CR30" s="281">
        <v>1</v>
      </c>
      <c r="CS30" s="281">
        <v>2</v>
      </c>
      <c r="CT30" s="281">
        <v>1</v>
      </c>
      <c r="CU30" s="281">
        <v>1</v>
      </c>
      <c r="CV30" s="278">
        <v>7</v>
      </c>
      <c r="CW30" s="283">
        <v>7</v>
      </c>
      <c r="CX30" s="277">
        <v>0</v>
      </c>
      <c r="CY30" s="281">
        <v>0</v>
      </c>
      <c r="CZ30" s="278">
        <v>0</v>
      </c>
      <c r="DA30" s="280">
        <v>0</v>
      </c>
      <c r="DB30" s="281">
        <v>0</v>
      </c>
      <c r="DC30" s="281">
        <v>0</v>
      </c>
      <c r="DD30" s="281">
        <v>0</v>
      </c>
      <c r="DE30" s="281">
        <v>0</v>
      </c>
      <c r="DF30" s="281">
        <v>0</v>
      </c>
      <c r="DG30" s="278">
        <v>0</v>
      </c>
      <c r="DH30" s="283">
        <v>0</v>
      </c>
      <c r="DI30" s="277">
        <v>0</v>
      </c>
      <c r="DJ30" s="281">
        <v>0</v>
      </c>
      <c r="DK30" s="278">
        <v>0</v>
      </c>
      <c r="DL30" s="280">
        <v>0</v>
      </c>
      <c r="DM30" s="281">
        <v>0</v>
      </c>
      <c r="DN30" s="281">
        <v>0</v>
      </c>
      <c r="DO30" s="281">
        <v>0</v>
      </c>
      <c r="DP30" s="281">
        <v>0</v>
      </c>
      <c r="DQ30" s="281">
        <v>0</v>
      </c>
      <c r="DR30" s="278">
        <v>0</v>
      </c>
      <c r="DS30" s="283">
        <v>0</v>
      </c>
      <c r="DT30" s="277">
        <v>7</v>
      </c>
      <c r="DU30" s="281">
        <v>17</v>
      </c>
      <c r="DV30" s="278">
        <v>24</v>
      </c>
      <c r="DW30" s="280">
        <v>0</v>
      </c>
      <c r="DX30" s="281">
        <v>30</v>
      </c>
      <c r="DY30" s="281">
        <v>61</v>
      </c>
      <c r="DZ30" s="281">
        <v>27</v>
      </c>
      <c r="EA30" s="281">
        <v>24</v>
      </c>
      <c r="EB30" s="281">
        <v>19</v>
      </c>
      <c r="EC30" s="278">
        <v>161</v>
      </c>
      <c r="ED30" s="283">
        <v>185</v>
      </c>
      <c r="EE30" s="277">
        <v>1</v>
      </c>
      <c r="EF30" s="281">
        <v>0</v>
      </c>
      <c r="EG30" s="278">
        <v>1</v>
      </c>
      <c r="EH30" s="280">
        <v>0</v>
      </c>
      <c r="EI30" s="281">
        <v>6</v>
      </c>
      <c r="EJ30" s="281">
        <v>5</v>
      </c>
      <c r="EK30" s="281">
        <v>5</v>
      </c>
      <c r="EL30" s="281">
        <v>5</v>
      </c>
      <c r="EM30" s="281">
        <v>2</v>
      </c>
      <c r="EN30" s="278">
        <v>23</v>
      </c>
      <c r="EO30" s="283">
        <v>24</v>
      </c>
      <c r="EP30" s="277">
        <v>7</v>
      </c>
      <c r="EQ30" s="281">
        <v>20</v>
      </c>
      <c r="ER30" s="278">
        <v>27</v>
      </c>
      <c r="ES30" s="280">
        <v>0</v>
      </c>
      <c r="ET30" s="281">
        <v>67</v>
      </c>
      <c r="EU30" s="281">
        <v>83</v>
      </c>
      <c r="EV30" s="281">
        <v>32</v>
      </c>
      <c r="EW30" s="281">
        <v>28</v>
      </c>
      <c r="EX30" s="281">
        <v>20</v>
      </c>
      <c r="EY30" s="278">
        <v>230</v>
      </c>
      <c r="EZ30" s="283">
        <v>257</v>
      </c>
    </row>
    <row r="31" spans="2:156" ht="19.8" customHeight="1" x14ac:dyDescent="0.2">
      <c r="B31" s="262" t="s">
        <v>29</v>
      </c>
      <c r="C31" s="277">
        <v>0</v>
      </c>
      <c r="D31" s="281">
        <v>0</v>
      </c>
      <c r="E31" s="385">
        <v>0</v>
      </c>
      <c r="F31" s="280">
        <v>0</v>
      </c>
      <c r="G31" s="281">
        <v>20</v>
      </c>
      <c r="H31" s="281">
        <v>24</v>
      </c>
      <c r="I31" s="281">
        <v>10</v>
      </c>
      <c r="J31" s="281">
        <v>16</v>
      </c>
      <c r="K31" s="281">
        <v>9</v>
      </c>
      <c r="L31" s="282">
        <v>79</v>
      </c>
      <c r="M31" s="283">
        <v>79</v>
      </c>
      <c r="N31" s="277">
        <v>0</v>
      </c>
      <c r="O31" s="281">
        <v>0</v>
      </c>
      <c r="P31" s="278">
        <v>0</v>
      </c>
      <c r="Q31" s="280">
        <v>0</v>
      </c>
      <c r="R31" s="281">
        <v>0</v>
      </c>
      <c r="S31" s="281">
        <v>1</v>
      </c>
      <c r="T31" s="281">
        <v>2</v>
      </c>
      <c r="U31" s="281">
        <v>2</v>
      </c>
      <c r="V31" s="281">
        <v>4</v>
      </c>
      <c r="W31" s="278">
        <v>9</v>
      </c>
      <c r="X31" s="283">
        <v>9</v>
      </c>
      <c r="Y31" s="277">
        <v>2</v>
      </c>
      <c r="Z31" s="281">
        <v>5</v>
      </c>
      <c r="AA31" s="278">
        <v>7</v>
      </c>
      <c r="AB31" s="280">
        <v>0</v>
      </c>
      <c r="AC31" s="281">
        <v>16</v>
      </c>
      <c r="AD31" s="281">
        <v>16</v>
      </c>
      <c r="AE31" s="281">
        <v>14</v>
      </c>
      <c r="AF31" s="281">
        <v>11</v>
      </c>
      <c r="AG31" s="281">
        <v>8</v>
      </c>
      <c r="AH31" s="278">
        <v>65</v>
      </c>
      <c r="AI31" s="283">
        <v>72</v>
      </c>
      <c r="AJ31" s="277">
        <v>0</v>
      </c>
      <c r="AK31" s="281">
        <v>1</v>
      </c>
      <c r="AL31" s="278">
        <v>1</v>
      </c>
      <c r="AM31" s="280">
        <v>0</v>
      </c>
      <c r="AN31" s="281">
        <v>1</v>
      </c>
      <c r="AO31" s="281">
        <v>2</v>
      </c>
      <c r="AP31" s="281">
        <v>0</v>
      </c>
      <c r="AQ31" s="281">
        <v>4</v>
      </c>
      <c r="AR31" s="281">
        <v>0</v>
      </c>
      <c r="AS31" s="278">
        <v>7</v>
      </c>
      <c r="AT31" s="283">
        <v>8</v>
      </c>
      <c r="AU31" s="277">
        <v>2</v>
      </c>
      <c r="AV31" s="281">
        <v>1</v>
      </c>
      <c r="AW31" s="278">
        <v>3</v>
      </c>
      <c r="AX31" s="280">
        <v>0</v>
      </c>
      <c r="AY31" s="281">
        <v>11</v>
      </c>
      <c r="AZ31" s="281">
        <v>23</v>
      </c>
      <c r="BA31" s="281">
        <v>9</v>
      </c>
      <c r="BB31" s="281">
        <v>23</v>
      </c>
      <c r="BC31" s="281">
        <v>9</v>
      </c>
      <c r="BD31" s="282">
        <v>75</v>
      </c>
      <c r="BE31" s="283">
        <v>78</v>
      </c>
      <c r="BF31" s="277">
        <v>0</v>
      </c>
      <c r="BG31" s="281">
        <v>0</v>
      </c>
      <c r="BH31" s="278">
        <v>0</v>
      </c>
      <c r="BI31" s="280">
        <v>0</v>
      </c>
      <c r="BJ31" s="281">
        <v>37</v>
      </c>
      <c r="BK31" s="281">
        <v>33</v>
      </c>
      <c r="BL31" s="281">
        <v>21</v>
      </c>
      <c r="BM31" s="281">
        <v>15</v>
      </c>
      <c r="BN31" s="281">
        <v>10</v>
      </c>
      <c r="BO31" s="278">
        <v>116</v>
      </c>
      <c r="BP31" s="283">
        <v>116</v>
      </c>
      <c r="BQ31" s="277">
        <v>2</v>
      </c>
      <c r="BR31" s="281">
        <v>2</v>
      </c>
      <c r="BS31" s="278">
        <v>4</v>
      </c>
      <c r="BT31" s="280">
        <v>0</v>
      </c>
      <c r="BU31" s="281">
        <v>13</v>
      </c>
      <c r="BV31" s="281">
        <v>12</v>
      </c>
      <c r="BW31" s="281">
        <v>7</v>
      </c>
      <c r="BX31" s="281">
        <v>5</v>
      </c>
      <c r="BY31" s="281">
        <v>4</v>
      </c>
      <c r="BZ31" s="278">
        <v>41</v>
      </c>
      <c r="CA31" s="283">
        <v>45</v>
      </c>
      <c r="CB31" s="277">
        <v>0</v>
      </c>
      <c r="CC31" s="281">
        <v>0</v>
      </c>
      <c r="CD31" s="278">
        <v>0</v>
      </c>
      <c r="CE31" s="280">
        <v>0</v>
      </c>
      <c r="CF31" s="281">
        <v>3</v>
      </c>
      <c r="CG31" s="281">
        <v>7</v>
      </c>
      <c r="CH31" s="281">
        <v>14</v>
      </c>
      <c r="CI31" s="281">
        <v>6</v>
      </c>
      <c r="CJ31" s="281">
        <v>9</v>
      </c>
      <c r="CK31" s="278">
        <v>39</v>
      </c>
      <c r="CL31" s="283">
        <v>39</v>
      </c>
      <c r="CM31" s="277">
        <v>0</v>
      </c>
      <c r="CN31" s="281">
        <v>0</v>
      </c>
      <c r="CO31" s="278">
        <v>0</v>
      </c>
      <c r="CP31" s="280">
        <v>0</v>
      </c>
      <c r="CQ31" s="281">
        <v>0</v>
      </c>
      <c r="CR31" s="281">
        <v>2</v>
      </c>
      <c r="CS31" s="281">
        <v>2</v>
      </c>
      <c r="CT31" s="281">
        <v>2</v>
      </c>
      <c r="CU31" s="281">
        <v>2</v>
      </c>
      <c r="CV31" s="278">
        <v>8</v>
      </c>
      <c r="CW31" s="283">
        <v>8</v>
      </c>
      <c r="CX31" s="277">
        <v>0</v>
      </c>
      <c r="CY31" s="281">
        <v>0</v>
      </c>
      <c r="CZ31" s="278">
        <v>0</v>
      </c>
      <c r="DA31" s="280">
        <v>0</v>
      </c>
      <c r="DB31" s="281">
        <v>0</v>
      </c>
      <c r="DC31" s="281">
        <v>0</v>
      </c>
      <c r="DD31" s="281">
        <v>0</v>
      </c>
      <c r="DE31" s="281">
        <v>0</v>
      </c>
      <c r="DF31" s="281">
        <v>0</v>
      </c>
      <c r="DG31" s="278">
        <v>0</v>
      </c>
      <c r="DH31" s="283">
        <v>0</v>
      </c>
      <c r="DI31" s="277">
        <v>0</v>
      </c>
      <c r="DJ31" s="281">
        <v>0</v>
      </c>
      <c r="DK31" s="278">
        <v>0</v>
      </c>
      <c r="DL31" s="280">
        <v>0</v>
      </c>
      <c r="DM31" s="281">
        <v>0</v>
      </c>
      <c r="DN31" s="281">
        <v>0</v>
      </c>
      <c r="DO31" s="281">
        <v>0</v>
      </c>
      <c r="DP31" s="281">
        <v>0</v>
      </c>
      <c r="DQ31" s="281">
        <v>0</v>
      </c>
      <c r="DR31" s="278">
        <v>0</v>
      </c>
      <c r="DS31" s="283">
        <v>0</v>
      </c>
      <c r="DT31" s="277">
        <v>28</v>
      </c>
      <c r="DU31" s="281">
        <v>27</v>
      </c>
      <c r="DV31" s="278">
        <v>55</v>
      </c>
      <c r="DW31" s="280">
        <v>0</v>
      </c>
      <c r="DX31" s="281">
        <v>39</v>
      </c>
      <c r="DY31" s="281">
        <v>67</v>
      </c>
      <c r="DZ31" s="281">
        <v>39</v>
      </c>
      <c r="EA31" s="281">
        <v>39</v>
      </c>
      <c r="EB31" s="281">
        <v>22</v>
      </c>
      <c r="EC31" s="278">
        <v>206</v>
      </c>
      <c r="ED31" s="283">
        <v>261</v>
      </c>
      <c r="EE31" s="277">
        <v>0</v>
      </c>
      <c r="EF31" s="281">
        <v>0</v>
      </c>
      <c r="EG31" s="278">
        <v>0</v>
      </c>
      <c r="EH31" s="280">
        <v>0</v>
      </c>
      <c r="EI31" s="281">
        <v>7</v>
      </c>
      <c r="EJ31" s="281">
        <v>10</v>
      </c>
      <c r="EK31" s="281">
        <v>2</v>
      </c>
      <c r="EL31" s="281">
        <v>7</v>
      </c>
      <c r="EM31" s="281">
        <v>3</v>
      </c>
      <c r="EN31" s="278">
        <v>29</v>
      </c>
      <c r="EO31" s="283">
        <v>29</v>
      </c>
      <c r="EP31" s="277">
        <v>29</v>
      </c>
      <c r="EQ31" s="281">
        <v>33</v>
      </c>
      <c r="ER31" s="278">
        <v>62</v>
      </c>
      <c r="ES31" s="280">
        <v>0</v>
      </c>
      <c r="ET31" s="281">
        <v>78</v>
      </c>
      <c r="EU31" s="281">
        <v>90</v>
      </c>
      <c r="EV31" s="281">
        <v>47</v>
      </c>
      <c r="EW31" s="281">
        <v>40</v>
      </c>
      <c r="EX31" s="281">
        <v>22</v>
      </c>
      <c r="EY31" s="278">
        <v>277</v>
      </c>
      <c r="EZ31" s="283">
        <v>339</v>
      </c>
    </row>
    <row r="32" spans="2:156" ht="19.8" customHeight="1" x14ac:dyDescent="0.2">
      <c r="B32" s="262" t="s">
        <v>30</v>
      </c>
      <c r="C32" s="277">
        <v>0</v>
      </c>
      <c r="D32" s="281">
        <v>0</v>
      </c>
      <c r="E32" s="385">
        <v>0</v>
      </c>
      <c r="F32" s="280">
        <v>0</v>
      </c>
      <c r="G32" s="281">
        <v>20</v>
      </c>
      <c r="H32" s="281">
        <v>19</v>
      </c>
      <c r="I32" s="281">
        <v>18</v>
      </c>
      <c r="J32" s="281">
        <v>16</v>
      </c>
      <c r="K32" s="281">
        <v>7</v>
      </c>
      <c r="L32" s="282">
        <v>80</v>
      </c>
      <c r="M32" s="283">
        <v>80</v>
      </c>
      <c r="N32" s="277">
        <v>0</v>
      </c>
      <c r="O32" s="281">
        <v>0</v>
      </c>
      <c r="P32" s="278">
        <v>0</v>
      </c>
      <c r="Q32" s="280">
        <v>0</v>
      </c>
      <c r="R32" s="281">
        <v>1</v>
      </c>
      <c r="S32" s="281">
        <v>1</v>
      </c>
      <c r="T32" s="281">
        <v>3</v>
      </c>
      <c r="U32" s="281">
        <v>9</v>
      </c>
      <c r="V32" s="281">
        <v>6</v>
      </c>
      <c r="W32" s="278">
        <v>20</v>
      </c>
      <c r="X32" s="283">
        <v>20</v>
      </c>
      <c r="Y32" s="277">
        <v>2</v>
      </c>
      <c r="Z32" s="281">
        <v>7</v>
      </c>
      <c r="AA32" s="278">
        <v>9</v>
      </c>
      <c r="AB32" s="280">
        <v>0</v>
      </c>
      <c r="AC32" s="281">
        <v>21</v>
      </c>
      <c r="AD32" s="281">
        <v>20</v>
      </c>
      <c r="AE32" s="281">
        <v>14</v>
      </c>
      <c r="AF32" s="281">
        <v>17</v>
      </c>
      <c r="AG32" s="281">
        <v>8</v>
      </c>
      <c r="AH32" s="278">
        <v>80</v>
      </c>
      <c r="AI32" s="283">
        <v>89</v>
      </c>
      <c r="AJ32" s="277">
        <v>0</v>
      </c>
      <c r="AK32" s="281">
        <v>0</v>
      </c>
      <c r="AL32" s="278">
        <v>0</v>
      </c>
      <c r="AM32" s="280">
        <v>0</v>
      </c>
      <c r="AN32" s="281">
        <v>2</v>
      </c>
      <c r="AO32" s="281">
        <v>0</v>
      </c>
      <c r="AP32" s="281">
        <v>3</v>
      </c>
      <c r="AQ32" s="281">
        <v>2</v>
      </c>
      <c r="AR32" s="281">
        <v>0</v>
      </c>
      <c r="AS32" s="278">
        <v>7</v>
      </c>
      <c r="AT32" s="283">
        <v>7</v>
      </c>
      <c r="AU32" s="277">
        <v>2</v>
      </c>
      <c r="AV32" s="281">
        <v>1</v>
      </c>
      <c r="AW32" s="278">
        <v>3</v>
      </c>
      <c r="AX32" s="280">
        <v>0</v>
      </c>
      <c r="AY32" s="281">
        <v>21</v>
      </c>
      <c r="AZ32" s="281">
        <v>16</v>
      </c>
      <c r="BA32" s="281">
        <v>19</v>
      </c>
      <c r="BB32" s="281">
        <v>23</v>
      </c>
      <c r="BC32" s="281">
        <v>10</v>
      </c>
      <c r="BD32" s="282">
        <v>89</v>
      </c>
      <c r="BE32" s="283">
        <v>92</v>
      </c>
      <c r="BF32" s="277">
        <v>0</v>
      </c>
      <c r="BG32" s="281">
        <v>0</v>
      </c>
      <c r="BH32" s="278">
        <v>0</v>
      </c>
      <c r="BI32" s="280">
        <v>0</v>
      </c>
      <c r="BJ32" s="281">
        <v>37</v>
      </c>
      <c r="BK32" s="281">
        <v>29</v>
      </c>
      <c r="BL32" s="281">
        <v>21</v>
      </c>
      <c r="BM32" s="281">
        <v>11</v>
      </c>
      <c r="BN32" s="281">
        <v>2</v>
      </c>
      <c r="BO32" s="278">
        <v>100</v>
      </c>
      <c r="BP32" s="283">
        <v>100</v>
      </c>
      <c r="BQ32" s="277">
        <v>1</v>
      </c>
      <c r="BR32" s="281">
        <v>1</v>
      </c>
      <c r="BS32" s="278">
        <v>2</v>
      </c>
      <c r="BT32" s="280">
        <v>0</v>
      </c>
      <c r="BU32" s="281">
        <v>7</v>
      </c>
      <c r="BV32" s="281">
        <v>9</v>
      </c>
      <c r="BW32" s="281">
        <v>3</v>
      </c>
      <c r="BX32" s="281">
        <v>5</v>
      </c>
      <c r="BY32" s="281">
        <v>0</v>
      </c>
      <c r="BZ32" s="278">
        <v>24</v>
      </c>
      <c r="CA32" s="283">
        <v>26</v>
      </c>
      <c r="CB32" s="277">
        <v>0</v>
      </c>
      <c r="CC32" s="281">
        <v>0</v>
      </c>
      <c r="CD32" s="278">
        <v>0</v>
      </c>
      <c r="CE32" s="280">
        <v>0</v>
      </c>
      <c r="CF32" s="281">
        <v>8</v>
      </c>
      <c r="CG32" s="281">
        <v>7</v>
      </c>
      <c r="CH32" s="281">
        <v>10</v>
      </c>
      <c r="CI32" s="281">
        <v>7</v>
      </c>
      <c r="CJ32" s="281">
        <v>1</v>
      </c>
      <c r="CK32" s="278">
        <v>33</v>
      </c>
      <c r="CL32" s="283">
        <v>33</v>
      </c>
      <c r="CM32" s="277">
        <v>0</v>
      </c>
      <c r="CN32" s="281">
        <v>0</v>
      </c>
      <c r="CO32" s="278">
        <v>0</v>
      </c>
      <c r="CP32" s="280">
        <v>0</v>
      </c>
      <c r="CQ32" s="281">
        <v>1</v>
      </c>
      <c r="CR32" s="281">
        <v>2</v>
      </c>
      <c r="CS32" s="281">
        <v>0</v>
      </c>
      <c r="CT32" s="281">
        <v>2</v>
      </c>
      <c r="CU32" s="281">
        <v>1</v>
      </c>
      <c r="CV32" s="278">
        <v>6</v>
      </c>
      <c r="CW32" s="283">
        <v>6</v>
      </c>
      <c r="CX32" s="277">
        <v>0</v>
      </c>
      <c r="CY32" s="281">
        <v>0</v>
      </c>
      <c r="CZ32" s="278">
        <v>0</v>
      </c>
      <c r="DA32" s="280">
        <v>0</v>
      </c>
      <c r="DB32" s="281">
        <v>0</v>
      </c>
      <c r="DC32" s="281">
        <v>0</v>
      </c>
      <c r="DD32" s="281">
        <v>0</v>
      </c>
      <c r="DE32" s="281">
        <v>0</v>
      </c>
      <c r="DF32" s="281">
        <v>0</v>
      </c>
      <c r="DG32" s="278">
        <v>0</v>
      </c>
      <c r="DH32" s="283">
        <v>0</v>
      </c>
      <c r="DI32" s="277">
        <v>0</v>
      </c>
      <c r="DJ32" s="281">
        <v>0</v>
      </c>
      <c r="DK32" s="278">
        <v>0</v>
      </c>
      <c r="DL32" s="280">
        <v>0</v>
      </c>
      <c r="DM32" s="281">
        <v>0</v>
      </c>
      <c r="DN32" s="281">
        <v>0</v>
      </c>
      <c r="DO32" s="281">
        <v>0</v>
      </c>
      <c r="DP32" s="281">
        <v>0</v>
      </c>
      <c r="DQ32" s="281">
        <v>0</v>
      </c>
      <c r="DR32" s="278">
        <v>0</v>
      </c>
      <c r="DS32" s="283">
        <v>0</v>
      </c>
      <c r="DT32" s="277">
        <v>24</v>
      </c>
      <c r="DU32" s="281">
        <v>27</v>
      </c>
      <c r="DV32" s="278">
        <v>51</v>
      </c>
      <c r="DW32" s="280">
        <v>0</v>
      </c>
      <c r="DX32" s="281">
        <v>55</v>
      </c>
      <c r="DY32" s="281">
        <v>60</v>
      </c>
      <c r="DZ32" s="281">
        <v>46</v>
      </c>
      <c r="EA32" s="281">
        <v>39</v>
      </c>
      <c r="EB32" s="281">
        <v>15</v>
      </c>
      <c r="EC32" s="278">
        <v>215</v>
      </c>
      <c r="ED32" s="283">
        <v>266</v>
      </c>
      <c r="EE32" s="277">
        <v>2</v>
      </c>
      <c r="EF32" s="281">
        <v>0</v>
      </c>
      <c r="EG32" s="278">
        <v>2</v>
      </c>
      <c r="EH32" s="280">
        <v>0</v>
      </c>
      <c r="EI32" s="281">
        <v>7</v>
      </c>
      <c r="EJ32" s="281">
        <v>6</v>
      </c>
      <c r="EK32" s="281">
        <v>2</v>
      </c>
      <c r="EL32" s="281">
        <v>4</v>
      </c>
      <c r="EM32" s="281">
        <v>2</v>
      </c>
      <c r="EN32" s="278">
        <v>21</v>
      </c>
      <c r="EO32" s="283">
        <v>23</v>
      </c>
      <c r="EP32" s="277">
        <v>27</v>
      </c>
      <c r="EQ32" s="281">
        <v>30</v>
      </c>
      <c r="ER32" s="278">
        <v>57</v>
      </c>
      <c r="ES32" s="280">
        <v>0</v>
      </c>
      <c r="ET32" s="281">
        <v>95</v>
      </c>
      <c r="EU32" s="281">
        <v>76</v>
      </c>
      <c r="EV32" s="281">
        <v>52</v>
      </c>
      <c r="EW32" s="281">
        <v>42</v>
      </c>
      <c r="EX32" s="281">
        <v>15</v>
      </c>
      <c r="EY32" s="278">
        <v>280</v>
      </c>
      <c r="EZ32" s="283">
        <v>337</v>
      </c>
    </row>
    <row r="33" spans="2:156" ht="19.8" customHeight="1" x14ac:dyDescent="0.2">
      <c r="B33" s="262" t="s">
        <v>31</v>
      </c>
      <c r="C33" s="277">
        <v>0</v>
      </c>
      <c r="D33" s="281">
        <v>0</v>
      </c>
      <c r="E33" s="385">
        <v>0</v>
      </c>
      <c r="F33" s="280">
        <v>0</v>
      </c>
      <c r="G33" s="281">
        <v>18</v>
      </c>
      <c r="H33" s="281">
        <v>18</v>
      </c>
      <c r="I33" s="281">
        <v>6</v>
      </c>
      <c r="J33" s="281">
        <v>1</v>
      </c>
      <c r="K33" s="281">
        <v>9</v>
      </c>
      <c r="L33" s="282">
        <v>52</v>
      </c>
      <c r="M33" s="283">
        <v>52</v>
      </c>
      <c r="N33" s="277">
        <v>0</v>
      </c>
      <c r="O33" s="281">
        <v>0</v>
      </c>
      <c r="P33" s="278">
        <v>0</v>
      </c>
      <c r="Q33" s="280">
        <v>0</v>
      </c>
      <c r="R33" s="281">
        <v>0</v>
      </c>
      <c r="S33" s="281">
        <v>4</v>
      </c>
      <c r="T33" s="281">
        <v>5</v>
      </c>
      <c r="U33" s="281">
        <v>5</v>
      </c>
      <c r="V33" s="281">
        <v>4</v>
      </c>
      <c r="W33" s="278">
        <v>18</v>
      </c>
      <c r="X33" s="283">
        <v>18</v>
      </c>
      <c r="Y33" s="277">
        <v>3</v>
      </c>
      <c r="Z33" s="281">
        <v>4</v>
      </c>
      <c r="AA33" s="278">
        <v>7</v>
      </c>
      <c r="AB33" s="280">
        <v>0</v>
      </c>
      <c r="AC33" s="281">
        <v>11</v>
      </c>
      <c r="AD33" s="281">
        <v>19</v>
      </c>
      <c r="AE33" s="281">
        <v>16</v>
      </c>
      <c r="AF33" s="281">
        <v>11</v>
      </c>
      <c r="AG33" s="281">
        <v>9</v>
      </c>
      <c r="AH33" s="278">
        <v>66</v>
      </c>
      <c r="AI33" s="283">
        <v>73</v>
      </c>
      <c r="AJ33" s="277">
        <v>0</v>
      </c>
      <c r="AK33" s="281">
        <v>2</v>
      </c>
      <c r="AL33" s="278">
        <v>2</v>
      </c>
      <c r="AM33" s="280">
        <v>0</v>
      </c>
      <c r="AN33" s="281">
        <v>2</v>
      </c>
      <c r="AO33" s="281">
        <v>4</v>
      </c>
      <c r="AP33" s="281">
        <v>5</v>
      </c>
      <c r="AQ33" s="281">
        <v>4</v>
      </c>
      <c r="AR33" s="281">
        <v>2</v>
      </c>
      <c r="AS33" s="278">
        <v>17</v>
      </c>
      <c r="AT33" s="283">
        <v>19</v>
      </c>
      <c r="AU33" s="277">
        <v>3</v>
      </c>
      <c r="AV33" s="281">
        <v>0</v>
      </c>
      <c r="AW33" s="278">
        <v>3</v>
      </c>
      <c r="AX33" s="280">
        <v>0</v>
      </c>
      <c r="AY33" s="281">
        <v>12</v>
      </c>
      <c r="AZ33" s="281">
        <v>19</v>
      </c>
      <c r="BA33" s="281">
        <v>15</v>
      </c>
      <c r="BB33" s="281">
        <v>12</v>
      </c>
      <c r="BC33" s="281">
        <v>6</v>
      </c>
      <c r="BD33" s="282">
        <v>64</v>
      </c>
      <c r="BE33" s="283">
        <v>67</v>
      </c>
      <c r="BF33" s="277">
        <v>0</v>
      </c>
      <c r="BG33" s="281">
        <v>0</v>
      </c>
      <c r="BH33" s="278">
        <v>0</v>
      </c>
      <c r="BI33" s="280">
        <v>0</v>
      </c>
      <c r="BJ33" s="281">
        <v>36</v>
      </c>
      <c r="BK33" s="281">
        <v>48</v>
      </c>
      <c r="BL33" s="281">
        <v>27</v>
      </c>
      <c r="BM33" s="281">
        <v>12</v>
      </c>
      <c r="BN33" s="281">
        <v>4</v>
      </c>
      <c r="BO33" s="278">
        <v>127</v>
      </c>
      <c r="BP33" s="283">
        <v>127</v>
      </c>
      <c r="BQ33" s="277">
        <v>0</v>
      </c>
      <c r="BR33" s="281">
        <v>1</v>
      </c>
      <c r="BS33" s="278">
        <v>1</v>
      </c>
      <c r="BT33" s="280">
        <v>0</v>
      </c>
      <c r="BU33" s="281">
        <v>3</v>
      </c>
      <c r="BV33" s="281">
        <v>8</v>
      </c>
      <c r="BW33" s="281">
        <v>4</v>
      </c>
      <c r="BX33" s="281">
        <v>3</v>
      </c>
      <c r="BY33" s="281">
        <v>2</v>
      </c>
      <c r="BZ33" s="278">
        <v>20</v>
      </c>
      <c r="CA33" s="283">
        <v>21</v>
      </c>
      <c r="CB33" s="277">
        <v>0</v>
      </c>
      <c r="CC33" s="281">
        <v>0</v>
      </c>
      <c r="CD33" s="278">
        <v>0</v>
      </c>
      <c r="CE33" s="280">
        <v>0</v>
      </c>
      <c r="CF33" s="281">
        <v>7</v>
      </c>
      <c r="CG33" s="281">
        <v>13</v>
      </c>
      <c r="CH33" s="281">
        <v>13</v>
      </c>
      <c r="CI33" s="281">
        <v>6</v>
      </c>
      <c r="CJ33" s="281">
        <v>2</v>
      </c>
      <c r="CK33" s="278">
        <v>41</v>
      </c>
      <c r="CL33" s="283">
        <v>41</v>
      </c>
      <c r="CM33" s="277">
        <v>0</v>
      </c>
      <c r="CN33" s="281">
        <v>0</v>
      </c>
      <c r="CO33" s="278">
        <v>0</v>
      </c>
      <c r="CP33" s="280">
        <v>0</v>
      </c>
      <c r="CQ33" s="281">
        <v>0</v>
      </c>
      <c r="CR33" s="281">
        <v>2</v>
      </c>
      <c r="CS33" s="281">
        <v>0</v>
      </c>
      <c r="CT33" s="281">
        <v>1</v>
      </c>
      <c r="CU33" s="281">
        <v>1</v>
      </c>
      <c r="CV33" s="278">
        <v>4</v>
      </c>
      <c r="CW33" s="283">
        <v>4</v>
      </c>
      <c r="CX33" s="277">
        <v>0</v>
      </c>
      <c r="CY33" s="281">
        <v>0</v>
      </c>
      <c r="CZ33" s="278">
        <v>0</v>
      </c>
      <c r="DA33" s="280">
        <v>0</v>
      </c>
      <c r="DB33" s="281">
        <v>0</v>
      </c>
      <c r="DC33" s="281">
        <v>0</v>
      </c>
      <c r="DD33" s="281">
        <v>0</v>
      </c>
      <c r="DE33" s="281">
        <v>0</v>
      </c>
      <c r="DF33" s="281">
        <v>0</v>
      </c>
      <c r="DG33" s="278">
        <v>0</v>
      </c>
      <c r="DH33" s="283">
        <v>0</v>
      </c>
      <c r="DI33" s="277">
        <v>0</v>
      </c>
      <c r="DJ33" s="281">
        <v>0</v>
      </c>
      <c r="DK33" s="278">
        <v>0</v>
      </c>
      <c r="DL33" s="280">
        <v>0</v>
      </c>
      <c r="DM33" s="281">
        <v>0</v>
      </c>
      <c r="DN33" s="281">
        <v>0</v>
      </c>
      <c r="DO33" s="281">
        <v>0</v>
      </c>
      <c r="DP33" s="281">
        <v>0</v>
      </c>
      <c r="DQ33" s="281">
        <v>0</v>
      </c>
      <c r="DR33" s="278">
        <v>0</v>
      </c>
      <c r="DS33" s="283">
        <v>0</v>
      </c>
      <c r="DT33" s="277">
        <v>18</v>
      </c>
      <c r="DU33" s="281">
        <v>48</v>
      </c>
      <c r="DV33" s="278">
        <v>66</v>
      </c>
      <c r="DW33" s="280">
        <v>0</v>
      </c>
      <c r="DX33" s="281">
        <v>59</v>
      </c>
      <c r="DY33" s="281">
        <v>78</v>
      </c>
      <c r="DZ33" s="281">
        <v>44</v>
      </c>
      <c r="EA33" s="281">
        <v>20</v>
      </c>
      <c r="EB33" s="281">
        <v>16</v>
      </c>
      <c r="EC33" s="278">
        <v>217</v>
      </c>
      <c r="ED33" s="283">
        <v>283</v>
      </c>
      <c r="EE33" s="277">
        <v>2</v>
      </c>
      <c r="EF33" s="281">
        <v>2</v>
      </c>
      <c r="EG33" s="278">
        <v>4</v>
      </c>
      <c r="EH33" s="280">
        <v>0</v>
      </c>
      <c r="EI33" s="281">
        <v>8</v>
      </c>
      <c r="EJ33" s="281">
        <v>5</v>
      </c>
      <c r="EK33" s="281">
        <v>6</v>
      </c>
      <c r="EL33" s="281">
        <v>2</v>
      </c>
      <c r="EM33" s="281">
        <v>3</v>
      </c>
      <c r="EN33" s="278">
        <v>24</v>
      </c>
      <c r="EO33" s="283">
        <v>28</v>
      </c>
      <c r="EP33" s="277">
        <v>21</v>
      </c>
      <c r="EQ33" s="281">
        <v>49</v>
      </c>
      <c r="ER33" s="278">
        <v>70</v>
      </c>
      <c r="ES33" s="280">
        <v>0</v>
      </c>
      <c r="ET33" s="281">
        <v>102</v>
      </c>
      <c r="EU33" s="281">
        <v>97</v>
      </c>
      <c r="EV33" s="281">
        <v>50</v>
      </c>
      <c r="EW33" s="281">
        <v>21</v>
      </c>
      <c r="EX33" s="281">
        <v>15</v>
      </c>
      <c r="EY33" s="278">
        <v>285</v>
      </c>
      <c r="EZ33" s="283">
        <v>355</v>
      </c>
    </row>
    <row r="34" spans="2:156" ht="19.8" customHeight="1" x14ac:dyDescent="0.2">
      <c r="B34" s="262" t="s">
        <v>32</v>
      </c>
      <c r="C34" s="277">
        <v>0</v>
      </c>
      <c r="D34" s="281">
        <v>0</v>
      </c>
      <c r="E34" s="385">
        <v>0</v>
      </c>
      <c r="F34" s="280">
        <v>0</v>
      </c>
      <c r="G34" s="281">
        <v>32</v>
      </c>
      <c r="H34" s="281">
        <v>16</v>
      </c>
      <c r="I34" s="281">
        <v>13</v>
      </c>
      <c r="J34" s="281">
        <v>13</v>
      </c>
      <c r="K34" s="281">
        <v>9</v>
      </c>
      <c r="L34" s="282">
        <v>83</v>
      </c>
      <c r="M34" s="283">
        <v>83</v>
      </c>
      <c r="N34" s="277">
        <v>0</v>
      </c>
      <c r="O34" s="281">
        <v>0</v>
      </c>
      <c r="P34" s="278">
        <v>0</v>
      </c>
      <c r="Q34" s="280">
        <v>0</v>
      </c>
      <c r="R34" s="281">
        <v>0</v>
      </c>
      <c r="S34" s="281">
        <v>1</v>
      </c>
      <c r="T34" s="281">
        <v>0</v>
      </c>
      <c r="U34" s="281">
        <v>3</v>
      </c>
      <c r="V34" s="281">
        <v>7</v>
      </c>
      <c r="W34" s="278">
        <v>11</v>
      </c>
      <c r="X34" s="283">
        <v>11</v>
      </c>
      <c r="Y34" s="277">
        <v>5</v>
      </c>
      <c r="Z34" s="281">
        <v>6</v>
      </c>
      <c r="AA34" s="278">
        <v>11</v>
      </c>
      <c r="AB34" s="280">
        <v>0</v>
      </c>
      <c r="AC34" s="281">
        <v>34</v>
      </c>
      <c r="AD34" s="281">
        <v>22</v>
      </c>
      <c r="AE34" s="281">
        <v>12</v>
      </c>
      <c r="AF34" s="281">
        <v>16</v>
      </c>
      <c r="AG34" s="281">
        <v>9</v>
      </c>
      <c r="AH34" s="278">
        <v>93</v>
      </c>
      <c r="AI34" s="283">
        <v>104</v>
      </c>
      <c r="AJ34" s="277">
        <v>1</v>
      </c>
      <c r="AK34" s="281">
        <v>0</v>
      </c>
      <c r="AL34" s="278">
        <v>1</v>
      </c>
      <c r="AM34" s="280">
        <v>0</v>
      </c>
      <c r="AN34" s="281">
        <v>7</v>
      </c>
      <c r="AO34" s="281">
        <v>1</v>
      </c>
      <c r="AP34" s="281">
        <v>2</v>
      </c>
      <c r="AQ34" s="281">
        <v>1</v>
      </c>
      <c r="AR34" s="281">
        <v>5</v>
      </c>
      <c r="AS34" s="278">
        <v>16</v>
      </c>
      <c r="AT34" s="283">
        <v>17</v>
      </c>
      <c r="AU34" s="277">
        <v>2</v>
      </c>
      <c r="AV34" s="281">
        <v>1</v>
      </c>
      <c r="AW34" s="278">
        <v>3</v>
      </c>
      <c r="AX34" s="280">
        <v>0</v>
      </c>
      <c r="AY34" s="281">
        <v>18</v>
      </c>
      <c r="AZ34" s="281">
        <v>19</v>
      </c>
      <c r="BA34" s="281">
        <v>24</v>
      </c>
      <c r="BB34" s="281">
        <v>27</v>
      </c>
      <c r="BC34" s="281">
        <v>17</v>
      </c>
      <c r="BD34" s="282">
        <v>105</v>
      </c>
      <c r="BE34" s="283">
        <v>108</v>
      </c>
      <c r="BF34" s="277">
        <v>0</v>
      </c>
      <c r="BG34" s="281">
        <v>0</v>
      </c>
      <c r="BH34" s="278">
        <v>0</v>
      </c>
      <c r="BI34" s="280">
        <v>0</v>
      </c>
      <c r="BJ34" s="281">
        <v>55</v>
      </c>
      <c r="BK34" s="281">
        <v>47</v>
      </c>
      <c r="BL34" s="281">
        <v>22</v>
      </c>
      <c r="BM34" s="281">
        <v>22</v>
      </c>
      <c r="BN34" s="281">
        <v>4</v>
      </c>
      <c r="BO34" s="278">
        <v>150</v>
      </c>
      <c r="BP34" s="283">
        <v>150</v>
      </c>
      <c r="BQ34" s="277">
        <v>0</v>
      </c>
      <c r="BR34" s="281">
        <v>0</v>
      </c>
      <c r="BS34" s="278">
        <v>0</v>
      </c>
      <c r="BT34" s="280">
        <v>0</v>
      </c>
      <c r="BU34" s="281">
        <v>8</v>
      </c>
      <c r="BV34" s="281">
        <v>14</v>
      </c>
      <c r="BW34" s="281">
        <v>7</v>
      </c>
      <c r="BX34" s="281">
        <v>6</v>
      </c>
      <c r="BY34" s="281">
        <v>3</v>
      </c>
      <c r="BZ34" s="278">
        <v>38</v>
      </c>
      <c r="CA34" s="283">
        <v>38</v>
      </c>
      <c r="CB34" s="277">
        <v>1</v>
      </c>
      <c r="CC34" s="281">
        <v>0</v>
      </c>
      <c r="CD34" s="278">
        <v>1</v>
      </c>
      <c r="CE34" s="280">
        <v>0</v>
      </c>
      <c r="CF34" s="281">
        <v>7</v>
      </c>
      <c r="CG34" s="281">
        <v>9</v>
      </c>
      <c r="CH34" s="281">
        <v>12</v>
      </c>
      <c r="CI34" s="281">
        <v>6</v>
      </c>
      <c r="CJ34" s="281">
        <v>3</v>
      </c>
      <c r="CK34" s="278">
        <v>37</v>
      </c>
      <c r="CL34" s="283">
        <v>38</v>
      </c>
      <c r="CM34" s="277">
        <v>0</v>
      </c>
      <c r="CN34" s="281">
        <v>0</v>
      </c>
      <c r="CO34" s="278">
        <v>0</v>
      </c>
      <c r="CP34" s="280">
        <v>0</v>
      </c>
      <c r="CQ34" s="281">
        <v>1</v>
      </c>
      <c r="CR34" s="281">
        <v>0</v>
      </c>
      <c r="CS34" s="281">
        <v>6</v>
      </c>
      <c r="CT34" s="281">
        <v>4</v>
      </c>
      <c r="CU34" s="281">
        <v>1</v>
      </c>
      <c r="CV34" s="278">
        <v>12</v>
      </c>
      <c r="CW34" s="283">
        <v>12</v>
      </c>
      <c r="CX34" s="277">
        <v>0</v>
      </c>
      <c r="CY34" s="281">
        <v>0</v>
      </c>
      <c r="CZ34" s="278">
        <v>0</v>
      </c>
      <c r="DA34" s="280">
        <v>0</v>
      </c>
      <c r="DB34" s="281">
        <v>0</v>
      </c>
      <c r="DC34" s="281">
        <v>0</v>
      </c>
      <c r="DD34" s="281">
        <v>0</v>
      </c>
      <c r="DE34" s="281">
        <v>0</v>
      </c>
      <c r="DF34" s="281">
        <v>0</v>
      </c>
      <c r="DG34" s="278">
        <v>0</v>
      </c>
      <c r="DH34" s="283">
        <v>0</v>
      </c>
      <c r="DI34" s="277">
        <v>0</v>
      </c>
      <c r="DJ34" s="281">
        <v>0</v>
      </c>
      <c r="DK34" s="278">
        <v>0</v>
      </c>
      <c r="DL34" s="280">
        <v>0</v>
      </c>
      <c r="DM34" s="281">
        <v>0</v>
      </c>
      <c r="DN34" s="281">
        <v>0</v>
      </c>
      <c r="DO34" s="281">
        <v>0</v>
      </c>
      <c r="DP34" s="281">
        <v>0</v>
      </c>
      <c r="DQ34" s="281">
        <v>0</v>
      </c>
      <c r="DR34" s="278">
        <v>0</v>
      </c>
      <c r="DS34" s="283">
        <v>0</v>
      </c>
      <c r="DT34" s="277">
        <v>26</v>
      </c>
      <c r="DU34" s="281">
        <v>39</v>
      </c>
      <c r="DV34" s="278">
        <v>65</v>
      </c>
      <c r="DW34" s="280">
        <v>0</v>
      </c>
      <c r="DX34" s="281">
        <v>70</v>
      </c>
      <c r="DY34" s="281">
        <v>73</v>
      </c>
      <c r="DZ34" s="281">
        <v>49</v>
      </c>
      <c r="EA34" s="281">
        <v>37</v>
      </c>
      <c r="EB34" s="281">
        <v>17</v>
      </c>
      <c r="EC34" s="278">
        <v>246</v>
      </c>
      <c r="ED34" s="283">
        <v>311</v>
      </c>
      <c r="EE34" s="277">
        <v>3</v>
      </c>
      <c r="EF34" s="281">
        <v>3</v>
      </c>
      <c r="EG34" s="278">
        <v>6</v>
      </c>
      <c r="EH34" s="280">
        <v>0</v>
      </c>
      <c r="EI34" s="281">
        <v>6</v>
      </c>
      <c r="EJ34" s="281">
        <v>4</v>
      </c>
      <c r="EK34" s="281">
        <v>5</v>
      </c>
      <c r="EL34" s="281">
        <v>9</v>
      </c>
      <c r="EM34" s="281">
        <v>4</v>
      </c>
      <c r="EN34" s="278">
        <v>28</v>
      </c>
      <c r="EO34" s="283">
        <v>34</v>
      </c>
      <c r="EP34" s="277">
        <v>30</v>
      </c>
      <c r="EQ34" s="281">
        <v>42</v>
      </c>
      <c r="ER34" s="278">
        <v>72</v>
      </c>
      <c r="ES34" s="280">
        <v>0</v>
      </c>
      <c r="ET34" s="281">
        <v>143</v>
      </c>
      <c r="EU34" s="281">
        <v>107</v>
      </c>
      <c r="EV34" s="281">
        <v>56</v>
      </c>
      <c r="EW34" s="281">
        <v>39</v>
      </c>
      <c r="EX34" s="281">
        <v>19</v>
      </c>
      <c r="EY34" s="278">
        <v>364</v>
      </c>
      <c r="EZ34" s="283">
        <v>436</v>
      </c>
    </row>
    <row r="35" spans="2:156" ht="19.8" customHeight="1" x14ac:dyDescent="0.2">
      <c r="B35" s="262" t="s">
        <v>33</v>
      </c>
      <c r="C35" s="277">
        <v>0</v>
      </c>
      <c r="D35" s="281">
        <v>0</v>
      </c>
      <c r="E35" s="385">
        <v>0</v>
      </c>
      <c r="F35" s="280">
        <v>0</v>
      </c>
      <c r="G35" s="281">
        <v>25</v>
      </c>
      <c r="H35" s="281">
        <v>15</v>
      </c>
      <c r="I35" s="281">
        <v>9</v>
      </c>
      <c r="J35" s="281">
        <v>11</v>
      </c>
      <c r="K35" s="281">
        <v>9</v>
      </c>
      <c r="L35" s="282">
        <v>69</v>
      </c>
      <c r="M35" s="283">
        <v>69</v>
      </c>
      <c r="N35" s="277">
        <v>0</v>
      </c>
      <c r="O35" s="281">
        <v>0</v>
      </c>
      <c r="P35" s="278">
        <v>0</v>
      </c>
      <c r="Q35" s="280">
        <v>0</v>
      </c>
      <c r="R35" s="281">
        <v>0</v>
      </c>
      <c r="S35" s="281">
        <v>1</v>
      </c>
      <c r="T35" s="281">
        <v>2</v>
      </c>
      <c r="U35" s="281">
        <v>5</v>
      </c>
      <c r="V35" s="281">
        <v>3</v>
      </c>
      <c r="W35" s="278">
        <v>11</v>
      </c>
      <c r="X35" s="283">
        <v>11</v>
      </c>
      <c r="Y35" s="277">
        <v>2</v>
      </c>
      <c r="Z35" s="281">
        <v>2</v>
      </c>
      <c r="AA35" s="278">
        <v>4</v>
      </c>
      <c r="AB35" s="280">
        <v>0</v>
      </c>
      <c r="AC35" s="281">
        <v>15</v>
      </c>
      <c r="AD35" s="281">
        <v>13</v>
      </c>
      <c r="AE35" s="281">
        <v>4</v>
      </c>
      <c r="AF35" s="281">
        <v>12</v>
      </c>
      <c r="AG35" s="281">
        <v>9</v>
      </c>
      <c r="AH35" s="278">
        <v>53</v>
      </c>
      <c r="AI35" s="283">
        <v>57</v>
      </c>
      <c r="AJ35" s="277">
        <v>12</v>
      </c>
      <c r="AK35" s="281">
        <v>25</v>
      </c>
      <c r="AL35" s="278">
        <v>37</v>
      </c>
      <c r="AM35" s="280">
        <v>0</v>
      </c>
      <c r="AN35" s="281">
        <v>27</v>
      </c>
      <c r="AO35" s="281">
        <v>15</v>
      </c>
      <c r="AP35" s="281">
        <v>4</v>
      </c>
      <c r="AQ35" s="281">
        <v>8</v>
      </c>
      <c r="AR35" s="281">
        <v>2</v>
      </c>
      <c r="AS35" s="278">
        <v>56</v>
      </c>
      <c r="AT35" s="283">
        <v>93</v>
      </c>
      <c r="AU35" s="277">
        <v>8</v>
      </c>
      <c r="AV35" s="281">
        <v>9</v>
      </c>
      <c r="AW35" s="278">
        <v>17</v>
      </c>
      <c r="AX35" s="280">
        <v>0</v>
      </c>
      <c r="AY35" s="281">
        <v>22</v>
      </c>
      <c r="AZ35" s="281">
        <v>32</v>
      </c>
      <c r="BA35" s="281">
        <v>19</v>
      </c>
      <c r="BB35" s="281">
        <v>14</v>
      </c>
      <c r="BC35" s="281">
        <v>12</v>
      </c>
      <c r="BD35" s="282">
        <v>99</v>
      </c>
      <c r="BE35" s="283">
        <v>116</v>
      </c>
      <c r="BF35" s="277">
        <v>0</v>
      </c>
      <c r="BG35" s="281">
        <v>0</v>
      </c>
      <c r="BH35" s="278">
        <v>0</v>
      </c>
      <c r="BI35" s="280">
        <v>0</v>
      </c>
      <c r="BJ35" s="281">
        <v>17</v>
      </c>
      <c r="BK35" s="281">
        <v>6</v>
      </c>
      <c r="BL35" s="281">
        <v>2</v>
      </c>
      <c r="BM35" s="281">
        <v>5</v>
      </c>
      <c r="BN35" s="281">
        <v>3</v>
      </c>
      <c r="BO35" s="278">
        <v>33</v>
      </c>
      <c r="BP35" s="283">
        <v>33</v>
      </c>
      <c r="BQ35" s="277">
        <v>7</v>
      </c>
      <c r="BR35" s="281">
        <v>12</v>
      </c>
      <c r="BS35" s="278">
        <v>19</v>
      </c>
      <c r="BT35" s="280">
        <v>0</v>
      </c>
      <c r="BU35" s="281">
        <v>30</v>
      </c>
      <c r="BV35" s="281">
        <v>22</v>
      </c>
      <c r="BW35" s="281">
        <v>5</v>
      </c>
      <c r="BX35" s="281">
        <v>4</v>
      </c>
      <c r="BY35" s="281">
        <v>1</v>
      </c>
      <c r="BZ35" s="278">
        <v>62</v>
      </c>
      <c r="CA35" s="283">
        <v>81</v>
      </c>
      <c r="CB35" s="277">
        <v>0</v>
      </c>
      <c r="CC35" s="281">
        <v>0</v>
      </c>
      <c r="CD35" s="278">
        <v>0</v>
      </c>
      <c r="CE35" s="280">
        <v>0</v>
      </c>
      <c r="CF35" s="281">
        <v>1</v>
      </c>
      <c r="CG35" s="281">
        <v>5</v>
      </c>
      <c r="CH35" s="281">
        <v>6</v>
      </c>
      <c r="CI35" s="281">
        <v>7</v>
      </c>
      <c r="CJ35" s="281">
        <v>0</v>
      </c>
      <c r="CK35" s="278">
        <v>19</v>
      </c>
      <c r="CL35" s="283">
        <v>19</v>
      </c>
      <c r="CM35" s="277">
        <v>0</v>
      </c>
      <c r="CN35" s="281">
        <v>0</v>
      </c>
      <c r="CO35" s="278">
        <v>0</v>
      </c>
      <c r="CP35" s="280">
        <v>0</v>
      </c>
      <c r="CQ35" s="281">
        <v>1</v>
      </c>
      <c r="CR35" s="281">
        <v>1</v>
      </c>
      <c r="CS35" s="281">
        <v>4</v>
      </c>
      <c r="CT35" s="281">
        <v>0</v>
      </c>
      <c r="CU35" s="281">
        <v>0</v>
      </c>
      <c r="CV35" s="278">
        <v>6</v>
      </c>
      <c r="CW35" s="283">
        <v>6</v>
      </c>
      <c r="CX35" s="277">
        <v>0</v>
      </c>
      <c r="CY35" s="281">
        <v>0</v>
      </c>
      <c r="CZ35" s="278">
        <v>0</v>
      </c>
      <c r="DA35" s="280">
        <v>0</v>
      </c>
      <c r="DB35" s="281">
        <v>0</v>
      </c>
      <c r="DC35" s="281">
        <v>0</v>
      </c>
      <c r="DD35" s="281">
        <v>0</v>
      </c>
      <c r="DE35" s="281">
        <v>0</v>
      </c>
      <c r="DF35" s="281">
        <v>0</v>
      </c>
      <c r="DG35" s="278">
        <v>0</v>
      </c>
      <c r="DH35" s="283">
        <v>0</v>
      </c>
      <c r="DI35" s="277">
        <v>0</v>
      </c>
      <c r="DJ35" s="281">
        <v>0</v>
      </c>
      <c r="DK35" s="278">
        <v>0</v>
      </c>
      <c r="DL35" s="280">
        <v>0</v>
      </c>
      <c r="DM35" s="281">
        <v>0</v>
      </c>
      <c r="DN35" s="281">
        <v>0</v>
      </c>
      <c r="DO35" s="281">
        <v>0</v>
      </c>
      <c r="DP35" s="281">
        <v>0</v>
      </c>
      <c r="DQ35" s="281">
        <v>0</v>
      </c>
      <c r="DR35" s="278">
        <v>0</v>
      </c>
      <c r="DS35" s="283">
        <v>0</v>
      </c>
      <c r="DT35" s="277">
        <v>24</v>
      </c>
      <c r="DU35" s="281">
        <v>36</v>
      </c>
      <c r="DV35" s="278">
        <v>60</v>
      </c>
      <c r="DW35" s="280">
        <v>0</v>
      </c>
      <c r="DX35" s="281">
        <v>64</v>
      </c>
      <c r="DY35" s="281">
        <v>44</v>
      </c>
      <c r="DZ35" s="281">
        <v>23</v>
      </c>
      <c r="EA35" s="281">
        <v>23</v>
      </c>
      <c r="EB35" s="281">
        <v>17</v>
      </c>
      <c r="EC35" s="278">
        <v>171</v>
      </c>
      <c r="ED35" s="283">
        <v>231</v>
      </c>
      <c r="EE35" s="277">
        <v>5</v>
      </c>
      <c r="EF35" s="281">
        <v>6</v>
      </c>
      <c r="EG35" s="278">
        <v>11</v>
      </c>
      <c r="EH35" s="280">
        <v>0</v>
      </c>
      <c r="EI35" s="281">
        <v>13</v>
      </c>
      <c r="EJ35" s="281">
        <v>16</v>
      </c>
      <c r="EK35" s="281">
        <v>6</v>
      </c>
      <c r="EL35" s="281">
        <v>9</v>
      </c>
      <c r="EM35" s="281">
        <v>4</v>
      </c>
      <c r="EN35" s="278">
        <v>48</v>
      </c>
      <c r="EO35" s="283">
        <v>59</v>
      </c>
      <c r="EP35" s="277">
        <v>39</v>
      </c>
      <c r="EQ35" s="281">
        <v>53</v>
      </c>
      <c r="ER35" s="278">
        <v>92</v>
      </c>
      <c r="ES35" s="280">
        <v>0</v>
      </c>
      <c r="ET35" s="281">
        <v>113</v>
      </c>
      <c r="EU35" s="281">
        <v>67</v>
      </c>
      <c r="EV35" s="281">
        <v>28</v>
      </c>
      <c r="EW35" s="281">
        <v>29</v>
      </c>
      <c r="EX35" s="281">
        <v>15</v>
      </c>
      <c r="EY35" s="278">
        <v>252</v>
      </c>
      <c r="EZ35" s="283">
        <v>344</v>
      </c>
    </row>
    <row r="36" spans="2:156" ht="19.8" customHeight="1" x14ac:dyDescent="0.2">
      <c r="B36" s="262" t="s">
        <v>34</v>
      </c>
      <c r="C36" s="277">
        <v>0</v>
      </c>
      <c r="D36" s="281">
        <v>0</v>
      </c>
      <c r="E36" s="385">
        <v>0</v>
      </c>
      <c r="F36" s="280">
        <v>0</v>
      </c>
      <c r="G36" s="281">
        <v>17</v>
      </c>
      <c r="H36" s="281">
        <v>9</v>
      </c>
      <c r="I36" s="281">
        <v>8</v>
      </c>
      <c r="J36" s="281">
        <v>3</v>
      </c>
      <c r="K36" s="281">
        <v>3</v>
      </c>
      <c r="L36" s="282">
        <v>40</v>
      </c>
      <c r="M36" s="283">
        <v>40</v>
      </c>
      <c r="N36" s="277">
        <v>0</v>
      </c>
      <c r="O36" s="281">
        <v>0</v>
      </c>
      <c r="P36" s="278">
        <v>0</v>
      </c>
      <c r="Q36" s="280">
        <v>0</v>
      </c>
      <c r="R36" s="281">
        <v>0</v>
      </c>
      <c r="S36" s="281">
        <v>1</v>
      </c>
      <c r="T36" s="281">
        <v>0</v>
      </c>
      <c r="U36" s="281">
        <v>1</v>
      </c>
      <c r="V36" s="281">
        <v>5</v>
      </c>
      <c r="W36" s="278">
        <v>7</v>
      </c>
      <c r="X36" s="283">
        <v>7</v>
      </c>
      <c r="Y36" s="277">
        <v>1</v>
      </c>
      <c r="Z36" s="281">
        <v>5</v>
      </c>
      <c r="AA36" s="278">
        <v>6</v>
      </c>
      <c r="AB36" s="280">
        <v>0</v>
      </c>
      <c r="AC36" s="281">
        <v>11</v>
      </c>
      <c r="AD36" s="281">
        <v>10</v>
      </c>
      <c r="AE36" s="281">
        <v>5</v>
      </c>
      <c r="AF36" s="281">
        <v>1</v>
      </c>
      <c r="AG36" s="281">
        <v>3</v>
      </c>
      <c r="AH36" s="278">
        <v>30</v>
      </c>
      <c r="AI36" s="283">
        <v>36</v>
      </c>
      <c r="AJ36" s="277">
        <v>0</v>
      </c>
      <c r="AK36" s="281">
        <v>1</v>
      </c>
      <c r="AL36" s="278">
        <v>1</v>
      </c>
      <c r="AM36" s="280">
        <v>0</v>
      </c>
      <c r="AN36" s="281">
        <v>7</v>
      </c>
      <c r="AO36" s="281">
        <v>6</v>
      </c>
      <c r="AP36" s="281">
        <v>6</v>
      </c>
      <c r="AQ36" s="281">
        <v>1</v>
      </c>
      <c r="AR36" s="281">
        <v>1</v>
      </c>
      <c r="AS36" s="278">
        <v>21</v>
      </c>
      <c r="AT36" s="283">
        <v>22</v>
      </c>
      <c r="AU36" s="277">
        <v>3</v>
      </c>
      <c r="AV36" s="281">
        <v>4</v>
      </c>
      <c r="AW36" s="278">
        <v>7</v>
      </c>
      <c r="AX36" s="280">
        <v>0</v>
      </c>
      <c r="AY36" s="281">
        <v>28</v>
      </c>
      <c r="AZ36" s="281">
        <v>31</v>
      </c>
      <c r="BA36" s="281">
        <v>19</v>
      </c>
      <c r="BB36" s="281">
        <v>17</v>
      </c>
      <c r="BC36" s="281">
        <v>13</v>
      </c>
      <c r="BD36" s="282">
        <v>108</v>
      </c>
      <c r="BE36" s="283">
        <v>115</v>
      </c>
      <c r="BF36" s="277">
        <v>0</v>
      </c>
      <c r="BG36" s="281">
        <v>0</v>
      </c>
      <c r="BH36" s="278">
        <v>0</v>
      </c>
      <c r="BI36" s="280">
        <v>0</v>
      </c>
      <c r="BJ36" s="281">
        <v>33</v>
      </c>
      <c r="BK36" s="281">
        <v>17</v>
      </c>
      <c r="BL36" s="281">
        <v>18</v>
      </c>
      <c r="BM36" s="281">
        <v>7</v>
      </c>
      <c r="BN36" s="281">
        <v>2</v>
      </c>
      <c r="BO36" s="278">
        <v>77</v>
      </c>
      <c r="BP36" s="283">
        <v>77</v>
      </c>
      <c r="BQ36" s="277">
        <v>2</v>
      </c>
      <c r="BR36" s="281">
        <v>4</v>
      </c>
      <c r="BS36" s="278">
        <v>6</v>
      </c>
      <c r="BT36" s="280">
        <v>0</v>
      </c>
      <c r="BU36" s="281">
        <v>9</v>
      </c>
      <c r="BV36" s="281">
        <v>6</v>
      </c>
      <c r="BW36" s="281">
        <v>2</v>
      </c>
      <c r="BX36" s="281">
        <v>3</v>
      </c>
      <c r="BY36" s="281">
        <v>0</v>
      </c>
      <c r="BZ36" s="278">
        <v>20</v>
      </c>
      <c r="CA36" s="283">
        <v>26</v>
      </c>
      <c r="CB36" s="277">
        <v>0</v>
      </c>
      <c r="CC36" s="281">
        <v>0</v>
      </c>
      <c r="CD36" s="278">
        <v>0</v>
      </c>
      <c r="CE36" s="280">
        <v>0</v>
      </c>
      <c r="CF36" s="281">
        <v>3</v>
      </c>
      <c r="CG36" s="281">
        <v>0</v>
      </c>
      <c r="CH36" s="281">
        <v>4</v>
      </c>
      <c r="CI36" s="281">
        <v>4</v>
      </c>
      <c r="CJ36" s="281">
        <v>0</v>
      </c>
      <c r="CK36" s="278">
        <v>11</v>
      </c>
      <c r="CL36" s="283">
        <v>11</v>
      </c>
      <c r="CM36" s="277">
        <v>0</v>
      </c>
      <c r="CN36" s="281">
        <v>0</v>
      </c>
      <c r="CO36" s="278">
        <v>0</v>
      </c>
      <c r="CP36" s="280">
        <v>0</v>
      </c>
      <c r="CQ36" s="281">
        <v>1</v>
      </c>
      <c r="CR36" s="281">
        <v>0</v>
      </c>
      <c r="CS36" s="281">
        <v>0</v>
      </c>
      <c r="CT36" s="281">
        <v>1</v>
      </c>
      <c r="CU36" s="281">
        <v>0</v>
      </c>
      <c r="CV36" s="278">
        <v>2</v>
      </c>
      <c r="CW36" s="283">
        <v>2</v>
      </c>
      <c r="CX36" s="277">
        <v>0</v>
      </c>
      <c r="CY36" s="281">
        <v>0</v>
      </c>
      <c r="CZ36" s="278">
        <v>0</v>
      </c>
      <c r="DA36" s="280">
        <v>0</v>
      </c>
      <c r="DB36" s="281">
        <v>0</v>
      </c>
      <c r="DC36" s="281">
        <v>0</v>
      </c>
      <c r="DD36" s="281">
        <v>0</v>
      </c>
      <c r="DE36" s="281">
        <v>0</v>
      </c>
      <c r="DF36" s="281">
        <v>0</v>
      </c>
      <c r="DG36" s="278">
        <v>0</v>
      </c>
      <c r="DH36" s="283">
        <v>0</v>
      </c>
      <c r="DI36" s="277">
        <v>0</v>
      </c>
      <c r="DJ36" s="281">
        <v>0</v>
      </c>
      <c r="DK36" s="278">
        <v>0</v>
      </c>
      <c r="DL36" s="280">
        <v>0</v>
      </c>
      <c r="DM36" s="281">
        <v>0</v>
      </c>
      <c r="DN36" s="281">
        <v>0</v>
      </c>
      <c r="DO36" s="281">
        <v>0</v>
      </c>
      <c r="DP36" s="281">
        <v>0</v>
      </c>
      <c r="DQ36" s="281">
        <v>0</v>
      </c>
      <c r="DR36" s="278">
        <v>0</v>
      </c>
      <c r="DS36" s="283">
        <v>0</v>
      </c>
      <c r="DT36" s="277">
        <v>12</v>
      </c>
      <c r="DU36" s="281">
        <v>19</v>
      </c>
      <c r="DV36" s="278">
        <v>31</v>
      </c>
      <c r="DW36" s="280">
        <v>0</v>
      </c>
      <c r="DX36" s="281">
        <v>51</v>
      </c>
      <c r="DY36" s="281">
        <v>47</v>
      </c>
      <c r="DZ36" s="281">
        <v>31</v>
      </c>
      <c r="EA36" s="281">
        <v>22</v>
      </c>
      <c r="EB36" s="281">
        <v>9</v>
      </c>
      <c r="EC36" s="278">
        <v>160</v>
      </c>
      <c r="ED36" s="283">
        <v>191</v>
      </c>
      <c r="EE36" s="277">
        <v>3</v>
      </c>
      <c r="EF36" s="281">
        <v>1</v>
      </c>
      <c r="EG36" s="278">
        <v>4</v>
      </c>
      <c r="EH36" s="280">
        <v>0</v>
      </c>
      <c r="EI36" s="281">
        <v>8</v>
      </c>
      <c r="EJ36" s="281">
        <v>8</v>
      </c>
      <c r="EK36" s="281">
        <v>3</v>
      </c>
      <c r="EL36" s="281">
        <v>6</v>
      </c>
      <c r="EM36" s="281">
        <v>2</v>
      </c>
      <c r="EN36" s="278">
        <v>27</v>
      </c>
      <c r="EO36" s="283">
        <v>31</v>
      </c>
      <c r="EP36" s="277">
        <v>14</v>
      </c>
      <c r="EQ36" s="281">
        <v>24</v>
      </c>
      <c r="ER36" s="278">
        <v>38</v>
      </c>
      <c r="ES36" s="280">
        <v>0</v>
      </c>
      <c r="ET36" s="281">
        <v>85</v>
      </c>
      <c r="EU36" s="281">
        <v>42</v>
      </c>
      <c r="EV36" s="281">
        <v>34</v>
      </c>
      <c r="EW36" s="281">
        <v>17</v>
      </c>
      <c r="EX36" s="281">
        <v>8</v>
      </c>
      <c r="EY36" s="278">
        <v>186</v>
      </c>
      <c r="EZ36" s="283">
        <v>224</v>
      </c>
    </row>
    <row r="37" spans="2:156" ht="19.8" customHeight="1" x14ac:dyDescent="0.2">
      <c r="B37" s="262" t="s">
        <v>35</v>
      </c>
      <c r="C37" s="277">
        <v>0</v>
      </c>
      <c r="D37" s="281">
        <v>0</v>
      </c>
      <c r="E37" s="385">
        <v>0</v>
      </c>
      <c r="F37" s="280">
        <v>0</v>
      </c>
      <c r="G37" s="281">
        <v>111</v>
      </c>
      <c r="H37" s="281">
        <v>59</v>
      </c>
      <c r="I37" s="281">
        <v>38</v>
      </c>
      <c r="J37" s="281">
        <v>29</v>
      </c>
      <c r="K37" s="281">
        <v>18</v>
      </c>
      <c r="L37" s="282">
        <v>255</v>
      </c>
      <c r="M37" s="283">
        <v>255</v>
      </c>
      <c r="N37" s="277">
        <v>0</v>
      </c>
      <c r="O37" s="281">
        <v>0</v>
      </c>
      <c r="P37" s="278">
        <v>0</v>
      </c>
      <c r="Q37" s="280">
        <v>0</v>
      </c>
      <c r="R37" s="281">
        <v>0</v>
      </c>
      <c r="S37" s="281">
        <v>5</v>
      </c>
      <c r="T37" s="281">
        <v>1</v>
      </c>
      <c r="U37" s="281">
        <v>7</v>
      </c>
      <c r="V37" s="281">
        <v>14</v>
      </c>
      <c r="W37" s="278">
        <v>27</v>
      </c>
      <c r="X37" s="283">
        <v>27</v>
      </c>
      <c r="Y37" s="277">
        <v>1</v>
      </c>
      <c r="Z37" s="281">
        <v>4</v>
      </c>
      <c r="AA37" s="278">
        <v>5</v>
      </c>
      <c r="AB37" s="280">
        <v>0</v>
      </c>
      <c r="AC37" s="281">
        <v>40</v>
      </c>
      <c r="AD37" s="281">
        <v>34</v>
      </c>
      <c r="AE37" s="281">
        <v>20</v>
      </c>
      <c r="AF37" s="281">
        <v>16</v>
      </c>
      <c r="AG37" s="281">
        <v>10</v>
      </c>
      <c r="AH37" s="278">
        <v>120</v>
      </c>
      <c r="AI37" s="283">
        <v>125</v>
      </c>
      <c r="AJ37" s="277">
        <v>2</v>
      </c>
      <c r="AK37" s="281">
        <v>3</v>
      </c>
      <c r="AL37" s="278">
        <v>5</v>
      </c>
      <c r="AM37" s="280">
        <v>0</v>
      </c>
      <c r="AN37" s="281">
        <v>24</v>
      </c>
      <c r="AO37" s="281">
        <v>11</v>
      </c>
      <c r="AP37" s="281">
        <v>7</v>
      </c>
      <c r="AQ37" s="281">
        <v>4</v>
      </c>
      <c r="AR37" s="281">
        <v>3</v>
      </c>
      <c r="AS37" s="278">
        <v>49</v>
      </c>
      <c r="AT37" s="283">
        <v>54</v>
      </c>
      <c r="AU37" s="277">
        <v>27</v>
      </c>
      <c r="AV37" s="281">
        <v>19</v>
      </c>
      <c r="AW37" s="278">
        <v>46</v>
      </c>
      <c r="AX37" s="280">
        <v>0</v>
      </c>
      <c r="AY37" s="281">
        <v>87</v>
      </c>
      <c r="AZ37" s="281">
        <v>79</v>
      </c>
      <c r="BA37" s="281">
        <v>79</v>
      </c>
      <c r="BB37" s="281">
        <v>81</v>
      </c>
      <c r="BC37" s="281">
        <v>41</v>
      </c>
      <c r="BD37" s="282">
        <v>367</v>
      </c>
      <c r="BE37" s="283">
        <v>413</v>
      </c>
      <c r="BF37" s="277">
        <v>0</v>
      </c>
      <c r="BG37" s="281">
        <v>0</v>
      </c>
      <c r="BH37" s="278">
        <v>0</v>
      </c>
      <c r="BI37" s="280">
        <v>0</v>
      </c>
      <c r="BJ37" s="281">
        <v>153</v>
      </c>
      <c r="BK37" s="281">
        <v>88</v>
      </c>
      <c r="BL37" s="281">
        <v>48</v>
      </c>
      <c r="BM37" s="281">
        <v>21</v>
      </c>
      <c r="BN37" s="281">
        <v>13</v>
      </c>
      <c r="BO37" s="278">
        <v>323</v>
      </c>
      <c r="BP37" s="283">
        <v>323</v>
      </c>
      <c r="BQ37" s="277">
        <v>10</v>
      </c>
      <c r="BR37" s="281">
        <v>21</v>
      </c>
      <c r="BS37" s="278">
        <v>31</v>
      </c>
      <c r="BT37" s="280">
        <v>0</v>
      </c>
      <c r="BU37" s="281">
        <v>56</v>
      </c>
      <c r="BV37" s="281">
        <v>29</v>
      </c>
      <c r="BW37" s="281">
        <v>10</v>
      </c>
      <c r="BX37" s="281">
        <v>13</v>
      </c>
      <c r="BY37" s="281">
        <v>1</v>
      </c>
      <c r="BZ37" s="278">
        <v>109</v>
      </c>
      <c r="CA37" s="283">
        <v>140</v>
      </c>
      <c r="CB37" s="277">
        <v>0</v>
      </c>
      <c r="CC37" s="281">
        <v>0</v>
      </c>
      <c r="CD37" s="278">
        <v>0</v>
      </c>
      <c r="CE37" s="280">
        <v>0</v>
      </c>
      <c r="CF37" s="281">
        <v>6</v>
      </c>
      <c r="CG37" s="281">
        <v>9</v>
      </c>
      <c r="CH37" s="281">
        <v>12</v>
      </c>
      <c r="CI37" s="281">
        <v>13</v>
      </c>
      <c r="CJ37" s="281">
        <v>3</v>
      </c>
      <c r="CK37" s="278">
        <v>43</v>
      </c>
      <c r="CL37" s="283">
        <v>43</v>
      </c>
      <c r="CM37" s="277">
        <v>0</v>
      </c>
      <c r="CN37" s="281">
        <v>0</v>
      </c>
      <c r="CO37" s="278">
        <v>0</v>
      </c>
      <c r="CP37" s="280">
        <v>0</v>
      </c>
      <c r="CQ37" s="281">
        <v>2</v>
      </c>
      <c r="CR37" s="281">
        <v>4</v>
      </c>
      <c r="CS37" s="281">
        <v>1</v>
      </c>
      <c r="CT37" s="281">
        <v>2</v>
      </c>
      <c r="CU37" s="281">
        <v>0</v>
      </c>
      <c r="CV37" s="278">
        <v>9</v>
      </c>
      <c r="CW37" s="283">
        <v>9</v>
      </c>
      <c r="CX37" s="277">
        <v>0</v>
      </c>
      <c r="CY37" s="281">
        <v>0</v>
      </c>
      <c r="CZ37" s="278">
        <v>0</v>
      </c>
      <c r="DA37" s="280">
        <v>0</v>
      </c>
      <c r="DB37" s="281">
        <v>0</v>
      </c>
      <c r="DC37" s="281">
        <v>0</v>
      </c>
      <c r="DD37" s="281">
        <v>0</v>
      </c>
      <c r="DE37" s="281">
        <v>0</v>
      </c>
      <c r="DF37" s="281">
        <v>0</v>
      </c>
      <c r="DG37" s="278">
        <v>0</v>
      </c>
      <c r="DH37" s="283">
        <v>0</v>
      </c>
      <c r="DI37" s="277">
        <v>0</v>
      </c>
      <c r="DJ37" s="281">
        <v>0</v>
      </c>
      <c r="DK37" s="278">
        <v>0</v>
      </c>
      <c r="DL37" s="280">
        <v>0</v>
      </c>
      <c r="DM37" s="281">
        <v>0</v>
      </c>
      <c r="DN37" s="281">
        <v>0</v>
      </c>
      <c r="DO37" s="281">
        <v>0</v>
      </c>
      <c r="DP37" s="281">
        <v>0</v>
      </c>
      <c r="DQ37" s="281">
        <v>0</v>
      </c>
      <c r="DR37" s="278">
        <v>0</v>
      </c>
      <c r="DS37" s="283">
        <v>0</v>
      </c>
      <c r="DT37" s="277">
        <v>34</v>
      </c>
      <c r="DU37" s="281">
        <v>70</v>
      </c>
      <c r="DV37" s="278">
        <v>104</v>
      </c>
      <c r="DW37" s="280">
        <v>0</v>
      </c>
      <c r="DX37" s="281">
        <v>170</v>
      </c>
      <c r="DY37" s="281">
        <v>156</v>
      </c>
      <c r="DZ37" s="281">
        <v>77</v>
      </c>
      <c r="EA37" s="281">
        <v>57</v>
      </c>
      <c r="EB37" s="281">
        <v>35</v>
      </c>
      <c r="EC37" s="278">
        <v>495</v>
      </c>
      <c r="ED37" s="283">
        <v>599</v>
      </c>
      <c r="EE37" s="277">
        <v>22</v>
      </c>
      <c r="EF37" s="281">
        <v>12</v>
      </c>
      <c r="EG37" s="278">
        <v>34</v>
      </c>
      <c r="EH37" s="280">
        <v>0</v>
      </c>
      <c r="EI37" s="281">
        <v>43</v>
      </c>
      <c r="EJ37" s="281">
        <v>26</v>
      </c>
      <c r="EK37" s="281">
        <v>28</v>
      </c>
      <c r="EL37" s="281">
        <v>30</v>
      </c>
      <c r="EM37" s="281">
        <v>11</v>
      </c>
      <c r="EN37" s="278">
        <v>138</v>
      </c>
      <c r="EO37" s="283">
        <v>172</v>
      </c>
      <c r="EP37" s="277">
        <v>41</v>
      </c>
      <c r="EQ37" s="281">
        <v>83</v>
      </c>
      <c r="ER37" s="278">
        <v>124</v>
      </c>
      <c r="ES37" s="280">
        <v>0</v>
      </c>
      <c r="ET37" s="281">
        <v>308</v>
      </c>
      <c r="EU37" s="281">
        <v>204</v>
      </c>
      <c r="EV37" s="281">
        <v>94</v>
      </c>
      <c r="EW37" s="281">
        <v>69</v>
      </c>
      <c r="EX37" s="281">
        <v>34</v>
      </c>
      <c r="EY37" s="278">
        <v>709</v>
      </c>
      <c r="EZ37" s="283">
        <v>833</v>
      </c>
    </row>
    <row r="38" spans="2:156" ht="19.8" customHeight="1" x14ac:dyDescent="0.2">
      <c r="B38" s="262" t="s">
        <v>36</v>
      </c>
      <c r="C38" s="277">
        <v>0</v>
      </c>
      <c r="D38" s="281">
        <v>0</v>
      </c>
      <c r="E38" s="385">
        <v>0</v>
      </c>
      <c r="F38" s="280">
        <v>0</v>
      </c>
      <c r="G38" s="281">
        <v>62</v>
      </c>
      <c r="H38" s="281">
        <v>58</v>
      </c>
      <c r="I38" s="281">
        <v>36</v>
      </c>
      <c r="J38" s="281">
        <v>28</v>
      </c>
      <c r="K38" s="281">
        <v>27</v>
      </c>
      <c r="L38" s="282">
        <v>211</v>
      </c>
      <c r="M38" s="283">
        <v>211</v>
      </c>
      <c r="N38" s="277">
        <v>0</v>
      </c>
      <c r="O38" s="281">
        <v>0</v>
      </c>
      <c r="P38" s="278">
        <v>0</v>
      </c>
      <c r="Q38" s="280">
        <v>0</v>
      </c>
      <c r="R38" s="281">
        <v>2</v>
      </c>
      <c r="S38" s="281">
        <v>6</v>
      </c>
      <c r="T38" s="281">
        <v>1</v>
      </c>
      <c r="U38" s="281">
        <v>12</v>
      </c>
      <c r="V38" s="281">
        <v>13</v>
      </c>
      <c r="W38" s="278">
        <v>34</v>
      </c>
      <c r="X38" s="283">
        <v>34</v>
      </c>
      <c r="Y38" s="277">
        <v>12</v>
      </c>
      <c r="Z38" s="281">
        <v>20</v>
      </c>
      <c r="AA38" s="278">
        <v>32</v>
      </c>
      <c r="AB38" s="280">
        <v>0</v>
      </c>
      <c r="AC38" s="281">
        <v>56</v>
      </c>
      <c r="AD38" s="281">
        <v>50</v>
      </c>
      <c r="AE38" s="281">
        <v>34</v>
      </c>
      <c r="AF38" s="281">
        <v>31</v>
      </c>
      <c r="AG38" s="281">
        <v>30</v>
      </c>
      <c r="AH38" s="278">
        <v>201</v>
      </c>
      <c r="AI38" s="283">
        <v>233</v>
      </c>
      <c r="AJ38" s="277">
        <v>5</v>
      </c>
      <c r="AK38" s="281">
        <v>4</v>
      </c>
      <c r="AL38" s="278">
        <v>9</v>
      </c>
      <c r="AM38" s="280">
        <v>0</v>
      </c>
      <c r="AN38" s="281">
        <v>11</v>
      </c>
      <c r="AO38" s="281">
        <v>12</v>
      </c>
      <c r="AP38" s="281">
        <v>10</v>
      </c>
      <c r="AQ38" s="281">
        <v>6</v>
      </c>
      <c r="AR38" s="281">
        <v>6</v>
      </c>
      <c r="AS38" s="278">
        <v>45</v>
      </c>
      <c r="AT38" s="283">
        <v>54</v>
      </c>
      <c r="AU38" s="277">
        <v>4</v>
      </c>
      <c r="AV38" s="281">
        <v>8</v>
      </c>
      <c r="AW38" s="278">
        <v>12</v>
      </c>
      <c r="AX38" s="280">
        <v>0</v>
      </c>
      <c r="AY38" s="281">
        <v>31</v>
      </c>
      <c r="AZ38" s="281">
        <v>55</v>
      </c>
      <c r="BA38" s="281">
        <v>72</v>
      </c>
      <c r="BB38" s="281">
        <v>43</v>
      </c>
      <c r="BC38" s="281">
        <v>44</v>
      </c>
      <c r="BD38" s="282">
        <v>245</v>
      </c>
      <c r="BE38" s="283">
        <v>257</v>
      </c>
      <c r="BF38" s="277">
        <v>0</v>
      </c>
      <c r="BG38" s="281">
        <v>0</v>
      </c>
      <c r="BH38" s="278">
        <v>0</v>
      </c>
      <c r="BI38" s="280">
        <v>0</v>
      </c>
      <c r="BJ38" s="281">
        <v>86</v>
      </c>
      <c r="BK38" s="281">
        <v>87</v>
      </c>
      <c r="BL38" s="281">
        <v>51</v>
      </c>
      <c r="BM38" s="281">
        <v>29</v>
      </c>
      <c r="BN38" s="281">
        <v>16</v>
      </c>
      <c r="BO38" s="278">
        <v>269</v>
      </c>
      <c r="BP38" s="283">
        <v>269</v>
      </c>
      <c r="BQ38" s="277">
        <v>5</v>
      </c>
      <c r="BR38" s="281">
        <v>14</v>
      </c>
      <c r="BS38" s="278">
        <v>19</v>
      </c>
      <c r="BT38" s="280">
        <v>0</v>
      </c>
      <c r="BU38" s="281">
        <v>26</v>
      </c>
      <c r="BV38" s="281">
        <v>24</v>
      </c>
      <c r="BW38" s="281">
        <v>16</v>
      </c>
      <c r="BX38" s="281">
        <v>2</v>
      </c>
      <c r="BY38" s="281">
        <v>1</v>
      </c>
      <c r="BZ38" s="278">
        <v>69</v>
      </c>
      <c r="CA38" s="283">
        <v>88</v>
      </c>
      <c r="CB38" s="277">
        <v>0</v>
      </c>
      <c r="CC38" s="281">
        <v>1</v>
      </c>
      <c r="CD38" s="278">
        <v>1</v>
      </c>
      <c r="CE38" s="280">
        <v>0</v>
      </c>
      <c r="CF38" s="281">
        <v>13</v>
      </c>
      <c r="CG38" s="281">
        <v>23</v>
      </c>
      <c r="CH38" s="281">
        <v>29</v>
      </c>
      <c r="CI38" s="281">
        <v>15</v>
      </c>
      <c r="CJ38" s="281">
        <v>11</v>
      </c>
      <c r="CK38" s="278">
        <v>91</v>
      </c>
      <c r="CL38" s="283">
        <v>92</v>
      </c>
      <c r="CM38" s="277">
        <v>0</v>
      </c>
      <c r="CN38" s="281">
        <v>0</v>
      </c>
      <c r="CO38" s="278">
        <v>0</v>
      </c>
      <c r="CP38" s="280">
        <v>0</v>
      </c>
      <c r="CQ38" s="281">
        <v>0</v>
      </c>
      <c r="CR38" s="281">
        <v>2</v>
      </c>
      <c r="CS38" s="281">
        <v>2</v>
      </c>
      <c r="CT38" s="281">
        <v>1</v>
      </c>
      <c r="CU38" s="281">
        <v>0</v>
      </c>
      <c r="CV38" s="278">
        <v>5</v>
      </c>
      <c r="CW38" s="283">
        <v>5</v>
      </c>
      <c r="CX38" s="277">
        <v>0</v>
      </c>
      <c r="CY38" s="281">
        <v>0</v>
      </c>
      <c r="CZ38" s="278">
        <v>0</v>
      </c>
      <c r="DA38" s="280">
        <v>0</v>
      </c>
      <c r="DB38" s="281">
        <v>0</v>
      </c>
      <c r="DC38" s="281">
        <v>0</v>
      </c>
      <c r="DD38" s="281">
        <v>0</v>
      </c>
      <c r="DE38" s="281">
        <v>0</v>
      </c>
      <c r="DF38" s="281">
        <v>0</v>
      </c>
      <c r="DG38" s="278">
        <v>0</v>
      </c>
      <c r="DH38" s="283">
        <v>0</v>
      </c>
      <c r="DI38" s="277">
        <v>0</v>
      </c>
      <c r="DJ38" s="281">
        <v>0</v>
      </c>
      <c r="DK38" s="278">
        <v>0</v>
      </c>
      <c r="DL38" s="280">
        <v>0</v>
      </c>
      <c r="DM38" s="281">
        <v>0</v>
      </c>
      <c r="DN38" s="281">
        <v>0</v>
      </c>
      <c r="DO38" s="281">
        <v>0</v>
      </c>
      <c r="DP38" s="281">
        <v>0</v>
      </c>
      <c r="DQ38" s="281">
        <v>0</v>
      </c>
      <c r="DR38" s="278">
        <v>0</v>
      </c>
      <c r="DS38" s="283">
        <v>0</v>
      </c>
      <c r="DT38" s="277">
        <v>36</v>
      </c>
      <c r="DU38" s="281">
        <v>101</v>
      </c>
      <c r="DV38" s="278">
        <v>137</v>
      </c>
      <c r="DW38" s="280">
        <v>0</v>
      </c>
      <c r="DX38" s="281">
        <v>161</v>
      </c>
      <c r="DY38" s="281">
        <v>164</v>
      </c>
      <c r="DZ38" s="281">
        <v>109</v>
      </c>
      <c r="EA38" s="281">
        <v>78</v>
      </c>
      <c r="EB38" s="281">
        <v>44</v>
      </c>
      <c r="EC38" s="278">
        <v>556</v>
      </c>
      <c r="ED38" s="283">
        <v>693</v>
      </c>
      <c r="EE38" s="277">
        <v>1</v>
      </c>
      <c r="EF38" s="281">
        <v>2</v>
      </c>
      <c r="EG38" s="278">
        <v>3</v>
      </c>
      <c r="EH38" s="280">
        <v>0</v>
      </c>
      <c r="EI38" s="281">
        <v>7</v>
      </c>
      <c r="EJ38" s="281">
        <v>16</v>
      </c>
      <c r="EK38" s="281">
        <v>16</v>
      </c>
      <c r="EL38" s="281">
        <v>6</v>
      </c>
      <c r="EM38" s="281">
        <v>6</v>
      </c>
      <c r="EN38" s="278">
        <v>51</v>
      </c>
      <c r="EO38" s="283">
        <v>54</v>
      </c>
      <c r="EP38" s="277">
        <v>53</v>
      </c>
      <c r="EQ38" s="281">
        <v>123</v>
      </c>
      <c r="ER38" s="278">
        <v>176</v>
      </c>
      <c r="ES38" s="280">
        <v>0</v>
      </c>
      <c r="ET38" s="281">
        <v>269</v>
      </c>
      <c r="EU38" s="281">
        <v>224</v>
      </c>
      <c r="EV38" s="281">
        <v>145</v>
      </c>
      <c r="EW38" s="281">
        <v>86</v>
      </c>
      <c r="EX38" s="281">
        <v>55</v>
      </c>
      <c r="EY38" s="278">
        <v>779</v>
      </c>
      <c r="EZ38" s="283">
        <v>955</v>
      </c>
    </row>
    <row r="39" spans="2:156" ht="19.8" customHeight="1" thickBot="1" x14ac:dyDescent="0.25">
      <c r="B39" s="263" t="s">
        <v>37</v>
      </c>
      <c r="C39" s="284">
        <v>0</v>
      </c>
      <c r="D39" s="288">
        <v>0</v>
      </c>
      <c r="E39" s="386">
        <v>0</v>
      </c>
      <c r="F39" s="287">
        <v>0</v>
      </c>
      <c r="G39" s="288">
        <v>4</v>
      </c>
      <c r="H39" s="288">
        <v>5</v>
      </c>
      <c r="I39" s="288">
        <v>5</v>
      </c>
      <c r="J39" s="288">
        <v>3</v>
      </c>
      <c r="K39" s="288">
        <v>4</v>
      </c>
      <c r="L39" s="289">
        <v>21</v>
      </c>
      <c r="M39" s="290">
        <v>21</v>
      </c>
      <c r="N39" s="284">
        <v>0</v>
      </c>
      <c r="O39" s="288">
        <v>0</v>
      </c>
      <c r="P39" s="285">
        <v>0</v>
      </c>
      <c r="Q39" s="287">
        <v>0</v>
      </c>
      <c r="R39" s="288">
        <v>0</v>
      </c>
      <c r="S39" s="288">
        <v>0</v>
      </c>
      <c r="T39" s="288">
        <v>1</v>
      </c>
      <c r="U39" s="288">
        <v>0</v>
      </c>
      <c r="V39" s="288">
        <v>1</v>
      </c>
      <c r="W39" s="285">
        <v>2</v>
      </c>
      <c r="X39" s="290">
        <v>2</v>
      </c>
      <c r="Y39" s="284">
        <v>2</v>
      </c>
      <c r="Z39" s="288">
        <v>2</v>
      </c>
      <c r="AA39" s="285">
        <v>4</v>
      </c>
      <c r="AB39" s="287">
        <v>0</v>
      </c>
      <c r="AC39" s="288">
        <v>4</v>
      </c>
      <c r="AD39" s="288">
        <v>4</v>
      </c>
      <c r="AE39" s="288">
        <v>3</v>
      </c>
      <c r="AF39" s="288">
        <v>4</v>
      </c>
      <c r="AG39" s="288">
        <v>1</v>
      </c>
      <c r="AH39" s="285">
        <v>16</v>
      </c>
      <c r="AI39" s="290">
        <v>20</v>
      </c>
      <c r="AJ39" s="284">
        <v>0</v>
      </c>
      <c r="AK39" s="288">
        <v>0</v>
      </c>
      <c r="AL39" s="285">
        <v>0</v>
      </c>
      <c r="AM39" s="287">
        <v>0</v>
      </c>
      <c r="AN39" s="288">
        <v>1</v>
      </c>
      <c r="AO39" s="288">
        <v>2</v>
      </c>
      <c r="AP39" s="288">
        <v>2</v>
      </c>
      <c r="AQ39" s="288">
        <v>1</v>
      </c>
      <c r="AR39" s="288">
        <v>0</v>
      </c>
      <c r="AS39" s="285">
        <v>6</v>
      </c>
      <c r="AT39" s="290">
        <v>6</v>
      </c>
      <c r="AU39" s="284">
        <v>1</v>
      </c>
      <c r="AV39" s="288">
        <v>0</v>
      </c>
      <c r="AW39" s="285">
        <v>1</v>
      </c>
      <c r="AX39" s="287">
        <v>0</v>
      </c>
      <c r="AY39" s="288">
        <v>2</v>
      </c>
      <c r="AZ39" s="288">
        <v>3</v>
      </c>
      <c r="BA39" s="288">
        <v>6</v>
      </c>
      <c r="BB39" s="288">
        <v>4</v>
      </c>
      <c r="BC39" s="288">
        <v>4</v>
      </c>
      <c r="BD39" s="289">
        <v>19</v>
      </c>
      <c r="BE39" s="290">
        <v>20</v>
      </c>
      <c r="BF39" s="284">
        <v>0</v>
      </c>
      <c r="BG39" s="288">
        <v>0</v>
      </c>
      <c r="BH39" s="285">
        <v>0</v>
      </c>
      <c r="BI39" s="287">
        <v>0</v>
      </c>
      <c r="BJ39" s="288">
        <v>7</v>
      </c>
      <c r="BK39" s="288">
        <v>2</v>
      </c>
      <c r="BL39" s="288">
        <v>5</v>
      </c>
      <c r="BM39" s="288">
        <v>2</v>
      </c>
      <c r="BN39" s="288">
        <v>1</v>
      </c>
      <c r="BO39" s="285">
        <v>17</v>
      </c>
      <c r="BP39" s="290">
        <v>17</v>
      </c>
      <c r="BQ39" s="284">
        <v>2</v>
      </c>
      <c r="BR39" s="288">
        <v>0</v>
      </c>
      <c r="BS39" s="285">
        <v>2</v>
      </c>
      <c r="BT39" s="287">
        <v>0</v>
      </c>
      <c r="BU39" s="288">
        <v>7</v>
      </c>
      <c r="BV39" s="288">
        <v>2</v>
      </c>
      <c r="BW39" s="288">
        <v>4</v>
      </c>
      <c r="BX39" s="288">
        <v>1</v>
      </c>
      <c r="BY39" s="288">
        <v>0</v>
      </c>
      <c r="BZ39" s="285">
        <v>14</v>
      </c>
      <c r="CA39" s="290">
        <v>16</v>
      </c>
      <c r="CB39" s="284">
        <v>0</v>
      </c>
      <c r="CC39" s="288">
        <v>0</v>
      </c>
      <c r="CD39" s="285">
        <v>0</v>
      </c>
      <c r="CE39" s="287">
        <v>0</v>
      </c>
      <c r="CF39" s="288">
        <v>1</v>
      </c>
      <c r="CG39" s="288">
        <v>1</v>
      </c>
      <c r="CH39" s="288">
        <v>3</v>
      </c>
      <c r="CI39" s="288">
        <v>1</v>
      </c>
      <c r="CJ39" s="288">
        <v>1</v>
      </c>
      <c r="CK39" s="285">
        <v>7</v>
      </c>
      <c r="CL39" s="290">
        <v>7</v>
      </c>
      <c r="CM39" s="284">
        <v>0</v>
      </c>
      <c r="CN39" s="288">
        <v>0</v>
      </c>
      <c r="CO39" s="285">
        <v>0</v>
      </c>
      <c r="CP39" s="287">
        <v>0</v>
      </c>
      <c r="CQ39" s="288">
        <v>1</v>
      </c>
      <c r="CR39" s="288">
        <v>1</v>
      </c>
      <c r="CS39" s="288">
        <v>1</v>
      </c>
      <c r="CT39" s="288">
        <v>1</v>
      </c>
      <c r="CU39" s="288">
        <v>0</v>
      </c>
      <c r="CV39" s="285">
        <v>4</v>
      </c>
      <c r="CW39" s="290">
        <v>4</v>
      </c>
      <c r="CX39" s="284">
        <v>0</v>
      </c>
      <c r="CY39" s="288">
        <v>0</v>
      </c>
      <c r="CZ39" s="285">
        <v>0</v>
      </c>
      <c r="DA39" s="287">
        <v>0</v>
      </c>
      <c r="DB39" s="288">
        <v>0</v>
      </c>
      <c r="DC39" s="288">
        <v>0</v>
      </c>
      <c r="DD39" s="288">
        <v>0</v>
      </c>
      <c r="DE39" s="288">
        <v>0</v>
      </c>
      <c r="DF39" s="288">
        <v>0</v>
      </c>
      <c r="DG39" s="285">
        <v>0</v>
      </c>
      <c r="DH39" s="290">
        <v>0</v>
      </c>
      <c r="DI39" s="284">
        <v>0</v>
      </c>
      <c r="DJ39" s="288">
        <v>0</v>
      </c>
      <c r="DK39" s="285">
        <v>0</v>
      </c>
      <c r="DL39" s="287">
        <v>0</v>
      </c>
      <c r="DM39" s="288">
        <v>0</v>
      </c>
      <c r="DN39" s="288">
        <v>0</v>
      </c>
      <c r="DO39" s="288">
        <v>0</v>
      </c>
      <c r="DP39" s="288">
        <v>0</v>
      </c>
      <c r="DQ39" s="288">
        <v>0</v>
      </c>
      <c r="DR39" s="285">
        <v>0</v>
      </c>
      <c r="DS39" s="290">
        <v>0</v>
      </c>
      <c r="DT39" s="284">
        <v>8</v>
      </c>
      <c r="DU39" s="288">
        <v>4</v>
      </c>
      <c r="DV39" s="285">
        <v>12</v>
      </c>
      <c r="DW39" s="287">
        <v>0</v>
      </c>
      <c r="DX39" s="288">
        <v>23</v>
      </c>
      <c r="DY39" s="288">
        <v>14</v>
      </c>
      <c r="DZ39" s="288">
        <v>16</v>
      </c>
      <c r="EA39" s="288">
        <v>6</v>
      </c>
      <c r="EB39" s="288">
        <v>5</v>
      </c>
      <c r="EC39" s="285">
        <v>64</v>
      </c>
      <c r="ED39" s="290">
        <v>76</v>
      </c>
      <c r="EE39" s="284">
        <v>0</v>
      </c>
      <c r="EF39" s="288">
        <v>0</v>
      </c>
      <c r="EG39" s="285">
        <v>0</v>
      </c>
      <c r="EH39" s="287">
        <v>0</v>
      </c>
      <c r="EI39" s="288">
        <v>0</v>
      </c>
      <c r="EJ39" s="288">
        <v>0</v>
      </c>
      <c r="EK39" s="288">
        <v>0</v>
      </c>
      <c r="EL39" s="288">
        <v>1</v>
      </c>
      <c r="EM39" s="288">
        <v>1</v>
      </c>
      <c r="EN39" s="285">
        <v>2</v>
      </c>
      <c r="EO39" s="290">
        <v>2</v>
      </c>
      <c r="EP39" s="284">
        <v>11</v>
      </c>
      <c r="EQ39" s="288">
        <v>5</v>
      </c>
      <c r="ER39" s="285">
        <v>16</v>
      </c>
      <c r="ES39" s="287">
        <v>0</v>
      </c>
      <c r="ET39" s="288">
        <v>33</v>
      </c>
      <c r="EU39" s="288">
        <v>18</v>
      </c>
      <c r="EV39" s="288">
        <v>19</v>
      </c>
      <c r="EW39" s="288">
        <v>7</v>
      </c>
      <c r="EX39" s="288">
        <v>5</v>
      </c>
      <c r="EY39" s="285">
        <v>82</v>
      </c>
      <c r="EZ39" s="290">
        <v>98</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10.21875" style="256" customWidth="1"/>
    <col min="8" max="8" width="10.4414062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21875" style="256" customWidth="1"/>
    <col min="51" max="60" width="9" style="256"/>
    <col min="61" max="61" width="7.2187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04" width="9" style="256"/>
    <col min="105" max="105" width="7.44140625" style="256" customWidth="1"/>
    <col min="106" max="115" width="9" style="256"/>
    <col min="116" max="116" width="7.44140625" style="256" customWidth="1"/>
    <col min="117" max="126" width="9" style="256"/>
    <col min="127" max="127" width="7.44140625" style="256" customWidth="1"/>
    <col min="128" max="137" width="9" style="256"/>
    <col min="138" max="138" width="7.33203125" style="256" customWidth="1"/>
    <col min="139" max="148" width="9" style="256"/>
    <col min="149" max="149" width="7.77734375" style="256" customWidth="1"/>
    <col min="150" max="16384" width="9" style="256"/>
  </cols>
  <sheetData>
    <row r="1" spans="2:156" ht="24" customHeight="1" x14ac:dyDescent="0.2">
      <c r="B1" s="291" t="s">
        <v>122</v>
      </c>
      <c r="I1" s="528">
        <f>第１表!F2</f>
        <v>4</v>
      </c>
      <c r="J1" s="528"/>
      <c r="K1" s="248">
        <f>第１表!G2</f>
        <v>8</v>
      </c>
      <c r="L1" s="529">
        <f>IF(K1&lt;3,K1+12-2,K1-2)</f>
        <v>6</v>
      </c>
      <c r="M1" s="529"/>
    </row>
    <row r="2" spans="2:156" ht="24" customHeight="1" thickBot="1" x14ac:dyDescent="0.25">
      <c r="B2" s="291" t="s">
        <v>131</v>
      </c>
      <c r="G2" s="247"/>
      <c r="H2" s="248"/>
      <c r="J2" s="323"/>
      <c r="K2" s="323"/>
    </row>
    <row r="3" spans="2:156" ht="23.25" customHeight="1" thickBot="1" x14ac:dyDescent="0.25">
      <c r="B3" s="542"/>
      <c r="C3" s="533" t="s">
        <v>70</v>
      </c>
      <c r="D3" s="534"/>
      <c r="E3" s="534"/>
      <c r="F3" s="534"/>
      <c r="G3" s="534"/>
      <c r="H3" s="534"/>
      <c r="I3" s="534"/>
      <c r="J3" s="534"/>
      <c r="K3" s="534"/>
      <c r="L3" s="534"/>
      <c r="M3" s="535"/>
      <c r="N3" s="533" t="s">
        <v>71</v>
      </c>
      <c r="O3" s="534"/>
      <c r="P3" s="534"/>
      <c r="Q3" s="534"/>
      <c r="R3" s="534"/>
      <c r="S3" s="534"/>
      <c r="T3" s="534"/>
      <c r="U3" s="534"/>
      <c r="V3" s="534"/>
      <c r="W3" s="534"/>
      <c r="X3" s="535"/>
      <c r="Y3" s="533" t="s">
        <v>72</v>
      </c>
      <c r="Z3" s="534"/>
      <c r="AA3" s="534"/>
      <c r="AB3" s="534"/>
      <c r="AC3" s="534"/>
      <c r="AD3" s="534"/>
      <c r="AE3" s="534"/>
      <c r="AF3" s="534"/>
      <c r="AG3" s="534"/>
      <c r="AH3" s="534"/>
      <c r="AI3" s="535"/>
      <c r="AJ3" s="533" t="s">
        <v>73</v>
      </c>
      <c r="AK3" s="534"/>
      <c r="AL3" s="534"/>
      <c r="AM3" s="534"/>
      <c r="AN3" s="534"/>
      <c r="AO3" s="534"/>
      <c r="AP3" s="534"/>
      <c r="AQ3" s="534"/>
      <c r="AR3" s="534"/>
      <c r="AS3" s="534"/>
      <c r="AT3" s="535"/>
      <c r="AU3" s="533" t="s">
        <v>74</v>
      </c>
      <c r="AV3" s="534"/>
      <c r="AW3" s="534"/>
      <c r="AX3" s="534"/>
      <c r="AY3" s="534"/>
      <c r="AZ3" s="534"/>
      <c r="BA3" s="534"/>
      <c r="BB3" s="534"/>
      <c r="BC3" s="534"/>
      <c r="BD3" s="534"/>
      <c r="BE3" s="535"/>
      <c r="BF3" s="533" t="s">
        <v>75</v>
      </c>
      <c r="BG3" s="534"/>
      <c r="BH3" s="534"/>
      <c r="BI3" s="534"/>
      <c r="BJ3" s="534"/>
      <c r="BK3" s="534"/>
      <c r="BL3" s="534"/>
      <c r="BM3" s="534"/>
      <c r="BN3" s="534"/>
      <c r="BO3" s="534"/>
      <c r="BP3" s="535"/>
      <c r="BQ3" s="533" t="s">
        <v>76</v>
      </c>
      <c r="BR3" s="534"/>
      <c r="BS3" s="534"/>
      <c r="BT3" s="534"/>
      <c r="BU3" s="534"/>
      <c r="BV3" s="534"/>
      <c r="BW3" s="534"/>
      <c r="BX3" s="534"/>
      <c r="BY3" s="534"/>
      <c r="BZ3" s="534"/>
      <c r="CA3" s="535"/>
      <c r="CB3" s="533" t="s">
        <v>77</v>
      </c>
      <c r="CC3" s="534"/>
      <c r="CD3" s="534"/>
      <c r="CE3" s="534"/>
      <c r="CF3" s="534"/>
      <c r="CG3" s="534"/>
      <c r="CH3" s="534"/>
      <c r="CI3" s="534"/>
      <c r="CJ3" s="534"/>
      <c r="CK3" s="534"/>
      <c r="CL3" s="535"/>
      <c r="CM3" s="533" t="s">
        <v>78</v>
      </c>
      <c r="CN3" s="534"/>
      <c r="CO3" s="534"/>
      <c r="CP3" s="534"/>
      <c r="CQ3" s="534"/>
      <c r="CR3" s="534"/>
      <c r="CS3" s="534"/>
      <c r="CT3" s="534"/>
      <c r="CU3" s="534"/>
      <c r="CV3" s="534"/>
      <c r="CW3" s="535"/>
      <c r="CX3" s="533" t="s">
        <v>79</v>
      </c>
      <c r="CY3" s="534"/>
      <c r="CZ3" s="534"/>
      <c r="DA3" s="534"/>
      <c r="DB3" s="534"/>
      <c r="DC3" s="534"/>
      <c r="DD3" s="534"/>
      <c r="DE3" s="534"/>
      <c r="DF3" s="534"/>
      <c r="DG3" s="534"/>
      <c r="DH3" s="535"/>
      <c r="DI3" s="533" t="s">
        <v>152</v>
      </c>
      <c r="DJ3" s="534"/>
      <c r="DK3" s="534"/>
      <c r="DL3" s="534"/>
      <c r="DM3" s="534"/>
      <c r="DN3" s="534"/>
      <c r="DO3" s="534"/>
      <c r="DP3" s="534"/>
      <c r="DQ3" s="534"/>
      <c r="DR3" s="534"/>
      <c r="DS3" s="535"/>
      <c r="DT3" s="533" t="s">
        <v>80</v>
      </c>
      <c r="DU3" s="534"/>
      <c r="DV3" s="534"/>
      <c r="DW3" s="534"/>
      <c r="DX3" s="534"/>
      <c r="DY3" s="534"/>
      <c r="DZ3" s="534"/>
      <c r="EA3" s="534"/>
      <c r="EB3" s="534"/>
      <c r="EC3" s="534"/>
      <c r="ED3" s="535"/>
      <c r="EE3" s="533" t="s">
        <v>68</v>
      </c>
      <c r="EF3" s="534"/>
      <c r="EG3" s="534"/>
      <c r="EH3" s="534"/>
      <c r="EI3" s="534"/>
      <c r="EJ3" s="534"/>
      <c r="EK3" s="534"/>
      <c r="EL3" s="534"/>
      <c r="EM3" s="534"/>
      <c r="EN3" s="534"/>
      <c r="EO3" s="535"/>
      <c r="EP3" s="530" t="s">
        <v>69</v>
      </c>
      <c r="EQ3" s="531"/>
      <c r="ER3" s="531"/>
      <c r="ES3" s="531"/>
      <c r="ET3" s="531"/>
      <c r="EU3" s="531"/>
      <c r="EV3" s="531"/>
      <c r="EW3" s="531"/>
      <c r="EX3" s="531"/>
      <c r="EY3" s="531"/>
      <c r="EZ3" s="532"/>
    </row>
    <row r="4" spans="2:156"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38"/>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c r="DI4" s="541" t="s">
        <v>61</v>
      </c>
      <c r="DJ4" s="537"/>
      <c r="DK4" s="538"/>
      <c r="DL4" s="536" t="s">
        <v>62</v>
      </c>
      <c r="DM4" s="537"/>
      <c r="DN4" s="537"/>
      <c r="DO4" s="537"/>
      <c r="DP4" s="537"/>
      <c r="DQ4" s="537"/>
      <c r="DR4" s="538"/>
      <c r="DS4" s="539" t="s">
        <v>52</v>
      </c>
      <c r="DT4" s="541" t="s">
        <v>61</v>
      </c>
      <c r="DU4" s="537"/>
      <c r="DV4" s="538"/>
      <c r="DW4" s="536" t="s">
        <v>62</v>
      </c>
      <c r="DX4" s="537"/>
      <c r="DY4" s="537"/>
      <c r="DZ4" s="537"/>
      <c r="EA4" s="537"/>
      <c r="EB4" s="537"/>
      <c r="EC4" s="538"/>
      <c r="ED4" s="539" t="s">
        <v>52</v>
      </c>
      <c r="EE4" s="541" t="s">
        <v>61</v>
      </c>
      <c r="EF4" s="537"/>
      <c r="EG4" s="538"/>
      <c r="EH4" s="536" t="s">
        <v>62</v>
      </c>
      <c r="EI4" s="537"/>
      <c r="EJ4" s="537"/>
      <c r="EK4" s="537"/>
      <c r="EL4" s="537"/>
      <c r="EM4" s="537"/>
      <c r="EN4" s="538"/>
      <c r="EO4" s="539" t="s">
        <v>52</v>
      </c>
      <c r="EP4" s="541" t="s">
        <v>61</v>
      </c>
      <c r="EQ4" s="537"/>
      <c r="ER4" s="538"/>
      <c r="ES4" s="536" t="s">
        <v>62</v>
      </c>
      <c r="ET4" s="537"/>
      <c r="EU4" s="537"/>
      <c r="EV4" s="537"/>
      <c r="EW4" s="537"/>
      <c r="EX4" s="537"/>
      <c r="EY4" s="538"/>
      <c r="EZ4" s="539" t="s">
        <v>52</v>
      </c>
    </row>
    <row r="5" spans="2:156" ht="34.5" customHeight="1" thickBot="1" x14ac:dyDescent="0.25">
      <c r="B5" s="544"/>
      <c r="C5" s="324" t="s">
        <v>43</v>
      </c>
      <c r="D5" s="260" t="s">
        <v>44</v>
      </c>
      <c r="E5" s="383" t="s">
        <v>45</v>
      </c>
      <c r="F5" s="268" t="s">
        <v>83</v>
      </c>
      <c r="G5" s="260" t="s">
        <v>47</v>
      </c>
      <c r="H5" s="260" t="s">
        <v>48</v>
      </c>
      <c r="I5" s="260" t="s">
        <v>49</v>
      </c>
      <c r="J5" s="260" t="s">
        <v>50</v>
      </c>
      <c r="K5" s="260" t="s">
        <v>51</v>
      </c>
      <c r="L5" s="269" t="s">
        <v>45</v>
      </c>
      <c r="M5" s="540"/>
      <c r="N5" s="324" t="s">
        <v>43</v>
      </c>
      <c r="O5" s="260" t="s">
        <v>44</v>
      </c>
      <c r="P5" s="266" t="s">
        <v>45</v>
      </c>
      <c r="Q5" s="268" t="s">
        <v>83</v>
      </c>
      <c r="R5" s="260" t="s">
        <v>47</v>
      </c>
      <c r="S5" s="260" t="s">
        <v>48</v>
      </c>
      <c r="T5" s="260" t="s">
        <v>49</v>
      </c>
      <c r="U5" s="260" t="s">
        <v>50</v>
      </c>
      <c r="V5" s="260" t="s">
        <v>51</v>
      </c>
      <c r="W5" s="266" t="s">
        <v>45</v>
      </c>
      <c r="X5" s="540"/>
      <c r="Y5" s="324" t="s">
        <v>43</v>
      </c>
      <c r="Z5" s="260" t="s">
        <v>44</v>
      </c>
      <c r="AA5" s="266" t="s">
        <v>45</v>
      </c>
      <c r="AB5" s="268" t="s">
        <v>83</v>
      </c>
      <c r="AC5" s="260" t="s">
        <v>47</v>
      </c>
      <c r="AD5" s="260" t="s">
        <v>48</v>
      </c>
      <c r="AE5" s="260" t="s">
        <v>49</v>
      </c>
      <c r="AF5" s="260" t="s">
        <v>50</v>
      </c>
      <c r="AG5" s="260" t="s">
        <v>51</v>
      </c>
      <c r="AH5" s="266" t="s">
        <v>45</v>
      </c>
      <c r="AI5" s="540"/>
      <c r="AJ5" s="324" t="s">
        <v>43</v>
      </c>
      <c r="AK5" s="260" t="s">
        <v>44</v>
      </c>
      <c r="AL5" s="266" t="s">
        <v>45</v>
      </c>
      <c r="AM5" s="268" t="s">
        <v>83</v>
      </c>
      <c r="AN5" s="260" t="s">
        <v>47</v>
      </c>
      <c r="AO5" s="260" t="s">
        <v>48</v>
      </c>
      <c r="AP5" s="260" t="s">
        <v>49</v>
      </c>
      <c r="AQ5" s="260" t="s">
        <v>50</v>
      </c>
      <c r="AR5" s="260" t="s">
        <v>51</v>
      </c>
      <c r="AS5" s="266" t="s">
        <v>45</v>
      </c>
      <c r="AT5" s="540"/>
      <c r="AU5" s="324" t="s">
        <v>43</v>
      </c>
      <c r="AV5" s="260" t="s">
        <v>44</v>
      </c>
      <c r="AW5" s="266" t="s">
        <v>45</v>
      </c>
      <c r="AX5" s="268" t="s">
        <v>83</v>
      </c>
      <c r="AY5" s="260" t="s">
        <v>47</v>
      </c>
      <c r="AZ5" s="260" t="s">
        <v>48</v>
      </c>
      <c r="BA5" s="260" t="s">
        <v>49</v>
      </c>
      <c r="BB5" s="260" t="s">
        <v>50</v>
      </c>
      <c r="BC5" s="260" t="s">
        <v>51</v>
      </c>
      <c r="BD5" s="269" t="s">
        <v>45</v>
      </c>
      <c r="BE5" s="540"/>
      <c r="BF5" s="324" t="s">
        <v>43</v>
      </c>
      <c r="BG5" s="260" t="s">
        <v>44</v>
      </c>
      <c r="BH5" s="266" t="s">
        <v>45</v>
      </c>
      <c r="BI5" s="268" t="s">
        <v>83</v>
      </c>
      <c r="BJ5" s="260" t="s">
        <v>47</v>
      </c>
      <c r="BK5" s="260" t="s">
        <v>48</v>
      </c>
      <c r="BL5" s="260" t="s">
        <v>49</v>
      </c>
      <c r="BM5" s="260" t="s">
        <v>50</v>
      </c>
      <c r="BN5" s="260" t="s">
        <v>51</v>
      </c>
      <c r="BO5" s="266" t="s">
        <v>45</v>
      </c>
      <c r="BP5" s="540"/>
      <c r="BQ5" s="324" t="s">
        <v>43</v>
      </c>
      <c r="BR5" s="260" t="s">
        <v>44</v>
      </c>
      <c r="BS5" s="266" t="s">
        <v>45</v>
      </c>
      <c r="BT5" s="268" t="s">
        <v>83</v>
      </c>
      <c r="BU5" s="260" t="s">
        <v>47</v>
      </c>
      <c r="BV5" s="260" t="s">
        <v>48</v>
      </c>
      <c r="BW5" s="260" t="s">
        <v>49</v>
      </c>
      <c r="BX5" s="260" t="s">
        <v>50</v>
      </c>
      <c r="BY5" s="260" t="s">
        <v>51</v>
      </c>
      <c r="BZ5" s="266" t="s">
        <v>45</v>
      </c>
      <c r="CA5" s="540"/>
      <c r="CB5" s="324" t="s">
        <v>43</v>
      </c>
      <c r="CC5" s="260" t="s">
        <v>44</v>
      </c>
      <c r="CD5" s="266" t="s">
        <v>45</v>
      </c>
      <c r="CE5" s="268" t="s">
        <v>83</v>
      </c>
      <c r="CF5" s="260" t="s">
        <v>47</v>
      </c>
      <c r="CG5" s="260" t="s">
        <v>48</v>
      </c>
      <c r="CH5" s="260" t="s">
        <v>49</v>
      </c>
      <c r="CI5" s="260" t="s">
        <v>50</v>
      </c>
      <c r="CJ5" s="260" t="s">
        <v>51</v>
      </c>
      <c r="CK5" s="266" t="s">
        <v>45</v>
      </c>
      <c r="CL5" s="540"/>
      <c r="CM5" s="324" t="s">
        <v>43</v>
      </c>
      <c r="CN5" s="260" t="s">
        <v>44</v>
      </c>
      <c r="CO5" s="266" t="s">
        <v>45</v>
      </c>
      <c r="CP5" s="268" t="s">
        <v>83</v>
      </c>
      <c r="CQ5" s="260" t="s">
        <v>47</v>
      </c>
      <c r="CR5" s="260" t="s">
        <v>48</v>
      </c>
      <c r="CS5" s="260" t="s">
        <v>49</v>
      </c>
      <c r="CT5" s="260" t="s">
        <v>50</v>
      </c>
      <c r="CU5" s="260" t="s">
        <v>51</v>
      </c>
      <c r="CV5" s="266" t="s">
        <v>45</v>
      </c>
      <c r="CW5" s="540"/>
      <c r="CX5" s="324" t="s">
        <v>43</v>
      </c>
      <c r="CY5" s="260" t="s">
        <v>44</v>
      </c>
      <c r="CZ5" s="266" t="s">
        <v>45</v>
      </c>
      <c r="DA5" s="268" t="s">
        <v>83</v>
      </c>
      <c r="DB5" s="260" t="s">
        <v>47</v>
      </c>
      <c r="DC5" s="260" t="s">
        <v>48</v>
      </c>
      <c r="DD5" s="260" t="s">
        <v>49</v>
      </c>
      <c r="DE5" s="260" t="s">
        <v>50</v>
      </c>
      <c r="DF5" s="260" t="s">
        <v>51</v>
      </c>
      <c r="DG5" s="266" t="s">
        <v>45</v>
      </c>
      <c r="DH5" s="540"/>
      <c r="DI5" s="345" t="s">
        <v>43</v>
      </c>
      <c r="DJ5" s="260" t="s">
        <v>44</v>
      </c>
      <c r="DK5" s="266" t="s">
        <v>45</v>
      </c>
      <c r="DL5" s="268" t="s">
        <v>83</v>
      </c>
      <c r="DM5" s="260" t="s">
        <v>47</v>
      </c>
      <c r="DN5" s="260" t="s">
        <v>48</v>
      </c>
      <c r="DO5" s="260" t="s">
        <v>49</v>
      </c>
      <c r="DP5" s="260" t="s">
        <v>50</v>
      </c>
      <c r="DQ5" s="260" t="s">
        <v>51</v>
      </c>
      <c r="DR5" s="266" t="s">
        <v>45</v>
      </c>
      <c r="DS5" s="540"/>
      <c r="DT5" s="324" t="s">
        <v>43</v>
      </c>
      <c r="DU5" s="260" t="s">
        <v>44</v>
      </c>
      <c r="DV5" s="266" t="s">
        <v>45</v>
      </c>
      <c r="DW5" s="268" t="s">
        <v>83</v>
      </c>
      <c r="DX5" s="260" t="s">
        <v>47</v>
      </c>
      <c r="DY5" s="260" t="s">
        <v>48</v>
      </c>
      <c r="DZ5" s="260" t="s">
        <v>49</v>
      </c>
      <c r="EA5" s="260" t="s">
        <v>50</v>
      </c>
      <c r="EB5" s="260" t="s">
        <v>51</v>
      </c>
      <c r="EC5" s="266" t="s">
        <v>45</v>
      </c>
      <c r="ED5" s="540"/>
      <c r="EE5" s="324" t="s">
        <v>43</v>
      </c>
      <c r="EF5" s="260" t="s">
        <v>44</v>
      </c>
      <c r="EG5" s="266" t="s">
        <v>45</v>
      </c>
      <c r="EH5" s="268" t="s">
        <v>83</v>
      </c>
      <c r="EI5" s="260" t="s">
        <v>47</v>
      </c>
      <c r="EJ5" s="260" t="s">
        <v>48</v>
      </c>
      <c r="EK5" s="260" t="s">
        <v>49</v>
      </c>
      <c r="EL5" s="260" t="s">
        <v>50</v>
      </c>
      <c r="EM5" s="260" t="s">
        <v>51</v>
      </c>
      <c r="EN5" s="266" t="s">
        <v>45</v>
      </c>
      <c r="EO5" s="540"/>
      <c r="EP5" s="324" t="s">
        <v>43</v>
      </c>
      <c r="EQ5" s="260" t="s">
        <v>44</v>
      </c>
      <c r="ER5" s="266" t="s">
        <v>45</v>
      </c>
      <c r="ES5" s="268" t="s">
        <v>83</v>
      </c>
      <c r="ET5" s="260" t="s">
        <v>47</v>
      </c>
      <c r="EU5" s="260" t="s">
        <v>48</v>
      </c>
      <c r="EV5" s="260" t="s">
        <v>49</v>
      </c>
      <c r="EW5" s="260" t="s">
        <v>50</v>
      </c>
      <c r="EX5" s="260" t="s">
        <v>51</v>
      </c>
      <c r="EY5" s="266" t="s">
        <v>45</v>
      </c>
      <c r="EZ5" s="540"/>
    </row>
    <row r="6" spans="2:156" ht="19.8" customHeight="1" x14ac:dyDescent="0.2">
      <c r="B6" s="261" t="s">
        <v>4</v>
      </c>
      <c r="C6" s="270">
        <v>0</v>
      </c>
      <c r="D6" s="274">
        <v>0</v>
      </c>
      <c r="E6" s="384">
        <v>0</v>
      </c>
      <c r="F6" s="273">
        <v>0</v>
      </c>
      <c r="G6" s="274">
        <v>1288</v>
      </c>
      <c r="H6" s="274">
        <v>1353</v>
      </c>
      <c r="I6" s="274">
        <v>802</v>
      </c>
      <c r="J6" s="274">
        <v>575</v>
      </c>
      <c r="K6" s="274">
        <v>403</v>
      </c>
      <c r="L6" s="275">
        <v>4421</v>
      </c>
      <c r="M6" s="276">
        <v>4421</v>
      </c>
      <c r="N6" s="270">
        <v>0</v>
      </c>
      <c r="O6" s="274">
        <v>1</v>
      </c>
      <c r="P6" s="271">
        <v>1</v>
      </c>
      <c r="Q6" s="273">
        <v>0</v>
      </c>
      <c r="R6" s="274">
        <v>6</v>
      </c>
      <c r="S6" s="274">
        <v>32</v>
      </c>
      <c r="T6" s="274">
        <v>67</v>
      </c>
      <c r="U6" s="274">
        <v>140</v>
      </c>
      <c r="V6" s="274">
        <v>209</v>
      </c>
      <c r="W6" s="271">
        <v>454</v>
      </c>
      <c r="X6" s="276">
        <v>455</v>
      </c>
      <c r="Y6" s="270">
        <v>188</v>
      </c>
      <c r="Z6" s="274">
        <v>345</v>
      </c>
      <c r="AA6" s="271">
        <v>533</v>
      </c>
      <c r="AB6" s="273">
        <v>0</v>
      </c>
      <c r="AC6" s="274">
        <v>910</v>
      </c>
      <c r="AD6" s="274">
        <v>1200</v>
      </c>
      <c r="AE6" s="274">
        <v>740</v>
      </c>
      <c r="AF6" s="274">
        <v>617</v>
      </c>
      <c r="AG6" s="274">
        <v>371</v>
      </c>
      <c r="AH6" s="271">
        <v>3838</v>
      </c>
      <c r="AI6" s="276">
        <v>4371</v>
      </c>
      <c r="AJ6" s="270">
        <v>18</v>
      </c>
      <c r="AK6" s="274">
        <v>45</v>
      </c>
      <c r="AL6" s="271">
        <v>63</v>
      </c>
      <c r="AM6" s="273">
        <v>0</v>
      </c>
      <c r="AN6" s="274">
        <v>68</v>
      </c>
      <c r="AO6" s="274">
        <v>118</v>
      </c>
      <c r="AP6" s="274">
        <v>72</v>
      </c>
      <c r="AQ6" s="274">
        <v>82</v>
      </c>
      <c r="AR6" s="274">
        <v>33</v>
      </c>
      <c r="AS6" s="271">
        <v>373</v>
      </c>
      <c r="AT6" s="276">
        <v>436</v>
      </c>
      <c r="AU6" s="270">
        <v>299</v>
      </c>
      <c r="AV6" s="274">
        <v>323</v>
      </c>
      <c r="AW6" s="271">
        <v>622</v>
      </c>
      <c r="AX6" s="273">
        <v>0</v>
      </c>
      <c r="AY6" s="274">
        <v>1346</v>
      </c>
      <c r="AZ6" s="274">
        <v>1601</v>
      </c>
      <c r="BA6" s="274">
        <v>1489</v>
      </c>
      <c r="BB6" s="274">
        <v>1281</v>
      </c>
      <c r="BC6" s="274">
        <v>815</v>
      </c>
      <c r="BD6" s="275">
        <v>6532</v>
      </c>
      <c r="BE6" s="276">
        <v>7154</v>
      </c>
      <c r="BF6" s="270">
        <v>0</v>
      </c>
      <c r="BG6" s="274">
        <v>0</v>
      </c>
      <c r="BH6" s="271">
        <v>0</v>
      </c>
      <c r="BI6" s="273">
        <v>0</v>
      </c>
      <c r="BJ6" s="274">
        <v>1629</v>
      </c>
      <c r="BK6" s="274">
        <v>1436</v>
      </c>
      <c r="BL6" s="274">
        <v>849</v>
      </c>
      <c r="BM6" s="274">
        <v>382</v>
      </c>
      <c r="BN6" s="274">
        <v>150</v>
      </c>
      <c r="BO6" s="271">
        <v>4446</v>
      </c>
      <c r="BP6" s="276">
        <v>4446</v>
      </c>
      <c r="BQ6" s="270">
        <v>141</v>
      </c>
      <c r="BR6" s="274">
        <v>160</v>
      </c>
      <c r="BS6" s="271">
        <v>301</v>
      </c>
      <c r="BT6" s="273">
        <v>0</v>
      </c>
      <c r="BU6" s="274">
        <v>394</v>
      </c>
      <c r="BV6" s="274">
        <v>535</v>
      </c>
      <c r="BW6" s="274">
        <v>321</v>
      </c>
      <c r="BX6" s="274">
        <v>181</v>
      </c>
      <c r="BY6" s="274">
        <v>48</v>
      </c>
      <c r="BZ6" s="271">
        <v>1479</v>
      </c>
      <c r="CA6" s="276">
        <v>1780</v>
      </c>
      <c r="CB6" s="270">
        <v>7</v>
      </c>
      <c r="CC6" s="274">
        <v>20</v>
      </c>
      <c r="CD6" s="271">
        <v>27</v>
      </c>
      <c r="CE6" s="273">
        <v>0</v>
      </c>
      <c r="CF6" s="274">
        <v>196</v>
      </c>
      <c r="CG6" s="274">
        <v>224</v>
      </c>
      <c r="CH6" s="274">
        <v>337</v>
      </c>
      <c r="CI6" s="274">
        <v>223</v>
      </c>
      <c r="CJ6" s="274">
        <v>83</v>
      </c>
      <c r="CK6" s="271">
        <v>1063</v>
      </c>
      <c r="CL6" s="276">
        <v>1090</v>
      </c>
      <c r="CM6" s="270">
        <v>0</v>
      </c>
      <c r="CN6" s="274">
        <v>2</v>
      </c>
      <c r="CO6" s="271">
        <v>2</v>
      </c>
      <c r="CP6" s="273">
        <v>0</v>
      </c>
      <c r="CQ6" s="274">
        <v>20</v>
      </c>
      <c r="CR6" s="274">
        <v>55</v>
      </c>
      <c r="CS6" s="274">
        <v>60</v>
      </c>
      <c r="CT6" s="274">
        <v>37</v>
      </c>
      <c r="CU6" s="274">
        <v>21</v>
      </c>
      <c r="CV6" s="271">
        <v>193</v>
      </c>
      <c r="CW6" s="276">
        <v>195</v>
      </c>
      <c r="CX6" s="270">
        <v>0</v>
      </c>
      <c r="CY6" s="274">
        <v>0</v>
      </c>
      <c r="CZ6" s="271">
        <v>0</v>
      </c>
      <c r="DA6" s="273">
        <v>0</v>
      </c>
      <c r="DB6" s="274">
        <v>0</v>
      </c>
      <c r="DC6" s="274">
        <v>0</v>
      </c>
      <c r="DD6" s="274">
        <v>0</v>
      </c>
      <c r="DE6" s="274">
        <v>0</v>
      </c>
      <c r="DF6" s="274">
        <v>0</v>
      </c>
      <c r="DG6" s="271">
        <v>0</v>
      </c>
      <c r="DH6" s="276">
        <v>0</v>
      </c>
      <c r="DI6" s="270">
        <v>0</v>
      </c>
      <c r="DJ6" s="274">
        <v>0</v>
      </c>
      <c r="DK6" s="271">
        <v>0</v>
      </c>
      <c r="DL6" s="273">
        <v>0</v>
      </c>
      <c r="DM6" s="274">
        <v>0</v>
      </c>
      <c r="DN6" s="274">
        <v>0</v>
      </c>
      <c r="DO6" s="274">
        <v>0</v>
      </c>
      <c r="DP6" s="274">
        <v>0</v>
      </c>
      <c r="DQ6" s="274">
        <v>0</v>
      </c>
      <c r="DR6" s="271">
        <v>0</v>
      </c>
      <c r="DS6" s="276">
        <v>0</v>
      </c>
      <c r="DT6" s="270">
        <v>634</v>
      </c>
      <c r="DU6" s="274">
        <v>1189</v>
      </c>
      <c r="DV6" s="271">
        <v>1823</v>
      </c>
      <c r="DW6" s="273">
        <v>0</v>
      </c>
      <c r="DX6" s="274">
        <v>1827</v>
      </c>
      <c r="DY6" s="274">
        <v>3058</v>
      </c>
      <c r="DZ6" s="274">
        <v>1960</v>
      </c>
      <c r="EA6" s="274">
        <v>1383</v>
      </c>
      <c r="EB6" s="274">
        <v>742</v>
      </c>
      <c r="EC6" s="271">
        <v>8970</v>
      </c>
      <c r="ED6" s="276">
        <v>10793</v>
      </c>
      <c r="EE6" s="270">
        <v>188</v>
      </c>
      <c r="EF6" s="274">
        <v>143</v>
      </c>
      <c r="EG6" s="271">
        <v>331</v>
      </c>
      <c r="EH6" s="273">
        <v>0</v>
      </c>
      <c r="EI6" s="274">
        <v>569</v>
      </c>
      <c r="EJ6" s="274">
        <v>516</v>
      </c>
      <c r="EK6" s="274">
        <v>478</v>
      </c>
      <c r="EL6" s="274">
        <v>440</v>
      </c>
      <c r="EM6" s="274">
        <v>256</v>
      </c>
      <c r="EN6" s="271">
        <v>2259</v>
      </c>
      <c r="EO6" s="276">
        <v>2590</v>
      </c>
      <c r="EP6" s="270">
        <v>912</v>
      </c>
      <c r="EQ6" s="274">
        <v>1509</v>
      </c>
      <c r="ER6" s="271">
        <v>2421</v>
      </c>
      <c r="ES6" s="273">
        <v>0</v>
      </c>
      <c r="ET6" s="274">
        <v>4272</v>
      </c>
      <c r="EU6" s="274">
        <v>4293</v>
      </c>
      <c r="EV6" s="274">
        <v>2339</v>
      </c>
      <c r="EW6" s="274">
        <v>1473</v>
      </c>
      <c r="EX6" s="274">
        <v>743</v>
      </c>
      <c r="EY6" s="271">
        <v>13120</v>
      </c>
      <c r="EZ6" s="276">
        <v>15541</v>
      </c>
    </row>
    <row r="7" spans="2:156" ht="19.8" customHeight="1" x14ac:dyDescent="0.2">
      <c r="B7" s="262" t="s">
        <v>5</v>
      </c>
      <c r="C7" s="277">
        <v>0</v>
      </c>
      <c r="D7" s="281">
        <v>0</v>
      </c>
      <c r="E7" s="385">
        <v>0</v>
      </c>
      <c r="F7" s="280">
        <v>0</v>
      </c>
      <c r="G7" s="281">
        <v>518</v>
      </c>
      <c r="H7" s="281">
        <v>683</v>
      </c>
      <c r="I7" s="281">
        <v>365</v>
      </c>
      <c r="J7" s="281">
        <v>252</v>
      </c>
      <c r="K7" s="281">
        <v>177</v>
      </c>
      <c r="L7" s="282">
        <v>1995</v>
      </c>
      <c r="M7" s="283">
        <v>1995</v>
      </c>
      <c r="N7" s="277">
        <v>0</v>
      </c>
      <c r="O7" s="281">
        <v>1</v>
      </c>
      <c r="P7" s="278">
        <v>1</v>
      </c>
      <c r="Q7" s="280">
        <v>0</v>
      </c>
      <c r="R7" s="281">
        <v>2</v>
      </c>
      <c r="S7" s="281">
        <v>18</v>
      </c>
      <c r="T7" s="281">
        <v>26</v>
      </c>
      <c r="U7" s="281">
        <v>55</v>
      </c>
      <c r="V7" s="281">
        <v>93</v>
      </c>
      <c r="W7" s="278">
        <v>194</v>
      </c>
      <c r="X7" s="283">
        <v>195</v>
      </c>
      <c r="Y7" s="277">
        <v>92</v>
      </c>
      <c r="Z7" s="281">
        <v>191</v>
      </c>
      <c r="AA7" s="278">
        <v>283</v>
      </c>
      <c r="AB7" s="280">
        <v>0</v>
      </c>
      <c r="AC7" s="281">
        <v>353</v>
      </c>
      <c r="AD7" s="281">
        <v>642</v>
      </c>
      <c r="AE7" s="281">
        <v>360</v>
      </c>
      <c r="AF7" s="281">
        <v>293</v>
      </c>
      <c r="AG7" s="281">
        <v>173</v>
      </c>
      <c r="AH7" s="278">
        <v>1821</v>
      </c>
      <c r="AI7" s="283">
        <v>2104</v>
      </c>
      <c r="AJ7" s="277">
        <v>10</v>
      </c>
      <c r="AK7" s="281">
        <v>22</v>
      </c>
      <c r="AL7" s="278">
        <v>32</v>
      </c>
      <c r="AM7" s="280">
        <v>0</v>
      </c>
      <c r="AN7" s="281">
        <v>13</v>
      </c>
      <c r="AO7" s="281">
        <v>58</v>
      </c>
      <c r="AP7" s="281">
        <v>29</v>
      </c>
      <c r="AQ7" s="281">
        <v>33</v>
      </c>
      <c r="AR7" s="281">
        <v>14</v>
      </c>
      <c r="AS7" s="278">
        <v>147</v>
      </c>
      <c r="AT7" s="283">
        <v>179</v>
      </c>
      <c r="AU7" s="277">
        <v>130</v>
      </c>
      <c r="AV7" s="281">
        <v>167</v>
      </c>
      <c r="AW7" s="278">
        <v>297</v>
      </c>
      <c r="AX7" s="280">
        <v>0</v>
      </c>
      <c r="AY7" s="281">
        <v>482</v>
      </c>
      <c r="AZ7" s="281">
        <v>750</v>
      </c>
      <c r="BA7" s="281">
        <v>649</v>
      </c>
      <c r="BB7" s="281">
        <v>539</v>
      </c>
      <c r="BC7" s="281">
        <v>338</v>
      </c>
      <c r="BD7" s="282">
        <v>2758</v>
      </c>
      <c r="BE7" s="283">
        <v>3055</v>
      </c>
      <c r="BF7" s="277">
        <v>0</v>
      </c>
      <c r="BG7" s="281">
        <v>0</v>
      </c>
      <c r="BH7" s="278">
        <v>0</v>
      </c>
      <c r="BI7" s="280">
        <v>0</v>
      </c>
      <c r="BJ7" s="281">
        <v>611</v>
      </c>
      <c r="BK7" s="281">
        <v>618</v>
      </c>
      <c r="BL7" s="281">
        <v>331</v>
      </c>
      <c r="BM7" s="281">
        <v>151</v>
      </c>
      <c r="BN7" s="281">
        <v>61</v>
      </c>
      <c r="BO7" s="278">
        <v>1772</v>
      </c>
      <c r="BP7" s="283">
        <v>1772</v>
      </c>
      <c r="BQ7" s="277">
        <v>68</v>
      </c>
      <c r="BR7" s="281">
        <v>91</v>
      </c>
      <c r="BS7" s="278">
        <v>159</v>
      </c>
      <c r="BT7" s="280">
        <v>0</v>
      </c>
      <c r="BU7" s="281">
        <v>137</v>
      </c>
      <c r="BV7" s="281">
        <v>240</v>
      </c>
      <c r="BW7" s="281">
        <v>155</v>
      </c>
      <c r="BX7" s="281">
        <v>80</v>
      </c>
      <c r="BY7" s="281">
        <v>24</v>
      </c>
      <c r="BZ7" s="278">
        <v>636</v>
      </c>
      <c r="CA7" s="283">
        <v>795</v>
      </c>
      <c r="CB7" s="277">
        <v>2</v>
      </c>
      <c r="CC7" s="281">
        <v>9</v>
      </c>
      <c r="CD7" s="278">
        <v>11</v>
      </c>
      <c r="CE7" s="280">
        <v>0</v>
      </c>
      <c r="CF7" s="281">
        <v>52</v>
      </c>
      <c r="CG7" s="281">
        <v>87</v>
      </c>
      <c r="CH7" s="281">
        <v>138</v>
      </c>
      <c r="CI7" s="281">
        <v>91</v>
      </c>
      <c r="CJ7" s="281">
        <v>27</v>
      </c>
      <c r="CK7" s="278">
        <v>395</v>
      </c>
      <c r="CL7" s="283">
        <v>406</v>
      </c>
      <c r="CM7" s="277">
        <v>0</v>
      </c>
      <c r="CN7" s="281">
        <v>2</v>
      </c>
      <c r="CO7" s="278">
        <v>2</v>
      </c>
      <c r="CP7" s="280">
        <v>0</v>
      </c>
      <c r="CQ7" s="281">
        <v>9</v>
      </c>
      <c r="CR7" s="281">
        <v>31</v>
      </c>
      <c r="CS7" s="281">
        <v>39</v>
      </c>
      <c r="CT7" s="281">
        <v>23</v>
      </c>
      <c r="CU7" s="281">
        <v>15</v>
      </c>
      <c r="CV7" s="278">
        <v>117</v>
      </c>
      <c r="CW7" s="283">
        <v>119</v>
      </c>
      <c r="CX7" s="277">
        <v>0</v>
      </c>
      <c r="CY7" s="281">
        <v>0</v>
      </c>
      <c r="CZ7" s="278">
        <v>0</v>
      </c>
      <c r="DA7" s="280">
        <v>0</v>
      </c>
      <c r="DB7" s="281">
        <v>0</v>
      </c>
      <c r="DC7" s="281">
        <v>0</v>
      </c>
      <c r="DD7" s="281">
        <v>0</v>
      </c>
      <c r="DE7" s="281">
        <v>0</v>
      </c>
      <c r="DF7" s="281">
        <v>0</v>
      </c>
      <c r="DG7" s="278">
        <v>0</v>
      </c>
      <c r="DH7" s="283">
        <v>0</v>
      </c>
      <c r="DI7" s="277">
        <v>0</v>
      </c>
      <c r="DJ7" s="281">
        <v>0</v>
      </c>
      <c r="DK7" s="278">
        <v>0</v>
      </c>
      <c r="DL7" s="280">
        <v>0</v>
      </c>
      <c r="DM7" s="281">
        <v>0</v>
      </c>
      <c r="DN7" s="281">
        <v>0</v>
      </c>
      <c r="DO7" s="281">
        <v>0</v>
      </c>
      <c r="DP7" s="281">
        <v>0</v>
      </c>
      <c r="DQ7" s="281">
        <v>0</v>
      </c>
      <c r="DR7" s="278">
        <v>0</v>
      </c>
      <c r="DS7" s="283">
        <v>0</v>
      </c>
      <c r="DT7" s="277">
        <v>240</v>
      </c>
      <c r="DU7" s="281">
        <v>570</v>
      </c>
      <c r="DV7" s="278">
        <v>810</v>
      </c>
      <c r="DW7" s="280">
        <v>0</v>
      </c>
      <c r="DX7" s="281">
        <v>581</v>
      </c>
      <c r="DY7" s="281">
        <v>1364</v>
      </c>
      <c r="DZ7" s="281">
        <v>833</v>
      </c>
      <c r="EA7" s="281">
        <v>578</v>
      </c>
      <c r="EB7" s="281">
        <v>327</v>
      </c>
      <c r="EC7" s="278">
        <v>3683</v>
      </c>
      <c r="ED7" s="283">
        <v>4493</v>
      </c>
      <c r="EE7" s="277">
        <v>75</v>
      </c>
      <c r="EF7" s="281">
        <v>65</v>
      </c>
      <c r="EG7" s="278">
        <v>140</v>
      </c>
      <c r="EH7" s="280">
        <v>0</v>
      </c>
      <c r="EI7" s="281">
        <v>217</v>
      </c>
      <c r="EJ7" s="281">
        <v>246</v>
      </c>
      <c r="EK7" s="281">
        <v>241</v>
      </c>
      <c r="EL7" s="281">
        <v>198</v>
      </c>
      <c r="EM7" s="281">
        <v>104</v>
      </c>
      <c r="EN7" s="278">
        <v>1006</v>
      </c>
      <c r="EO7" s="283">
        <v>1146</v>
      </c>
      <c r="EP7" s="277">
        <v>380</v>
      </c>
      <c r="EQ7" s="281">
        <v>751</v>
      </c>
      <c r="ER7" s="278">
        <v>1131</v>
      </c>
      <c r="ES7" s="280">
        <v>0</v>
      </c>
      <c r="ET7" s="281">
        <v>1586</v>
      </c>
      <c r="EU7" s="281">
        <v>2005</v>
      </c>
      <c r="EV7" s="281">
        <v>1029</v>
      </c>
      <c r="EW7" s="281">
        <v>632</v>
      </c>
      <c r="EX7" s="281">
        <v>316</v>
      </c>
      <c r="EY7" s="278">
        <v>5568</v>
      </c>
      <c r="EZ7" s="283">
        <v>6699</v>
      </c>
    </row>
    <row r="8" spans="2:156" ht="19.8" customHeight="1" x14ac:dyDescent="0.2">
      <c r="B8" s="262" t="s">
        <v>6</v>
      </c>
      <c r="C8" s="277">
        <v>0</v>
      </c>
      <c r="D8" s="281">
        <v>0</v>
      </c>
      <c r="E8" s="385">
        <v>0</v>
      </c>
      <c r="F8" s="280">
        <v>0</v>
      </c>
      <c r="G8" s="281">
        <v>188</v>
      </c>
      <c r="H8" s="281">
        <v>140</v>
      </c>
      <c r="I8" s="281">
        <v>94</v>
      </c>
      <c r="J8" s="281">
        <v>86</v>
      </c>
      <c r="K8" s="281">
        <v>49</v>
      </c>
      <c r="L8" s="282">
        <v>557</v>
      </c>
      <c r="M8" s="283">
        <v>557</v>
      </c>
      <c r="N8" s="277">
        <v>0</v>
      </c>
      <c r="O8" s="281">
        <v>0</v>
      </c>
      <c r="P8" s="278">
        <v>0</v>
      </c>
      <c r="Q8" s="280">
        <v>0</v>
      </c>
      <c r="R8" s="281">
        <v>2</v>
      </c>
      <c r="S8" s="281">
        <v>2</v>
      </c>
      <c r="T8" s="281">
        <v>4</v>
      </c>
      <c r="U8" s="281">
        <v>13</v>
      </c>
      <c r="V8" s="281">
        <v>27</v>
      </c>
      <c r="W8" s="278">
        <v>48</v>
      </c>
      <c r="X8" s="283">
        <v>48</v>
      </c>
      <c r="Y8" s="277">
        <v>19</v>
      </c>
      <c r="Z8" s="281">
        <v>35</v>
      </c>
      <c r="AA8" s="278">
        <v>54</v>
      </c>
      <c r="AB8" s="280">
        <v>0</v>
      </c>
      <c r="AC8" s="281">
        <v>132</v>
      </c>
      <c r="AD8" s="281">
        <v>120</v>
      </c>
      <c r="AE8" s="281">
        <v>76</v>
      </c>
      <c r="AF8" s="281">
        <v>89</v>
      </c>
      <c r="AG8" s="281">
        <v>51</v>
      </c>
      <c r="AH8" s="278">
        <v>468</v>
      </c>
      <c r="AI8" s="283">
        <v>522</v>
      </c>
      <c r="AJ8" s="277">
        <v>1</v>
      </c>
      <c r="AK8" s="281">
        <v>1</v>
      </c>
      <c r="AL8" s="278">
        <v>2</v>
      </c>
      <c r="AM8" s="280">
        <v>0</v>
      </c>
      <c r="AN8" s="281">
        <v>12</v>
      </c>
      <c r="AO8" s="281">
        <v>14</v>
      </c>
      <c r="AP8" s="281">
        <v>6</v>
      </c>
      <c r="AQ8" s="281">
        <v>8</v>
      </c>
      <c r="AR8" s="281">
        <v>4</v>
      </c>
      <c r="AS8" s="278">
        <v>44</v>
      </c>
      <c r="AT8" s="283">
        <v>46</v>
      </c>
      <c r="AU8" s="277">
        <v>52</v>
      </c>
      <c r="AV8" s="281">
        <v>44</v>
      </c>
      <c r="AW8" s="278">
        <v>96</v>
      </c>
      <c r="AX8" s="280">
        <v>0</v>
      </c>
      <c r="AY8" s="281">
        <v>208</v>
      </c>
      <c r="AZ8" s="281">
        <v>207</v>
      </c>
      <c r="BA8" s="281">
        <v>212</v>
      </c>
      <c r="BB8" s="281">
        <v>204</v>
      </c>
      <c r="BC8" s="281">
        <v>127</v>
      </c>
      <c r="BD8" s="282">
        <v>958</v>
      </c>
      <c r="BE8" s="283">
        <v>1054</v>
      </c>
      <c r="BF8" s="277">
        <v>0</v>
      </c>
      <c r="BG8" s="281">
        <v>0</v>
      </c>
      <c r="BH8" s="278">
        <v>0</v>
      </c>
      <c r="BI8" s="280">
        <v>0</v>
      </c>
      <c r="BJ8" s="281">
        <v>230</v>
      </c>
      <c r="BK8" s="281">
        <v>156</v>
      </c>
      <c r="BL8" s="281">
        <v>103</v>
      </c>
      <c r="BM8" s="281">
        <v>57</v>
      </c>
      <c r="BN8" s="281">
        <v>18</v>
      </c>
      <c r="BO8" s="278">
        <v>564</v>
      </c>
      <c r="BP8" s="283">
        <v>564</v>
      </c>
      <c r="BQ8" s="277">
        <v>6</v>
      </c>
      <c r="BR8" s="281">
        <v>10</v>
      </c>
      <c r="BS8" s="278">
        <v>16</v>
      </c>
      <c r="BT8" s="280">
        <v>0</v>
      </c>
      <c r="BU8" s="281">
        <v>55</v>
      </c>
      <c r="BV8" s="281">
        <v>59</v>
      </c>
      <c r="BW8" s="281">
        <v>41</v>
      </c>
      <c r="BX8" s="281">
        <v>24</v>
      </c>
      <c r="BY8" s="281">
        <v>10</v>
      </c>
      <c r="BZ8" s="278">
        <v>189</v>
      </c>
      <c r="CA8" s="283">
        <v>205</v>
      </c>
      <c r="CB8" s="277">
        <v>1</v>
      </c>
      <c r="CC8" s="281">
        <v>4</v>
      </c>
      <c r="CD8" s="278">
        <v>5</v>
      </c>
      <c r="CE8" s="280">
        <v>0</v>
      </c>
      <c r="CF8" s="281">
        <v>25</v>
      </c>
      <c r="CG8" s="281">
        <v>21</v>
      </c>
      <c r="CH8" s="281">
        <v>31</v>
      </c>
      <c r="CI8" s="281">
        <v>20</v>
      </c>
      <c r="CJ8" s="281">
        <v>11</v>
      </c>
      <c r="CK8" s="278">
        <v>108</v>
      </c>
      <c r="CL8" s="283">
        <v>113</v>
      </c>
      <c r="CM8" s="277">
        <v>0</v>
      </c>
      <c r="CN8" s="281">
        <v>0</v>
      </c>
      <c r="CO8" s="278">
        <v>0</v>
      </c>
      <c r="CP8" s="280">
        <v>0</v>
      </c>
      <c r="CQ8" s="281">
        <v>2</v>
      </c>
      <c r="CR8" s="281">
        <v>4</v>
      </c>
      <c r="CS8" s="281">
        <v>6</v>
      </c>
      <c r="CT8" s="281">
        <v>3</v>
      </c>
      <c r="CU8" s="281">
        <v>4</v>
      </c>
      <c r="CV8" s="278">
        <v>19</v>
      </c>
      <c r="CW8" s="283">
        <v>19</v>
      </c>
      <c r="CX8" s="277">
        <v>0</v>
      </c>
      <c r="CY8" s="281">
        <v>0</v>
      </c>
      <c r="CZ8" s="278">
        <v>0</v>
      </c>
      <c r="DA8" s="280">
        <v>0</v>
      </c>
      <c r="DB8" s="281">
        <v>0</v>
      </c>
      <c r="DC8" s="281">
        <v>0</v>
      </c>
      <c r="DD8" s="281">
        <v>0</v>
      </c>
      <c r="DE8" s="281">
        <v>0</v>
      </c>
      <c r="DF8" s="281">
        <v>0</v>
      </c>
      <c r="DG8" s="278">
        <v>0</v>
      </c>
      <c r="DH8" s="283">
        <v>0</v>
      </c>
      <c r="DI8" s="277">
        <v>0</v>
      </c>
      <c r="DJ8" s="281">
        <v>0</v>
      </c>
      <c r="DK8" s="278">
        <v>0</v>
      </c>
      <c r="DL8" s="280">
        <v>0</v>
      </c>
      <c r="DM8" s="281">
        <v>0</v>
      </c>
      <c r="DN8" s="281">
        <v>0</v>
      </c>
      <c r="DO8" s="281">
        <v>0</v>
      </c>
      <c r="DP8" s="281">
        <v>0</v>
      </c>
      <c r="DQ8" s="281">
        <v>0</v>
      </c>
      <c r="DR8" s="278">
        <v>0</v>
      </c>
      <c r="DS8" s="283">
        <v>0</v>
      </c>
      <c r="DT8" s="277">
        <v>79</v>
      </c>
      <c r="DU8" s="281">
        <v>122</v>
      </c>
      <c r="DV8" s="278">
        <v>201</v>
      </c>
      <c r="DW8" s="280">
        <v>0</v>
      </c>
      <c r="DX8" s="281">
        <v>281</v>
      </c>
      <c r="DY8" s="281">
        <v>336</v>
      </c>
      <c r="DZ8" s="281">
        <v>239</v>
      </c>
      <c r="EA8" s="281">
        <v>199</v>
      </c>
      <c r="EB8" s="281">
        <v>111</v>
      </c>
      <c r="EC8" s="278">
        <v>1166</v>
      </c>
      <c r="ED8" s="283">
        <v>1367</v>
      </c>
      <c r="EE8" s="277">
        <v>40</v>
      </c>
      <c r="EF8" s="281">
        <v>17</v>
      </c>
      <c r="EG8" s="278">
        <v>57</v>
      </c>
      <c r="EH8" s="280">
        <v>0</v>
      </c>
      <c r="EI8" s="281">
        <v>75</v>
      </c>
      <c r="EJ8" s="281">
        <v>65</v>
      </c>
      <c r="EK8" s="281">
        <v>56</v>
      </c>
      <c r="EL8" s="281">
        <v>62</v>
      </c>
      <c r="EM8" s="281">
        <v>40</v>
      </c>
      <c r="EN8" s="278">
        <v>298</v>
      </c>
      <c r="EO8" s="283">
        <v>355</v>
      </c>
      <c r="EP8" s="277">
        <v>95</v>
      </c>
      <c r="EQ8" s="281">
        <v>150</v>
      </c>
      <c r="ER8" s="278">
        <v>245</v>
      </c>
      <c r="ES8" s="280">
        <v>0</v>
      </c>
      <c r="ET8" s="281">
        <v>594</v>
      </c>
      <c r="EU8" s="281">
        <v>444</v>
      </c>
      <c r="EV8" s="281">
        <v>276</v>
      </c>
      <c r="EW8" s="281">
        <v>204</v>
      </c>
      <c r="EX8" s="281">
        <v>114</v>
      </c>
      <c r="EY8" s="278">
        <v>1632</v>
      </c>
      <c r="EZ8" s="283">
        <v>1877</v>
      </c>
    </row>
    <row r="9" spans="2:156" ht="19.8" customHeight="1" x14ac:dyDescent="0.2">
      <c r="B9" s="262" t="s">
        <v>14</v>
      </c>
      <c r="C9" s="277">
        <v>0</v>
      </c>
      <c r="D9" s="281">
        <v>0</v>
      </c>
      <c r="E9" s="385">
        <v>0</v>
      </c>
      <c r="F9" s="280">
        <v>0</v>
      </c>
      <c r="G9" s="281">
        <v>79</v>
      </c>
      <c r="H9" s="281">
        <v>96</v>
      </c>
      <c r="I9" s="281">
        <v>49</v>
      </c>
      <c r="J9" s="281">
        <v>21</v>
      </c>
      <c r="K9" s="281">
        <v>28</v>
      </c>
      <c r="L9" s="282">
        <v>273</v>
      </c>
      <c r="M9" s="283">
        <v>273</v>
      </c>
      <c r="N9" s="277">
        <v>0</v>
      </c>
      <c r="O9" s="281">
        <v>0</v>
      </c>
      <c r="P9" s="278">
        <v>0</v>
      </c>
      <c r="Q9" s="280">
        <v>0</v>
      </c>
      <c r="R9" s="281">
        <v>0</v>
      </c>
      <c r="S9" s="281">
        <v>0</v>
      </c>
      <c r="T9" s="281">
        <v>3</v>
      </c>
      <c r="U9" s="281">
        <v>5</v>
      </c>
      <c r="V9" s="281">
        <v>8</v>
      </c>
      <c r="W9" s="278">
        <v>16</v>
      </c>
      <c r="X9" s="283">
        <v>16</v>
      </c>
      <c r="Y9" s="277">
        <v>7</v>
      </c>
      <c r="Z9" s="281">
        <v>27</v>
      </c>
      <c r="AA9" s="278">
        <v>34</v>
      </c>
      <c r="AB9" s="280">
        <v>0</v>
      </c>
      <c r="AC9" s="281">
        <v>59</v>
      </c>
      <c r="AD9" s="281">
        <v>82</v>
      </c>
      <c r="AE9" s="281">
        <v>56</v>
      </c>
      <c r="AF9" s="281">
        <v>35</v>
      </c>
      <c r="AG9" s="281">
        <v>23</v>
      </c>
      <c r="AH9" s="278">
        <v>255</v>
      </c>
      <c r="AI9" s="283">
        <v>289</v>
      </c>
      <c r="AJ9" s="277">
        <v>1</v>
      </c>
      <c r="AK9" s="281">
        <v>2</v>
      </c>
      <c r="AL9" s="278">
        <v>3</v>
      </c>
      <c r="AM9" s="280">
        <v>0</v>
      </c>
      <c r="AN9" s="281">
        <v>1</v>
      </c>
      <c r="AO9" s="281">
        <v>1</v>
      </c>
      <c r="AP9" s="281">
        <v>2</v>
      </c>
      <c r="AQ9" s="281">
        <v>3</v>
      </c>
      <c r="AR9" s="281">
        <v>1</v>
      </c>
      <c r="AS9" s="278">
        <v>8</v>
      </c>
      <c r="AT9" s="283">
        <v>11</v>
      </c>
      <c r="AU9" s="277">
        <v>20</v>
      </c>
      <c r="AV9" s="281">
        <v>22</v>
      </c>
      <c r="AW9" s="278">
        <v>42</v>
      </c>
      <c r="AX9" s="280">
        <v>0</v>
      </c>
      <c r="AY9" s="281">
        <v>95</v>
      </c>
      <c r="AZ9" s="281">
        <v>110</v>
      </c>
      <c r="BA9" s="281">
        <v>108</v>
      </c>
      <c r="BB9" s="281">
        <v>64</v>
      </c>
      <c r="BC9" s="281">
        <v>61</v>
      </c>
      <c r="BD9" s="282">
        <v>438</v>
      </c>
      <c r="BE9" s="283">
        <v>480</v>
      </c>
      <c r="BF9" s="277">
        <v>0</v>
      </c>
      <c r="BG9" s="281">
        <v>0</v>
      </c>
      <c r="BH9" s="278">
        <v>0</v>
      </c>
      <c r="BI9" s="280">
        <v>0</v>
      </c>
      <c r="BJ9" s="281">
        <v>110</v>
      </c>
      <c r="BK9" s="281">
        <v>125</v>
      </c>
      <c r="BL9" s="281">
        <v>76</v>
      </c>
      <c r="BM9" s="281">
        <v>35</v>
      </c>
      <c r="BN9" s="281">
        <v>12</v>
      </c>
      <c r="BO9" s="278">
        <v>358</v>
      </c>
      <c r="BP9" s="283">
        <v>358</v>
      </c>
      <c r="BQ9" s="277">
        <v>8</v>
      </c>
      <c r="BR9" s="281">
        <v>7</v>
      </c>
      <c r="BS9" s="278">
        <v>15</v>
      </c>
      <c r="BT9" s="280">
        <v>0</v>
      </c>
      <c r="BU9" s="281">
        <v>9</v>
      </c>
      <c r="BV9" s="281">
        <v>28</v>
      </c>
      <c r="BW9" s="281">
        <v>25</v>
      </c>
      <c r="BX9" s="281">
        <v>9</v>
      </c>
      <c r="BY9" s="281">
        <v>4</v>
      </c>
      <c r="BZ9" s="278">
        <v>75</v>
      </c>
      <c r="CA9" s="283">
        <v>90</v>
      </c>
      <c r="CB9" s="277">
        <v>0</v>
      </c>
      <c r="CC9" s="281">
        <v>1</v>
      </c>
      <c r="CD9" s="278">
        <v>1</v>
      </c>
      <c r="CE9" s="280">
        <v>0</v>
      </c>
      <c r="CF9" s="281">
        <v>15</v>
      </c>
      <c r="CG9" s="281">
        <v>19</v>
      </c>
      <c r="CH9" s="281">
        <v>25</v>
      </c>
      <c r="CI9" s="281">
        <v>19</v>
      </c>
      <c r="CJ9" s="281">
        <v>7</v>
      </c>
      <c r="CK9" s="278">
        <v>85</v>
      </c>
      <c r="CL9" s="283">
        <v>86</v>
      </c>
      <c r="CM9" s="277">
        <v>0</v>
      </c>
      <c r="CN9" s="281">
        <v>0</v>
      </c>
      <c r="CO9" s="278">
        <v>0</v>
      </c>
      <c r="CP9" s="280">
        <v>0</v>
      </c>
      <c r="CQ9" s="281">
        <v>0</v>
      </c>
      <c r="CR9" s="281">
        <v>1</v>
      </c>
      <c r="CS9" s="281">
        <v>2</v>
      </c>
      <c r="CT9" s="281">
        <v>2</v>
      </c>
      <c r="CU9" s="281">
        <v>1</v>
      </c>
      <c r="CV9" s="278">
        <v>6</v>
      </c>
      <c r="CW9" s="283">
        <v>6</v>
      </c>
      <c r="CX9" s="277">
        <v>0</v>
      </c>
      <c r="CY9" s="281">
        <v>0</v>
      </c>
      <c r="CZ9" s="278">
        <v>0</v>
      </c>
      <c r="DA9" s="280">
        <v>0</v>
      </c>
      <c r="DB9" s="281">
        <v>0</v>
      </c>
      <c r="DC9" s="281">
        <v>0</v>
      </c>
      <c r="DD9" s="281">
        <v>0</v>
      </c>
      <c r="DE9" s="281">
        <v>0</v>
      </c>
      <c r="DF9" s="281">
        <v>0</v>
      </c>
      <c r="DG9" s="278">
        <v>0</v>
      </c>
      <c r="DH9" s="283">
        <v>0</v>
      </c>
      <c r="DI9" s="277">
        <v>0</v>
      </c>
      <c r="DJ9" s="281">
        <v>0</v>
      </c>
      <c r="DK9" s="278">
        <v>0</v>
      </c>
      <c r="DL9" s="280">
        <v>0</v>
      </c>
      <c r="DM9" s="281">
        <v>0</v>
      </c>
      <c r="DN9" s="281">
        <v>0</v>
      </c>
      <c r="DO9" s="281">
        <v>0</v>
      </c>
      <c r="DP9" s="281">
        <v>0</v>
      </c>
      <c r="DQ9" s="281">
        <v>0</v>
      </c>
      <c r="DR9" s="278">
        <v>0</v>
      </c>
      <c r="DS9" s="283">
        <v>0</v>
      </c>
      <c r="DT9" s="277">
        <v>45</v>
      </c>
      <c r="DU9" s="281">
        <v>100</v>
      </c>
      <c r="DV9" s="278">
        <v>145</v>
      </c>
      <c r="DW9" s="280">
        <v>0</v>
      </c>
      <c r="DX9" s="281">
        <v>119</v>
      </c>
      <c r="DY9" s="281">
        <v>231</v>
      </c>
      <c r="DZ9" s="281">
        <v>151</v>
      </c>
      <c r="EA9" s="281">
        <v>83</v>
      </c>
      <c r="EB9" s="281">
        <v>48</v>
      </c>
      <c r="EC9" s="278">
        <v>632</v>
      </c>
      <c r="ED9" s="283">
        <v>777</v>
      </c>
      <c r="EE9" s="277">
        <v>18</v>
      </c>
      <c r="EF9" s="281">
        <v>10</v>
      </c>
      <c r="EG9" s="278">
        <v>28</v>
      </c>
      <c r="EH9" s="280">
        <v>0</v>
      </c>
      <c r="EI9" s="281">
        <v>34</v>
      </c>
      <c r="EJ9" s="281">
        <v>28</v>
      </c>
      <c r="EK9" s="281">
        <v>26</v>
      </c>
      <c r="EL9" s="281">
        <v>19</v>
      </c>
      <c r="EM9" s="281">
        <v>17</v>
      </c>
      <c r="EN9" s="278">
        <v>124</v>
      </c>
      <c r="EO9" s="283">
        <v>152</v>
      </c>
      <c r="EP9" s="277">
        <v>57</v>
      </c>
      <c r="EQ9" s="281">
        <v>115</v>
      </c>
      <c r="ER9" s="278">
        <v>172</v>
      </c>
      <c r="ES9" s="280">
        <v>0</v>
      </c>
      <c r="ET9" s="281">
        <v>288</v>
      </c>
      <c r="EU9" s="281">
        <v>336</v>
      </c>
      <c r="EV9" s="281">
        <v>184</v>
      </c>
      <c r="EW9" s="281">
        <v>96</v>
      </c>
      <c r="EX9" s="281">
        <v>47</v>
      </c>
      <c r="EY9" s="278">
        <v>951</v>
      </c>
      <c r="EZ9" s="283">
        <v>1123</v>
      </c>
    </row>
    <row r="10" spans="2:156" ht="19.8" customHeight="1" x14ac:dyDescent="0.2">
      <c r="B10" s="262" t="s">
        <v>7</v>
      </c>
      <c r="C10" s="277">
        <v>0</v>
      </c>
      <c r="D10" s="281">
        <v>0</v>
      </c>
      <c r="E10" s="385">
        <v>0</v>
      </c>
      <c r="F10" s="280">
        <v>0</v>
      </c>
      <c r="G10" s="281">
        <v>130</v>
      </c>
      <c r="H10" s="281">
        <v>90</v>
      </c>
      <c r="I10" s="281">
        <v>60</v>
      </c>
      <c r="J10" s="281">
        <v>48</v>
      </c>
      <c r="K10" s="281">
        <v>24</v>
      </c>
      <c r="L10" s="282">
        <v>352</v>
      </c>
      <c r="M10" s="283">
        <v>352</v>
      </c>
      <c r="N10" s="277">
        <v>0</v>
      </c>
      <c r="O10" s="281">
        <v>0</v>
      </c>
      <c r="P10" s="278">
        <v>0</v>
      </c>
      <c r="Q10" s="280">
        <v>0</v>
      </c>
      <c r="R10" s="281">
        <v>2</v>
      </c>
      <c r="S10" s="281">
        <v>5</v>
      </c>
      <c r="T10" s="281">
        <v>10</v>
      </c>
      <c r="U10" s="281">
        <v>16</v>
      </c>
      <c r="V10" s="281">
        <v>12</v>
      </c>
      <c r="W10" s="278">
        <v>45</v>
      </c>
      <c r="X10" s="283">
        <v>45</v>
      </c>
      <c r="Y10" s="277">
        <v>2</v>
      </c>
      <c r="Z10" s="281">
        <v>5</v>
      </c>
      <c r="AA10" s="278">
        <v>7</v>
      </c>
      <c r="AB10" s="280">
        <v>0</v>
      </c>
      <c r="AC10" s="281">
        <v>52</v>
      </c>
      <c r="AD10" s="281">
        <v>46</v>
      </c>
      <c r="AE10" s="281">
        <v>35</v>
      </c>
      <c r="AF10" s="281">
        <v>28</v>
      </c>
      <c r="AG10" s="281">
        <v>14</v>
      </c>
      <c r="AH10" s="278">
        <v>175</v>
      </c>
      <c r="AI10" s="283">
        <v>182</v>
      </c>
      <c r="AJ10" s="277">
        <v>0</v>
      </c>
      <c r="AK10" s="281">
        <v>1</v>
      </c>
      <c r="AL10" s="278">
        <v>1</v>
      </c>
      <c r="AM10" s="280">
        <v>0</v>
      </c>
      <c r="AN10" s="281">
        <v>3</v>
      </c>
      <c r="AO10" s="281">
        <v>1</v>
      </c>
      <c r="AP10" s="281">
        <v>4</v>
      </c>
      <c r="AQ10" s="281">
        <v>5</v>
      </c>
      <c r="AR10" s="281">
        <v>0</v>
      </c>
      <c r="AS10" s="278">
        <v>13</v>
      </c>
      <c r="AT10" s="283">
        <v>14</v>
      </c>
      <c r="AU10" s="277">
        <v>12</v>
      </c>
      <c r="AV10" s="281">
        <v>10</v>
      </c>
      <c r="AW10" s="278">
        <v>22</v>
      </c>
      <c r="AX10" s="280">
        <v>0</v>
      </c>
      <c r="AY10" s="281">
        <v>125</v>
      </c>
      <c r="AZ10" s="281">
        <v>102</v>
      </c>
      <c r="BA10" s="281">
        <v>106</v>
      </c>
      <c r="BB10" s="281">
        <v>91</v>
      </c>
      <c r="BC10" s="281">
        <v>41</v>
      </c>
      <c r="BD10" s="282">
        <v>465</v>
      </c>
      <c r="BE10" s="283">
        <v>487</v>
      </c>
      <c r="BF10" s="277">
        <v>0</v>
      </c>
      <c r="BG10" s="281">
        <v>0</v>
      </c>
      <c r="BH10" s="278">
        <v>0</v>
      </c>
      <c r="BI10" s="280">
        <v>0</v>
      </c>
      <c r="BJ10" s="281">
        <v>147</v>
      </c>
      <c r="BK10" s="281">
        <v>104</v>
      </c>
      <c r="BL10" s="281">
        <v>53</v>
      </c>
      <c r="BM10" s="281">
        <v>24</v>
      </c>
      <c r="BN10" s="281">
        <v>8</v>
      </c>
      <c r="BO10" s="278">
        <v>336</v>
      </c>
      <c r="BP10" s="283">
        <v>336</v>
      </c>
      <c r="BQ10" s="277">
        <v>5</v>
      </c>
      <c r="BR10" s="281">
        <v>0</v>
      </c>
      <c r="BS10" s="278">
        <v>5</v>
      </c>
      <c r="BT10" s="280">
        <v>0</v>
      </c>
      <c r="BU10" s="281">
        <v>28</v>
      </c>
      <c r="BV10" s="281">
        <v>26</v>
      </c>
      <c r="BW10" s="281">
        <v>11</v>
      </c>
      <c r="BX10" s="281">
        <v>5</v>
      </c>
      <c r="BY10" s="281">
        <v>1</v>
      </c>
      <c r="BZ10" s="278">
        <v>71</v>
      </c>
      <c r="CA10" s="283">
        <v>76</v>
      </c>
      <c r="CB10" s="277">
        <v>0</v>
      </c>
      <c r="CC10" s="281">
        <v>0</v>
      </c>
      <c r="CD10" s="278">
        <v>0</v>
      </c>
      <c r="CE10" s="280">
        <v>0</v>
      </c>
      <c r="CF10" s="281">
        <v>30</v>
      </c>
      <c r="CG10" s="281">
        <v>25</v>
      </c>
      <c r="CH10" s="281">
        <v>17</v>
      </c>
      <c r="CI10" s="281">
        <v>16</v>
      </c>
      <c r="CJ10" s="281">
        <v>5</v>
      </c>
      <c r="CK10" s="278">
        <v>93</v>
      </c>
      <c r="CL10" s="283">
        <v>93</v>
      </c>
      <c r="CM10" s="277">
        <v>0</v>
      </c>
      <c r="CN10" s="281">
        <v>0</v>
      </c>
      <c r="CO10" s="278">
        <v>0</v>
      </c>
      <c r="CP10" s="280">
        <v>0</v>
      </c>
      <c r="CQ10" s="281">
        <v>1</v>
      </c>
      <c r="CR10" s="281">
        <v>0</v>
      </c>
      <c r="CS10" s="281">
        <v>1</v>
      </c>
      <c r="CT10" s="281">
        <v>0</v>
      </c>
      <c r="CU10" s="281">
        <v>0</v>
      </c>
      <c r="CV10" s="278">
        <v>2</v>
      </c>
      <c r="CW10" s="283">
        <v>2</v>
      </c>
      <c r="CX10" s="277">
        <v>0</v>
      </c>
      <c r="CY10" s="281">
        <v>0</v>
      </c>
      <c r="CZ10" s="278">
        <v>0</v>
      </c>
      <c r="DA10" s="280">
        <v>0</v>
      </c>
      <c r="DB10" s="281">
        <v>0</v>
      </c>
      <c r="DC10" s="281">
        <v>0</v>
      </c>
      <c r="DD10" s="281">
        <v>0</v>
      </c>
      <c r="DE10" s="281">
        <v>0</v>
      </c>
      <c r="DF10" s="281">
        <v>0</v>
      </c>
      <c r="DG10" s="278">
        <v>0</v>
      </c>
      <c r="DH10" s="283">
        <v>0</v>
      </c>
      <c r="DI10" s="277">
        <v>0</v>
      </c>
      <c r="DJ10" s="281">
        <v>0</v>
      </c>
      <c r="DK10" s="278">
        <v>0</v>
      </c>
      <c r="DL10" s="280">
        <v>0</v>
      </c>
      <c r="DM10" s="281">
        <v>0</v>
      </c>
      <c r="DN10" s="281">
        <v>0</v>
      </c>
      <c r="DO10" s="281">
        <v>0</v>
      </c>
      <c r="DP10" s="281">
        <v>0</v>
      </c>
      <c r="DQ10" s="281">
        <v>0</v>
      </c>
      <c r="DR10" s="278">
        <v>0</v>
      </c>
      <c r="DS10" s="283">
        <v>0</v>
      </c>
      <c r="DT10" s="277">
        <v>24</v>
      </c>
      <c r="DU10" s="281">
        <v>32</v>
      </c>
      <c r="DV10" s="278">
        <v>56</v>
      </c>
      <c r="DW10" s="280">
        <v>0</v>
      </c>
      <c r="DX10" s="281">
        <v>160</v>
      </c>
      <c r="DY10" s="281">
        <v>215</v>
      </c>
      <c r="DZ10" s="281">
        <v>113</v>
      </c>
      <c r="EA10" s="281">
        <v>87</v>
      </c>
      <c r="EB10" s="281">
        <v>39</v>
      </c>
      <c r="EC10" s="278">
        <v>614</v>
      </c>
      <c r="ED10" s="283">
        <v>670</v>
      </c>
      <c r="EE10" s="277">
        <v>8</v>
      </c>
      <c r="EF10" s="281">
        <v>4</v>
      </c>
      <c r="EG10" s="278">
        <v>12</v>
      </c>
      <c r="EH10" s="280">
        <v>0</v>
      </c>
      <c r="EI10" s="281">
        <v>57</v>
      </c>
      <c r="EJ10" s="281">
        <v>33</v>
      </c>
      <c r="EK10" s="281">
        <v>33</v>
      </c>
      <c r="EL10" s="281">
        <v>33</v>
      </c>
      <c r="EM10" s="281">
        <v>14</v>
      </c>
      <c r="EN10" s="278">
        <v>170</v>
      </c>
      <c r="EO10" s="283">
        <v>182</v>
      </c>
      <c r="EP10" s="277">
        <v>28</v>
      </c>
      <c r="EQ10" s="281">
        <v>35</v>
      </c>
      <c r="ER10" s="278">
        <v>63</v>
      </c>
      <c r="ES10" s="280">
        <v>0</v>
      </c>
      <c r="ET10" s="281">
        <v>368</v>
      </c>
      <c r="EU10" s="281">
        <v>279</v>
      </c>
      <c r="EV10" s="281">
        <v>138</v>
      </c>
      <c r="EW10" s="281">
        <v>92</v>
      </c>
      <c r="EX10" s="281">
        <v>40</v>
      </c>
      <c r="EY10" s="278">
        <v>917</v>
      </c>
      <c r="EZ10" s="283">
        <v>980</v>
      </c>
    </row>
    <row r="11" spans="2:156" ht="19.8" customHeight="1" x14ac:dyDescent="0.2">
      <c r="B11" s="262" t="s">
        <v>8</v>
      </c>
      <c r="C11" s="277">
        <v>0</v>
      </c>
      <c r="D11" s="281">
        <v>0</v>
      </c>
      <c r="E11" s="385">
        <v>0</v>
      </c>
      <c r="F11" s="280">
        <v>0</v>
      </c>
      <c r="G11" s="281">
        <v>22</v>
      </c>
      <c r="H11" s="281">
        <v>31</v>
      </c>
      <c r="I11" s="281">
        <v>19</v>
      </c>
      <c r="J11" s="281">
        <v>11</v>
      </c>
      <c r="K11" s="281">
        <v>8</v>
      </c>
      <c r="L11" s="282">
        <v>91</v>
      </c>
      <c r="M11" s="283">
        <v>91</v>
      </c>
      <c r="N11" s="277">
        <v>0</v>
      </c>
      <c r="O11" s="281">
        <v>0</v>
      </c>
      <c r="P11" s="278">
        <v>0</v>
      </c>
      <c r="Q11" s="280">
        <v>0</v>
      </c>
      <c r="R11" s="281">
        <v>0</v>
      </c>
      <c r="S11" s="281">
        <v>1</v>
      </c>
      <c r="T11" s="281">
        <v>4</v>
      </c>
      <c r="U11" s="281">
        <v>3</v>
      </c>
      <c r="V11" s="281">
        <v>3</v>
      </c>
      <c r="W11" s="278">
        <v>11</v>
      </c>
      <c r="X11" s="283">
        <v>11</v>
      </c>
      <c r="Y11" s="277">
        <v>3</v>
      </c>
      <c r="Z11" s="281">
        <v>6</v>
      </c>
      <c r="AA11" s="278">
        <v>9</v>
      </c>
      <c r="AB11" s="280">
        <v>0</v>
      </c>
      <c r="AC11" s="281">
        <v>22</v>
      </c>
      <c r="AD11" s="281">
        <v>24</v>
      </c>
      <c r="AE11" s="281">
        <v>24</v>
      </c>
      <c r="AF11" s="281">
        <v>19</v>
      </c>
      <c r="AG11" s="281">
        <v>8</v>
      </c>
      <c r="AH11" s="278">
        <v>97</v>
      </c>
      <c r="AI11" s="283">
        <v>106</v>
      </c>
      <c r="AJ11" s="277">
        <v>0</v>
      </c>
      <c r="AK11" s="281">
        <v>1</v>
      </c>
      <c r="AL11" s="278">
        <v>1</v>
      </c>
      <c r="AM11" s="280">
        <v>0</v>
      </c>
      <c r="AN11" s="281">
        <v>2</v>
      </c>
      <c r="AO11" s="281">
        <v>4</v>
      </c>
      <c r="AP11" s="281">
        <v>6</v>
      </c>
      <c r="AQ11" s="281">
        <v>2</v>
      </c>
      <c r="AR11" s="281">
        <v>1</v>
      </c>
      <c r="AS11" s="278">
        <v>15</v>
      </c>
      <c r="AT11" s="283">
        <v>16</v>
      </c>
      <c r="AU11" s="277">
        <v>8</v>
      </c>
      <c r="AV11" s="281">
        <v>5</v>
      </c>
      <c r="AW11" s="278">
        <v>13</v>
      </c>
      <c r="AX11" s="280">
        <v>0</v>
      </c>
      <c r="AY11" s="281">
        <v>33</v>
      </c>
      <c r="AZ11" s="281">
        <v>28</v>
      </c>
      <c r="BA11" s="281">
        <v>35</v>
      </c>
      <c r="BB11" s="281">
        <v>31</v>
      </c>
      <c r="BC11" s="281">
        <v>22</v>
      </c>
      <c r="BD11" s="282">
        <v>149</v>
      </c>
      <c r="BE11" s="283">
        <v>162</v>
      </c>
      <c r="BF11" s="277">
        <v>0</v>
      </c>
      <c r="BG11" s="281">
        <v>0</v>
      </c>
      <c r="BH11" s="278">
        <v>0</v>
      </c>
      <c r="BI11" s="280">
        <v>0</v>
      </c>
      <c r="BJ11" s="281">
        <v>35</v>
      </c>
      <c r="BK11" s="281">
        <v>41</v>
      </c>
      <c r="BL11" s="281">
        <v>22</v>
      </c>
      <c r="BM11" s="281">
        <v>11</v>
      </c>
      <c r="BN11" s="281">
        <v>2</v>
      </c>
      <c r="BO11" s="278">
        <v>111</v>
      </c>
      <c r="BP11" s="283">
        <v>111</v>
      </c>
      <c r="BQ11" s="277">
        <v>6</v>
      </c>
      <c r="BR11" s="281">
        <v>3</v>
      </c>
      <c r="BS11" s="278">
        <v>9</v>
      </c>
      <c r="BT11" s="280">
        <v>0</v>
      </c>
      <c r="BU11" s="281">
        <v>9</v>
      </c>
      <c r="BV11" s="281">
        <v>9</v>
      </c>
      <c r="BW11" s="281">
        <v>7</v>
      </c>
      <c r="BX11" s="281">
        <v>6</v>
      </c>
      <c r="BY11" s="281">
        <v>0</v>
      </c>
      <c r="BZ11" s="278">
        <v>31</v>
      </c>
      <c r="CA11" s="283">
        <v>40</v>
      </c>
      <c r="CB11" s="277">
        <v>0</v>
      </c>
      <c r="CC11" s="281">
        <v>2</v>
      </c>
      <c r="CD11" s="278">
        <v>2</v>
      </c>
      <c r="CE11" s="280">
        <v>0</v>
      </c>
      <c r="CF11" s="281">
        <v>7</v>
      </c>
      <c r="CG11" s="281">
        <v>2</v>
      </c>
      <c r="CH11" s="281">
        <v>11</v>
      </c>
      <c r="CI11" s="281">
        <v>4</v>
      </c>
      <c r="CJ11" s="281">
        <v>0</v>
      </c>
      <c r="CK11" s="278">
        <v>24</v>
      </c>
      <c r="CL11" s="283">
        <v>26</v>
      </c>
      <c r="CM11" s="277">
        <v>0</v>
      </c>
      <c r="CN11" s="281">
        <v>0</v>
      </c>
      <c r="CO11" s="278">
        <v>0</v>
      </c>
      <c r="CP11" s="280">
        <v>0</v>
      </c>
      <c r="CQ11" s="281">
        <v>0</v>
      </c>
      <c r="CR11" s="281">
        <v>1</v>
      </c>
      <c r="CS11" s="281">
        <v>1</v>
      </c>
      <c r="CT11" s="281">
        <v>0</v>
      </c>
      <c r="CU11" s="281">
        <v>0</v>
      </c>
      <c r="CV11" s="278">
        <v>2</v>
      </c>
      <c r="CW11" s="283">
        <v>2</v>
      </c>
      <c r="CX11" s="277">
        <v>0</v>
      </c>
      <c r="CY11" s="281">
        <v>0</v>
      </c>
      <c r="CZ11" s="278">
        <v>0</v>
      </c>
      <c r="DA11" s="280">
        <v>0</v>
      </c>
      <c r="DB11" s="281">
        <v>0</v>
      </c>
      <c r="DC11" s="281">
        <v>0</v>
      </c>
      <c r="DD11" s="281">
        <v>0</v>
      </c>
      <c r="DE11" s="281">
        <v>0</v>
      </c>
      <c r="DF11" s="281">
        <v>0</v>
      </c>
      <c r="DG11" s="278">
        <v>0</v>
      </c>
      <c r="DH11" s="283">
        <v>0</v>
      </c>
      <c r="DI11" s="277">
        <v>0</v>
      </c>
      <c r="DJ11" s="281">
        <v>0</v>
      </c>
      <c r="DK11" s="278">
        <v>0</v>
      </c>
      <c r="DL11" s="280">
        <v>0</v>
      </c>
      <c r="DM11" s="281">
        <v>0</v>
      </c>
      <c r="DN11" s="281">
        <v>0</v>
      </c>
      <c r="DO11" s="281">
        <v>0</v>
      </c>
      <c r="DP11" s="281">
        <v>0</v>
      </c>
      <c r="DQ11" s="281">
        <v>0</v>
      </c>
      <c r="DR11" s="278">
        <v>0</v>
      </c>
      <c r="DS11" s="283">
        <v>0</v>
      </c>
      <c r="DT11" s="277">
        <v>20</v>
      </c>
      <c r="DU11" s="281">
        <v>18</v>
      </c>
      <c r="DV11" s="278">
        <v>38</v>
      </c>
      <c r="DW11" s="280">
        <v>0</v>
      </c>
      <c r="DX11" s="281">
        <v>59</v>
      </c>
      <c r="DY11" s="281">
        <v>90</v>
      </c>
      <c r="DZ11" s="281">
        <v>63</v>
      </c>
      <c r="EA11" s="281">
        <v>40</v>
      </c>
      <c r="EB11" s="281">
        <v>16</v>
      </c>
      <c r="EC11" s="278">
        <v>268</v>
      </c>
      <c r="ED11" s="283">
        <v>306</v>
      </c>
      <c r="EE11" s="277">
        <v>6</v>
      </c>
      <c r="EF11" s="281">
        <v>4</v>
      </c>
      <c r="EG11" s="278">
        <v>10</v>
      </c>
      <c r="EH11" s="280">
        <v>0</v>
      </c>
      <c r="EI11" s="281">
        <v>14</v>
      </c>
      <c r="EJ11" s="281">
        <v>7</v>
      </c>
      <c r="EK11" s="281">
        <v>9</v>
      </c>
      <c r="EL11" s="281">
        <v>7</v>
      </c>
      <c r="EM11" s="281">
        <v>9</v>
      </c>
      <c r="EN11" s="278">
        <v>46</v>
      </c>
      <c r="EO11" s="283">
        <v>56</v>
      </c>
      <c r="EP11" s="277">
        <v>29</v>
      </c>
      <c r="EQ11" s="281">
        <v>26</v>
      </c>
      <c r="ER11" s="278">
        <v>55</v>
      </c>
      <c r="ES11" s="280">
        <v>0</v>
      </c>
      <c r="ET11" s="281">
        <v>109</v>
      </c>
      <c r="EU11" s="281">
        <v>108</v>
      </c>
      <c r="EV11" s="281">
        <v>67</v>
      </c>
      <c r="EW11" s="281">
        <v>38</v>
      </c>
      <c r="EX11" s="281">
        <v>15</v>
      </c>
      <c r="EY11" s="278">
        <v>337</v>
      </c>
      <c r="EZ11" s="283">
        <v>392</v>
      </c>
    </row>
    <row r="12" spans="2:156" ht="19.8" customHeight="1" x14ac:dyDescent="0.2">
      <c r="B12" s="262" t="s">
        <v>9</v>
      </c>
      <c r="C12" s="277">
        <v>0</v>
      </c>
      <c r="D12" s="281">
        <v>0</v>
      </c>
      <c r="E12" s="385">
        <v>0</v>
      </c>
      <c r="F12" s="280">
        <v>0</v>
      </c>
      <c r="G12" s="281">
        <v>51</v>
      </c>
      <c r="H12" s="281">
        <v>49</v>
      </c>
      <c r="I12" s="281">
        <v>36</v>
      </c>
      <c r="J12" s="281">
        <v>26</v>
      </c>
      <c r="K12" s="281">
        <v>22</v>
      </c>
      <c r="L12" s="282">
        <v>184</v>
      </c>
      <c r="M12" s="283">
        <v>184</v>
      </c>
      <c r="N12" s="277">
        <v>0</v>
      </c>
      <c r="O12" s="281">
        <v>0</v>
      </c>
      <c r="P12" s="278">
        <v>0</v>
      </c>
      <c r="Q12" s="280">
        <v>0</v>
      </c>
      <c r="R12" s="281">
        <v>0</v>
      </c>
      <c r="S12" s="281">
        <v>0</v>
      </c>
      <c r="T12" s="281">
        <v>3</v>
      </c>
      <c r="U12" s="281">
        <v>2</v>
      </c>
      <c r="V12" s="281">
        <v>9</v>
      </c>
      <c r="W12" s="278">
        <v>14</v>
      </c>
      <c r="X12" s="283">
        <v>14</v>
      </c>
      <c r="Y12" s="277">
        <v>0</v>
      </c>
      <c r="Z12" s="281">
        <v>5</v>
      </c>
      <c r="AA12" s="278">
        <v>5</v>
      </c>
      <c r="AB12" s="280">
        <v>0</v>
      </c>
      <c r="AC12" s="281">
        <v>37</v>
      </c>
      <c r="AD12" s="281">
        <v>29</v>
      </c>
      <c r="AE12" s="281">
        <v>24</v>
      </c>
      <c r="AF12" s="281">
        <v>20</v>
      </c>
      <c r="AG12" s="281">
        <v>16</v>
      </c>
      <c r="AH12" s="278">
        <v>126</v>
      </c>
      <c r="AI12" s="283">
        <v>131</v>
      </c>
      <c r="AJ12" s="277">
        <v>0</v>
      </c>
      <c r="AK12" s="281">
        <v>0</v>
      </c>
      <c r="AL12" s="278">
        <v>0</v>
      </c>
      <c r="AM12" s="280">
        <v>0</v>
      </c>
      <c r="AN12" s="281">
        <v>2</v>
      </c>
      <c r="AO12" s="281">
        <v>5</v>
      </c>
      <c r="AP12" s="281">
        <v>3</v>
      </c>
      <c r="AQ12" s="281">
        <v>7</v>
      </c>
      <c r="AR12" s="281">
        <v>1</v>
      </c>
      <c r="AS12" s="278">
        <v>18</v>
      </c>
      <c r="AT12" s="283">
        <v>18</v>
      </c>
      <c r="AU12" s="277">
        <v>16</v>
      </c>
      <c r="AV12" s="281">
        <v>8</v>
      </c>
      <c r="AW12" s="278">
        <v>24</v>
      </c>
      <c r="AX12" s="280">
        <v>0</v>
      </c>
      <c r="AY12" s="281">
        <v>60</v>
      </c>
      <c r="AZ12" s="281">
        <v>53</v>
      </c>
      <c r="BA12" s="281">
        <v>45</v>
      </c>
      <c r="BB12" s="281">
        <v>39</v>
      </c>
      <c r="BC12" s="281">
        <v>29</v>
      </c>
      <c r="BD12" s="282">
        <v>226</v>
      </c>
      <c r="BE12" s="283">
        <v>250</v>
      </c>
      <c r="BF12" s="277">
        <v>0</v>
      </c>
      <c r="BG12" s="281">
        <v>0</v>
      </c>
      <c r="BH12" s="278">
        <v>0</v>
      </c>
      <c r="BI12" s="280">
        <v>0</v>
      </c>
      <c r="BJ12" s="281">
        <v>46</v>
      </c>
      <c r="BK12" s="281">
        <v>44</v>
      </c>
      <c r="BL12" s="281">
        <v>37</v>
      </c>
      <c r="BM12" s="281">
        <v>13</v>
      </c>
      <c r="BN12" s="281">
        <v>8</v>
      </c>
      <c r="BO12" s="278">
        <v>148</v>
      </c>
      <c r="BP12" s="283">
        <v>148</v>
      </c>
      <c r="BQ12" s="277">
        <v>5</v>
      </c>
      <c r="BR12" s="281">
        <v>3</v>
      </c>
      <c r="BS12" s="278">
        <v>8</v>
      </c>
      <c r="BT12" s="280">
        <v>0</v>
      </c>
      <c r="BU12" s="281">
        <v>15</v>
      </c>
      <c r="BV12" s="281">
        <v>19</v>
      </c>
      <c r="BW12" s="281">
        <v>9</v>
      </c>
      <c r="BX12" s="281">
        <v>11</v>
      </c>
      <c r="BY12" s="281">
        <v>1</v>
      </c>
      <c r="BZ12" s="278">
        <v>55</v>
      </c>
      <c r="CA12" s="283">
        <v>63</v>
      </c>
      <c r="CB12" s="277">
        <v>0</v>
      </c>
      <c r="CC12" s="281">
        <v>0</v>
      </c>
      <c r="CD12" s="278">
        <v>0</v>
      </c>
      <c r="CE12" s="280">
        <v>0</v>
      </c>
      <c r="CF12" s="281">
        <v>7</v>
      </c>
      <c r="CG12" s="281">
        <v>6</v>
      </c>
      <c r="CH12" s="281">
        <v>17</v>
      </c>
      <c r="CI12" s="281">
        <v>5</v>
      </c>
      <c r="CJ12" s="281">
        <v>4</v>
      </c>
      <c r="CK12" s="278">
        <v>39</v>
      </c>
      <c r="CL12" s="283">
        <v>39</v>
      </c>
      <c r="CM12" s="277">
        <v>0</v>
      </c>
      <c r="CN12" s="281">
        <v>0</v>
      </c>
      <c r="CO12" s="278">
        <v>0</v>
      </c>
      <c r="CP12" s="280">
        <v>0</v>
      </c>
      <c r="CQ12" s="281">
        <v>0</v>
      </c>
      <c r="CR12" s="281">
        <v>1</v>
      </c>
      <c r="CS12" s="281">
        <v>1</v>
      </c>
      <c r="CT12" s="281">
        <v>2</v>
      </c>
      <c r="CU12" s="281">
        <v>0</v>
      </c>
      <c r="CV12" s="278">
        <v>4</v>
      </c>
      <c r="CW12" s="283">
        <v>4</v>
      </c>
      <c r="CX12" s="277">
        <v>0</v>
      </c>
      <c r="CY12" s="281">
        <v>0</v>
      </c>
      <c r="CZ12" s="278">
        <v>0</v>
      </c>
      <c r="DA12" s="280">
        <v>0</v>
      </c>
      <c r="DB12" s="281">
        <v>0</v>
      </c>
      <c r="DC12" s="281">
        <v>0</v>
      </c>
      <c r="DD12" s="281">
        <v>0</v>
      </c>
      <c r="DE12" s="281">
        <v>0</v>
      </c>
      <c r="DF12" s="281">
        <v>0</v>
      </c>
      <c r="DG12" s="278">
        <v>0</v>
      </c>
      <c r="DH12" s="283">
        <v>0</v>
      </c>
      <c r="DI12" s="277">
        <v>0</v>
      </c>
      <c r="DJ12" s="281">
        <v>0</v>
      </c>
      <c r="DK12" s="278">
        <v>0</v>
      </c>
      <c r="DL12" s="280">
        <v>0</v>
      </c>
      <c r="DM12" s="281">
        <v>0</v>
      </c>
      <c r="DN12" s="281">
        <v>0</v>
      </c>
      <c r="DO12" s="281">
        <v>0</v>
      </c>
      <c r="DP12" s="281">
        <v>0</v>
      </c>
      <c r="DQ12" s="281">
        <v>0</v>
      </c>
      <c r="DR12" s="278">
        <v>0</v>
      </c>
      <c r="DS12" s="283">
        <v>0</v>
      </c>
      <c r="DT12" s="277">
        <v>27</v>
      </c>
      <c r="DU12" s="281">
        <v>27</v>
      </c>
      <c r="DV12" s="278">
        <v>54</v>
      </c>
      <c r="DW12" s="280">
        <v>0</v>
      </c>
      <c r="DX12" s="281">
        <v>82</v>
      </c>
      <c r="DY12" s="281">
        <v>95</v>
      </c>
      <c r="DZ12" s="281">
        <v>71</v>
      </c>
      <c r="EA12" s="281">
        <v>48</v>
      </c>
      <c r="EB12" s="281">
        <v>31</v>
      </c>
      <c r="EC12" s="278">
        <v>327</v>
      </c>
      <c r="ED12" s="283">
        <v>381</v>
      </c>
      <c r="EE12" s="277">
        <v>8</v>
      </c>
      <c r="EF12" s="281">
        <v>5</v>
      </c>
      <c r="EG12" s="278">
        <v>13</v>
      </c>
      <c r="EH12" s="280">
        <v>0</v>
      </c>
      <c r="EI12" s="281">
        <v>21</v>
      </c>
      <c r="EJ12" s="281">
        <v>17</v>
      </c>
      <c r="EK12" s="281">
        <v>8</v>
      </c>
      <c r="EL12" s="281">
        <v>11</v>
      </c>
      <c r="EM12" s="281">
        <v>8</v>
      </c>
      <c r="EN12" s="278">
        <v>65</v>
      </c>
      <c r="EO12" s="283">
        <v>78</v>
      </c>
      <c r="EP12" s="277">
        <v>31</v>
      </c>
      <c r="EQ12" s="281">
        <v>32</v>
      </c>
      <c r="ER12" s="278">
        <v>63</v>
      </c>
      <c r="ES12" s="280">
        <v>0</v>
      </c>
      <c r="ET12" s="281">
        <v>156</v>
      </c>
      <c r="EU12" s="281">
        <v>132</v>
      </c>
      <c r="EV12" s="281">
        <v>82</v>
      </c>
      <c r="EW12" s="281">
        <v>51</v>
      </c>
      <c r="EX12" s="281">
        <v>32</v>
      </c>
      <c r="EY12" s="278">
        <v>453</v>
      </c>
      <c r="EZ12" s="283">
        <v>516</v>
      </c>
    </row>
    <row r="13" spans="2:156" ht="19.8" customHeight="1" x14ac:dyDescent="0.2">
      <c r="B13" s="262" t="s">
        <v>10</v>
      </c>
      <c r="C13" s="277">
        <v>0</v>
      </c>
      <c r="D13" s="281">
        <v>0</v>
      </c>
      <c r="E13" s="385">
        <v>0</v>
      </c>
      <c r="F13" s="280">
        <v>0</v>
      </c>
      <c r="G13" s="281">
        <v>87</v>
      </c>
      <c r="H13" s="281">
        <v>53</v>
      </c>
      <c r="I13" s="281">
        <v>41</v>
      </c>
      <c r="J13" s="281">
        <v>22</v>
      </c>
      <c r="K13" s="281">
        <v>20</v>
      </c>
      <c r="L13" s="282">
        <v>223</v>
      </c>
      <c r="M13" s="283">
        <v>223</v>
      </c>
      <c r="N13" s="277">
        <v>0</v>
      </c>
      <c r="O13" s="281">
        <v>0</v>
      </c>
      <c r="P13" s="278">
        <v>0</v>
      </c>
      <c r="Q13" s="280">
        <v>0</v>
      </c>
      <c r="R13" s="281">
        <v>0</v>
      </c>
      <c r="S13" s="281">
        <v>1</v>
      </c>
      <c r="T13" s="281">
        <v>2</v>
      </c>
      <c r="U13" s="281">
        <v>12</v>
      </c>
      <c r="V13" s="281">
        <v>12</v>
      </c>
      <c r="W13" s="278">
        <v>27</v>
      </c>
      <c r="X13" s="283">
        <v>27</v>
      </c>
      <c r="Y13" s="277">
        <v>19</v>
      </c>
      <c r="Z13" s="281">
        <v>19</v>
      </c>
      <c r="AA13" s="278">
        <v>38</v>
      </c>
      <c r="AB13" s="280">
        <v>0</v>
      </c>
      <c r="AC13" s="281">
        <v>62</v>
      </c>
      <c r="AD13" s="281">
        <v>44</v>
      </c>
      <c r="AE13" s="281">
        <v>32</v>
      </c>
      <c r="AF13" s="281">
        <v>25</v>
      </c>
      <c r="AG13" s="281">
        <v>16</v>
      </c>
      <c r="AH13" s="278">
        <v>179</v>
      </c>
      <c r="AI13" s="283">
        <v>217</v>
      </c>
      <c r="AJ13" s="277">
        <v>1</v>
      </c>
      <c r="AK13" s="281">
        <v>6</v>
      </c>
      <c r="AL13" s="278">
        <v>7</v>
      </c>
      <c r="AM13" s="280">
        <v>0</v>
      </c>
      <c r="AN13" s="281">
        <v>10</v>
      </c>
      <c r="AO13" s="281">
        <v>4</v>
      </c>
      <c r="AP13" s="281">
        <v>6</v>
      </c>
      <c r="AQ13" s="281">
        <v>6</v>
      </c>
      <c r="AR13" s="281">
        <v>3</v>
      </c>
      <c r="AS13" s="278">
        <v>29</v>
      </c>
      <c r="AT13" s="283">
        <v>36</v>
      </c>
      <c r="AU13" s="277">
        <v>16</v>
      </c>
      <c r="AV13" s="281">
        <v>19</v>
      </c>
      <c r="AW13" s="278">
        <v>35</v>
      </c>
      <c r="AX13" s="280">
        <v>0</v>
      </c>
      <c r="AY13" s="281">
        <v>94</v>
      </c>
      <c r="AZ13" s="281">
        <v>86</v>
      </c>
      <c r="BA13" s="281">
        <v>65</v>
      </c>
      <c r="BB13" s="281">
        <v>61</v>
      </c>
      <c r="BC13" s="281">
        <v>48</v>
      </c>
      <c r="BD13" s="282">
        <v>354</v>
      </c>
      <c r="BE13" s="283">
        <v>389</v>
      </c>
      <c r="BF13" s="277">
        <v>0</v>
      </c>
      <c r="BG13" s="281">
        <v>0</v>
      </c>
      <c r="BH13" s="278">
        <v>0</v>
      </c>
      <c r="BI13" s="280">
        <v>0</v>
      </c>
      <c r="BJ13" s="281">
        <v>124</v>
      </c>
      <c r="BK13" s="281">
        <v>69</v>
      </c>
      <c r="BL13" s="281">
        <v>50</v>
      </c>
      <c r="BM13" s="281">
        <v>15</v>
      </c>
      <c r="BN13" s="281">
        <v>6</v>
      </c>
      <c r="BO13" s="278">
        <v>264</v>
      </c>
      <c r="BP13" s="283">
        <v>264</v>
      </c>
      <c r="BQ13" s="277">
        <v>4</v>
      </c>
      <c r="BR13" s="281">
        <v>3</v>
      </c>
      <c r="BS13" s="278">
        <v>7</v>
      </c>
      <c r="BT13" s="280">
        <v>0</v>
      </c>
      <c r="BU13" s="281">
        <v>21</v>
      </c>
      <c r="BV13" s="281">
        <v>8</v>
      </c>
      <c r="BW13" s="281">
        <v>11</v>
      </c>
      <c r="BX13" s="281">
        <v>3</v>
      </c>
      <c r="BY13" s="281">
        <v>1</v>
      </c>
      <c r="BZ13" s="278">
        <v>44</v>
      </c>
      <c r="CA13" s="283">
        <v>51</v>
      </c>
      <c r="CB13" s="277">
        <v>0</v>
      </c>
      <c r="CC13" s="281">
        <v>1</v>
      </c>
      <c r="CD13" s="278">
        <v>1</v>
      </c>
      <c r="CE13" s="280">
        <v>0</v>
      </c>
      <c r="CF13" s="281">
        <v>17</v>
      </c>
      <c r="CG13" s="281">
        <v>16</v>
      </c>
      <c r="CH13" s="281">
        <v>20</v>
      </c>
      <c r="CI13" s="281">
        <v>10</v>
      </c>
      <c r="CJ13" s="281">
        <v>2</v>
      </c>
      <c r="CK13" s="278">
        <v>65</v>
      </c>
      <c r="CL13" s="283">
        <v>66</v>
      </c>
      <c r="CM13" s="277">
        <v>0</v>
      </c>
      <c r="CN13" s="281">
        <v>0</v>
      </c>
      <c r="CO13" s="278">
        <v>0</v>
      </c>
      <c r="CP13" s="280">
        <v>0</v>
      </c>
      <c r="CQ13" s="281">
        <v>2</v>
      </c>
      <c r="CR13" s="281">
        <v>3</v>
      </c>
      <c r="CS13" s="281">
        <v>1</v>
      </c>
      <c r="CT13" s="281">
        <v>2</v>
      </c>
      <c r="CU13" s="281">
        <v>0</v>
      </c>
      <c r="CV13" s="278">
        <v>8</v>
      </c>
      <c r="CW13" s="283">
        <v>8</v>
      </c>
      <c r="CX13" s="277">
        <v>0</v>
      </c>
      <c r="CY13" s="281">
        <v>0</v>
      </c>
      <c r="CZ13" s="278">
        <v>0</v>
      </c>
      <c r="DA13" s="280">
        <v>0</v>
      </c>
      <c r="DB13" s="281">
        <v>0</v>
      </c>
      <c r="DC13" s="281">
        <v>0</v>
      </c>
      <c r="DD13" s="281">
        <v>0</v>
      </c>
      <c r="DE13" s="281">
        <v>0</v>
      </c>
      <c r="DF13" s="281">
        <v>0</v>
      </c>
      <c r="DG13" s="278">
        <v>0</v>
      </c>
      <c r="DH13" s="283">
        <v>0</v>
      </c>
      <c r="DI13" s="277">
        <v>0</v>
      </c>
      <c r="DJ13" s="281">
        <v>0</v>
      </c>
      <c r="DK13" s="278">
        <v>0</v>
      </c>
      <c r="DL13" s="280">
        <v>0</v>
      </c>
      <c r="DM13" s="281">
        <v>0</v>
      </c>
      <c r="DN13" s="281">
        <v>0</v>
      </c>
      <c r="DO13" s="281">
        <v>0</v>
      </c>
      <c r="DP13" s="281">
        <v>0</v>
      </c>
      <c r="DQ13" s="281">
        <v>0</v>
      </c>
      <c r="DR13" s="278">
        <v>0</v>
      </c>
      <c r="DS13" s="283">
        <v>0</v>
      </c>
      <c r="DT13" s="277">
        <v>61</v>
      </c>
      <c r="DU13" s="281">
        <v>82</v>
      </c>
      <c r="DV13" s="278">
        <v>143</v>
      </c>
      <c r="DW13" s="280">
        <v>0</v>
      </c>
      <c r="DX13" s="281">
        <v>132</v>
      </c>
      <c r="DY13" s="281">
        <v>131</v>
      </c>
      <c r="DZ13" s="281">
        <v>83</v>
      </c>
      <c r="EA13" s="281">
        <v>57</v>
      </c>
      <c r="EB13" s="281">
        <v>33</v>
      </c>
      <c r="EC13" s="278">
        <v>436</v>
      </c>
      <c r="ED13" s="283">
        <v>579</v>
      </c>
      <c r="EE13" s="277">
        <v>8</v>
      </c>
      <c r="EF13" s="281">
        <v>7</v>
      </c>
      <c r="EG13" s="278">
        <v>15</v>
      </c>
      <c r="EH13" s="280">
        <v>0</v>
      </c>
      <c r="EI13" s="281">
        <v>33</v>
      </c>
      <c r="EJ13" s="281">
        <v>18</v>
      </c>
      <c r="EK13" s="281">
        <v>15</v>
      </c>
      <c r="EL13" s="281">
        <v>17</v>
      </c>
      <c r="EM13" s="281">
        <v>11</v>
      </c>
      <c r="EN13" s="278">
        <v>94</v>
      </c>
      <c r="EO13" s="283">
        <v>109</v>
      </c>
      <c r="EP13" s="277">
        <v>80</v>
      </c>
      <c r="EQ13" s="281">
        <v>93</v>
      </c>
      <c r="ER13" s="278">
        <v>173</v>
      </c>
      <c r="ES13" s="280">
        <v>0</v>
      </c>
      <c r="ET13" s="281">
        <v>265</v>
      </c>
      <c r="EU13" s="281">
        <v>157</v>
      </c>
      <c r="EV13" s="281">
        <v>93</v>
      </c>
      <c r="EW13" s="281">
        <v>55</v>
      </c>
      <c r="EX13" s="281">
        <v>34</v>
      </c>
      <c r="EY13" s="278">
        <v>604</v>
      </c>
      <c r="EZ13" s="283">
        <v>777</v>
      </c>
    </row>
    <row r="14" spans="2:156" ht="19.8" customHeight="1" x14ac:dyDescent="0.2">
      <c r="B14" s="262" t="s">
        <v>11</v>
      </c>
      <c r="C14" s="277">
        <v>0</v>
      </c>
      <c r="D14" s="281">
        <v>0</v>
      </c>
      <c r="E14" s="385">
        <v>0</v>
      </c>
      <c r="F14" s="280">
        <v>0</v>
      </c>
      <c r="G14" s="281">
        <v>14</v>
      </c>
      <c r="H14" s="281">
        <v>15</v>
      </c>
      <c r="I14" s="281">
        <v>17</v>
      </c>
      <c r="J14" s="281">
        <v>16</v>
      </c>
      <c r="K14" s="281">
        <v>4</v>
      </c>
      <c r="L14" s="282">
        <v>66</v>
      </c>
      <c r="M14" s="283">
        <v>66</v>
      </c>
      <c r="N14" s="277">
        <v>0</v>
      </c>
      <c r="O14" s="281">
        <v>0</v>
      </c>
      <c r="P14" s="278">
        <v>0</v>
      </c>
      <c r="Q14" s="280">
        <v>0</v>
      </c>
      <c r="R14" s="281">
        <v>0</v>
      </c>
      <c r="S14" s="281">
        <v>0</v>
      </c>
      <c r="T14" s="281">
        <v>3</v>
      </c>
      <c r="U14" s="281">
        <v>4</v>
      </c>
      <c r="V14" s="281">
        <v>3</v>
      </c>
      <c r="W14" s="278">
        <v>10</v>
      </c>
      <c r="X14" s="283">
        <v>10</v>
      </c>
      <c r="Y14" s="277">
        <v>3</v>
      </c>
      <c r="Z14" s="281">
        <v>3</v>
      </c>
      <c r="AA14" s="278">
        <v>6</v>
      </c>
      <c r="AB14" s="280">
        <v>0</v>
      </c>
      <c r="AC14" s="281">
        <v>19</v>
      </c>
      <c r="AD14" s="281">
        <v>16</v>
      </c>
      <c r="AE14" s="281">
        <v>18</v>
      </c>
      <c r="AF14" s="281">
        <v>11</v>
      </c>
      <c r="AG14" s="281">
        <v>7</v>
      </c>
      <c r="AH14" s="278">
        <v>71</v>
      </c>
      <c r="AI14" s="283">
        <v>77</v>
      </c>
      <c r="AJ14" s="277">
        <v>0</v>
      </c>
      <c r="AK14" s="281">
        <v>2</v>
      </c>
      <c r="AL14" s="278">
        <v>2</v>
      </c>
      <c r="AM14" s="280">
        <v>0</v>
      </c>
      <c r="AN14" s="281">
        <v>1</v>
      </c>
      <c r="AO14" s="281">
        <v>1</v>
      </c>
      <c r="AP14" s="281">
        <v>1</v>
      </c>
      <c r="AQ14" s="281">
        <v>5</v>
      </c>
      <c r="AR14" s="281">
        <v>0</v>
      </c>
      <c r="AS14" s="278">
        <v>8</v>
      </c>
      <c r="AT14" s="283">
        <v>10</v>
      </c>
      <c r="AU14" s="277">
        <v>6</v>
      </c>
      <c r="AV14" s="281">
        <v>7</v>
      </c>
      <c r="AW14" s="278">
        <v>13</v>
      </c>
      <c r="AX14" s="280">
        <v>0</v>
      </c>
      <c r="AY14" s="281">
        <v>30</v>
      </c>
      <c r="AZ14" s="281">
        <v>28</v>
      </c>
      <c r="BA14" s="281">
        <v>32</v>
      </c>
      <c r="BB14" s="281">
        <v>32</v>
      </c>
      <c r="BC14" s="281">
        <v>18</v>
      </c>
      <c r="BD14" s="282">
        <v>140</v>
      </c>
      <c r="BE14" s="283">
        <v>153</v>
      </c>
      <c r="BF14" s="277">
        <v>0</v>
      </c>
      <c r="BG14" s="281">
        <v>0</v>
      </c>
      <c r="BH14" s="278">
        <v>0</v>
      </c>
      <c r="BI14" s="280">
        <v>0</v>
      </c>
      <c r="BJ14" s="281">
        <v>39</v>
      </c>
      <c r="BK14" s="281">
        <v>18</v>
      </c>
      <c r="BL14" s="281">
        <v>17</v>
      </c>
      <c r="BM14" s="281">
        <v>11</v>
      </c>
      <c r="BN14" s="281">
        <v>1</v>
      </c>
      <c r="BO14" s="278">
        <v>86</v>
      </c>
      <c r="BP14" s="283">
        <v>86</v>
      </c>
      <c r="BQ14" s="277">
        <v>4</v>
      </c>
      <c r="BR14" s="281">
        <v>3</v>
      </c>
      <c r="BS14" s="278">
        <v>7</v>
      </c>
      <c r="BT14" s="280">
        <v>0</v>
      </c>
      <c r="BU14" s="281">
        <v>16</v>
      </c>
      <c r="BV14" s="281">
        <v>9</v>
      </c>
      <c r="BW14" s="281">
        <v>4</v>
      </c>
      <c r="BX14" s="281">
        <v>6</v>
      </c>
      <c r="BY14" s="281">
        <v>1</v>
      </c>
      <c r="BZ14" s="278">
        <v>36</v>
      </c>
      <c r="CA14" s="283">
        <v>43</v>
      </c>
      <c r="CB14" s="277">
        <v>1</v>
      </c>
      <c r="CC14" s="281">
        <v>0</v>
      </c>
      <c r="CD14" s="278">
        <v>1</v>
      </c>
      <c r="CE14" s="280">
        <v>0</v>
      </c>
      <c r="CF14" s="281">
        <v>6</v>
      </c>
      <c r="CG14" s="281">
        <v>6</v>
      </c>
      <c r="CH14" s="281">
        <v>6</v>
      </c>
      <c r="CI14" s="281">
        <v>6</v>
      </c>
      <c r="CJ14" s="281">
        <v>0</v>
      </c>
      <c r="CK14" s="278">
        <v>24</v>
      </c>
      <c r="CL14" s="283">
        <v>25</v>
      </c>
      <c r="CM14" s="277">
        <v>0</v>
      </c>
      <c r="CN14" s="281">
        <v>0</v>
      </c>
      <c r="CO14" s="278">
        <v>0</v>
      </c>
      <c r="CP14" s="280">
        <v>0</v>
      </c>
      <c r="CQ14" s="281">
        <v>0</v>
      </c>
      <c r="CR14" s="281">
        <v>3</v>
      </c>
      <c r="CS14" s="281">
        <v>0</v>
      </c>
      <c r="CT14" s="281">
        <v>0</v>
      </c>
      <c r="CU14" s="281">
        <v>0</v>
      </c>
      <c r="CV14" s="278">
        <v>3</v>
      </c>
      <c r="CW14" s="283">
        <v>3</v>
      </c>
      <c r="CX14" s="277">
        <v>0</v>
      </c>
      <c r="CY14" s="281">
        <v>0</v>
      </c>
      <c r="CZ14" s="278">
        <v>0</v>
      </c>
      <c r="DA14" s="280">
        <v>0</v>
      </c>
      <c r="DB14" s="281">
        <v>0</v>
      </c>
      <c r="DC14" s="281">
        <v>0</v>
      </c>
      <c r="DD14" s="281">
        <v>0</v>
      </c>
      <c r="DE14" s="281">
        <v>0</v>
      </c>
      <c r="DF14" s="281">
        <v>0</v>
      </c>
      <c r="DG14" s="278">
        <v>0</v>
      </c>
      <c r="DH14" s="283">
        <v>0</v>
      </c>
      <c r="DI14" s="277">
        <v>0</v>
      </c>
      <c r="DJ14" s="281">
        <v>0</v>
      </c>
      <c r="DK14" s="278">
        <v>0</v>
      </c>
      <c r="DL14" s="280">
        <v>0</v>
      </c>
      <c r="DM14" s="281">
        <v>0</v>
      </c>
      <c r="DN14" s="281">
        <v>0</v>
      </c>
      <c r="DO14" s="281">
        <v>0</v>
      </c>
      <c r="DP14" s="281">
        <v>0</v>
      </c>
      <c r="DQ14" s="281">
        <v>0</v>
      </c>
      <c r="DR14" s="278">
        <v>0</v>
      </c>
      <c r="DS14" s="283">
        <v>0</v>
      </c>
      <c r="DT14" s="277">
        <v>20</v>
      </c>
      <c r="DU14" s="281">
        <v>28</v>
      </c>
      <c r="DV14" s="278">
        <v>48</v>
      </c>
      <c r="DW14" s="280">
        <v>0</v>
      </c>
      <c r="DX14" s="281">
        <v>49</v>
      </c>
      <c r="DY14" s="281">
        <v>53</v>
      </c>
      <c r="DZ14" s="281">
        <v>46</v>
      </c>
      <c r="EA14" s="281">
        <v>30</v>
      </c>
      <c r="EB14" s="281">
        <v>10</v>
      </c>
      <c r="EC14" s="278">
        <v>188</v>
      </c>
      <c r="ED14" s="283">
        <v>236</v>
      </c>
      <c r="EE14" s="277">
        <v>2</v>
      </c>
      <c r="EF14" s="281">
        <v>4</v>
      </c>
      <c r="EG14" s="278">
        <v>6</v>
      </c>
      <c r="EH14" s="280">
        <v>0</v>
      </c>
      <c r="EI14" s="281">
        <v>20</v>
      </c>
      <c r="EJ14" s="281">
        <v>20</v>
      </c>
      <c r="EK14" s="281">
        <v>11</v>
      </c>
      <c r="EL14" s="281">
        <v>18</v>
      </c>
      <c r="EM14" s="281">
        <v>8</v>
      </c>
      <c r="EN14" s="278">
        <v>77</v>
      </c>
      <c r="EO14" s="283">
        <v>83</v>
      </c>
      <c r="EP14" s="277">
        <v>26</v>
      </c>
      <c r="EQ14" s="281">
        <v>30</v>
      </c>
      <c r="ER14" s="278">
        <v>56</v>
      </c>
      <c r="ES14" s="280">
        <v>0</v>
      </c>
      <c r="ET14" s="281">
        <v>104</v>
      </c>
      <c r="EU14" s="281">
        <v>64</v>
      </c>
      <c r="EV14" s="281">
        <v>54</v>
      </c>
      <c r="EW14" s="281">
        <v>30</v>
      </c>
      <c r="EX14" s="281">
        <v>11</v>
      </c>
      <c r="EY14" s="278">
        <v>263</v>
      </c>
      <c r="EZ14" s="283">
        <v>319</v>
      </c>
    </row>
    <row r="15" spans="2:156" ht="19.8" customHeight="1" x14ac:dyDescent="0.2">
      <c r="B15" s="262" t="s">
        <v>12</v>
      </c>
      <c r="C15" s="277">
        <v>0</v>
      </c>
      <c r="D15" s="281">
        <v>0</v>
      </c>
      <c r="E15" s="385">
        <v>0</v>
      </c>
      <c r="F15" s="280">
        <v>0</v>
      </c>
      <c r="G15" s="281">
        <v>40</v>
      </c>
      <c r="H15" s="281">
        <v>27</v>
      </c>
      <c r="I15" s="281">
        <v>22</v>
      </c>
      <c r="J15" s="281">
        <v>18</v>
      </c>
      <c r="K15" s="281">
        <v>17</v>
      </c>
      <c r="L15" s="282">
        <v>124</v>
      </c>
      <c r="M15" s="283">
        <v>124</v>
      </c>
      <c r="N15" s="277">
        <v>0</v>
      </c>
      <c r="O15" s="281">
        <v>0</v>
      </c>
      <c r="P15" s="278">
        <v>0</v>
      </c>
      <c r="Q15" s="280">
        <v>0</v>
      </c>
      <c r="R15" s="281">
        <v>0</v>
      </c>
      <c r="S15" s="281">
        <v>1</v>
      </c>
      <c r="T15" s="281">
        <v>1</v>
      </c>
      <c r="U15" s="281">
        <v>2</v>
      </c>
      <c r="V15" s="281">
        <v>8</v>
      </c>
      <c r="W15" s="278">
        <v>12</v>
      </c>
      <c r="X15" s="283">
        <v>12</v>
      </c>
      <c r="Y15" s="277">
        <v>19</v>
      </c>
      <c r="Z15" s="281">
        <v>17</v>
      </c>
      <c r="AA15" s="278">
        <v>36</v>
      </c>
      <c r="AB15" s="280">
        <v>0</v>
      </c>
      <c r="AC15" s="281">
        <v>25</v>
      </c>
      <c r="AD15" s="281">
        <v>39</v>
      </c>
      <c r="AE15" s="281">
        <v>17</v>
      </c>
      <c r="AF15" s="281">
        <v>11</v>
      </c>
      <c r="AG15" s="281">
        <v>10</v>
      </c>
      <c r="AH15" s="278">
        <v>102</v>
      </c>
      <c r="AI15" s="283">
        <v>138</v>
      </c>
      <c r="AJ15" s="277">
        <v>0</v>
      </c>
      <c r="AK15" s="281">
        <v>0</v>
      </c>
      <c r="AL15" s="278">
        <v>0</v>
      </c>
      <c r="AM15" s="280">
        <v>0</v>
      </c>
      <c r="AN15" s="281">
        <v>1</v>
      </c>
      <c r="AO15" s="281">
        <v>7</v>
      </c>
      <c r="AP15" s="281">
        <v>3</v>
      </c>
      <c r="AQ15" s="281">
        <v>1</v>
      </c>
      <c r="AR15" s="281">
        <v>2</v>
      </c>
      <c r="AS15" s="278">
        <v>14</v>
      </c>
      <c r="AT15" s="283">
        <v>14</v>
      </c>
      <c r="AU15" s="277">
        <v>7</v>
      </c>
      <c r="AV15" s="281">
        <v>8</v>
      </c>
      <c r="AW15" s="278">
        <v>15</v>
      </c>
      <c r="AX15" s="280">
        <v>0</v>
      </c>
      <c r="AY15" s="281">
        <v>27</v>
      </c>
      <c r="AZ15" s="281">
        <v>24</v>
      </c>
      <c r="BA15" s="281">
        <v>32</v>
      </c>
      <c r="BB15" s="281">
        <v>32</v>
      </c>
      <c r="BC15" s="281">
        <v>21</v>
      </c>
      <c r="BD15" s="282">
        <v>136</v>
      </c>
      <c r="BE15" s="283">
        <v>151</v>
      </c>
      <c r="BF15" s="277">
        <v>0</v>
      </c>
      <c r="BG15" s="281">
        <v>0</v>
      </c>
      <c r="BH15" s="278">
        <v>0</v>
      </c>
      <c r="BI15" s="280">
        <v>0</v>
      </c>
      <c r="BJ15" s="281">
        <v>52</v>
      </c>
      <c r="BK15" s="281">
        <v>25</v>
      </c>
      <c r="BL15" s="281">
        <v>27</v>
      </c>
      <c r="BM15" s="281">
        <v>8</v>
      </c>
      <c r="BN15" s="281">
        <v>6</v>
      </c>
      <c r="BO15" s="278">
        <v>118</v>
      </c>
      <c r="BP15" s="283">
        <v>118</v>
      </c>
      <c r="BQ15" s="277">
        <v>10</v>
      </c>
      <c r="BR15" s="281">
        <v>7</v>
      </c>
      <c r="BS15" s="278">
        <v>17</v>
      </c>
      <c r="BT15" s="280">
        <v>0</v>
      </c>
      <c r="BU15" s="281">
        <v>17</v>
      </c>
      <c r="BV15" s="281">
        <v>16</v>
      </c>
      <c r="BW15" s="281">
        <v>13</v>
      </c>
      <c r="BX15" s="281">
        <v>6</v>
      </c>
      <c r="BY15" s="281">
        <v>0</v>
      </c>
      <c r="BZ15" s="278">
        <v>52</v>
      </c>
      <c r="CA15" s="283">
        <v>69</v>
      </c>
      <c r="CB15" s="277">
        <v>1</v>
      </c>
      <c r="CC15" s="281">
        <v>0</v>
      </c>
      <c r="CD15" s="278">
        <v>1</v>
      </c>
      <c r="CE15" s="280">
        <v>0</v>
      </c>
      <c r="CF15" s="281">
        <v>6</v>
      </c>
      <c r="CG15" s="281">
        <v>7</v>
      </c>
      <c r="CH15" s="281">
        <v>11</v>
      </c>
      <c r="CI15" s="281">
        <v>9</v>
      </c>
      <c r="CJ15" s="281">
        <v>4</v>
      </c>
      <c r="CK15" s="278">
        <v>37</v>
      </c>
      <c r="CL15" s="283">
        <v>38</v>
      </c>
      <c r="CM15" s="277">
        <v>0</v>
      </c>
      <c r="CN15" s="281">
        <v>0</v>
      </c>
      <c r="CO15" s="278">
        <v>0</v>
      </c>
      <c r="CP15" s="280">
        <v>0</v>
      </c>
      <c r="CQ15" s="281">
        <v>0</v>
      </c>
      <c r="CR15" s="281">
        <v>1</v>
      </c>
      <c r="CS15" s="281">
        <v>2</v>
      </c>
      <c r="CT15" s="281">
        <v>0</v>
      </c>
      <c r="CU15" s="281">
        <v>0</v>
      </c>
      <c r="CV15" s="278">
        <v>3</v>
      </c>
      <c r="CW15" s="283">
        <v>3</v>
      </c>
      <c r="CX15" s="277">
        <v>0</v>
      </c>
      <c r="CY15" s="281">
        <v>0</v>
      </c>
      <c r="CZ15" s="278">
        <v>0</v>
      </c>
      <c r="DA15" s="280">
        <v>0</v>
      </c>
      <c r="DB15" s="281">
        <v>0</v>
      </c>
      <c r="DC15" s="281">
        <v>0</v>
      </c>
      <c r="DD15" s="281">
        <v>0</v>
      </c>
      <c r="DE15" s="281">
        <v>0</v>
      </c>
      <c r="DF15" s="281">
        <v>0</v>
      </c>
      <c r="DG15" s="278">
        <v>0</v>
      </c>
      <c r="DH15" s="283">
        <v>0</v>
      </c>
      <c r="DI15" s="277">
        <v>0</v>
      </c>
      <c r="DJ15" s="281">
        <v>0</v>
      </c>
      <c r="DK15" s="278">
        <v>0</v>
      </c>
      <c r="DL15" s="280">
        <v>0</v>
      </c>
      <c r="DM15" s="281">
        <v>0</v>
      </c>
      <c r="DN15" s="281">
        <v>0</v>
      </c>
      <c r="DO15" s="281">
        <v>0</v>
      </c>
      <c r="DP15" s="281">
        <v>0</v>
      </c>
      <c r="DQ15" s="281">
        <v>0</v>
      </c>
      <c r="DR15" s="278">
        <v>0</v>
      </c>
      <c r="DS15" s="283">
        <v>0</v>
      </c>
      <c r="DT15" s="277">
        <v>20</v>
      </c>
      <c r="DU15" s="281">
        <v>40</v>
      </c>
      <c r="DV15" s="278">
        <v>60</v>
      </c>
      <c r="DW15" s="280">
        <v>0</v>
      </c>
      <c r="DX15" s="281">
        <v>36</v>
      </c>
      <c r="DY15" s="281">
        <v>85</v>
      </c>
      <c r="DZ15" s="281">
        <v>67</v>
      </c>
      <c r="EA15" s="281">
        <v>47</v>
      </c>
      <c r="EB15" s="281">
        <v>26</v>
      </c>
      <c r="EC15" s="278">
        <v>261</v>
      </c>
      <c r="ED15" s="283">
        <v>321</v>
      </c>
      <c r="EE15" s="277">
        <v>2</v>
      </c>
      <c r="EF15" s="281">
        <v>4</v>
      </c>
      <c r="EG15" s="278">
        <v>6</v>
      </c>
      <c r="EH15" s="280">
        <v>0</v>
      </c>
      <c r="EI15" s="281">
        <v>7</v>
      </c>
      <c r="EJ15" s="281">
        <v>8</v>
      </c>
      <c r="EK15" s="281">
        <v>12</v>
      </c>
      <c r="EL15" s="281">
        <v>10</v>
      </c>
      <c r="EM15" s="281">
        <v>4</v>
      </c>
      <c r="EN15" s="278">
        <v>41</v>
      </c>
      <c r="EO15" s="283">
        <v>47</v>
      </c>
      <c r="EP15" s="277">
        <v>46</v>
      </c>
      <c r="EQ15" s="281">
        <v>55</v>
      </c>
      <c r="ER15" s="278">
        <v>101</v>
      </c>
      <c r="ES15" s="280">
        <v>0</v>
      </c>
      <c r="ET15" s="281">
        <v>114</v>
      </c>
      <c r="EU15" s="281">
        <v>107</v>
      </c>
      <c r="EV15" s="281">
        <v>71</v>
      </c>
      <c r="EW15" s="281">
        <v>40</v>
      </c>
      <c r="EX15" s="281">
        <v>25</v>
      </c>
      <c r="EY15" s="278">
        <v>357</v>
      </c>
      <c r="EZ15" s="283">
        <v>458</v>
      </c>
    </row>
    <row r="16" spans="2:156" ht="19.8" customHeight="1" x14ac:dyDescent="0.2">
      <c r="B16" s="262" t="s">
        <v>13</v>
      </c>
      <c r="C16" s="277">
        <v>0</v>
      </c>
      <c r="D16" s="281">
        <v>0</v>
      </c>
      <c r="E16" s="385">
        <v>0</v>
      </c>
      <c r="F16" s="280">
        <v>0</v>
      </c>
      <c r="G16" s="281">
        <v>19</v>
      </c>
      <c r="H16" s="281">
        <v>22</v>
      </c>
      <c r="I16" s="281">
        <v>10</v>
      </c>
      <c r="J16" s="281">
        <v>10</v>
      </c>
      <c r="K16" s="281">
        <v>9</v>
      </c>
      <c r="L16" s="282">
        <v>70</v>
      </c>
      <c r="M16" s="283">
        <v>70</v>
      </c>
      <c r="N16" s="277">
        <v>0</v>
      </c>
      <c r="O16" s="281">
        <v>0</v>
      </c>
      <c r="P16" s="278">
        <v>0</v>
      </c>
      <c r="Q16" s="280">
        <v>0</v>
      </c>
      <c r="R16" s="281">
        <v>0</v>
      </c>
      <c r="S16" s="281">
        <v>0</v>
      </c>
      <c r="T16" s="281">
        <v>0</v>
      </c>
      <c r="U16" s="281">
        <v>2</v>
      </c>
      <c r="V16" s="281">
        <v>4</v>
      </c>
      <c r="W16" s="278">
        <v>6</v>
      </c>
      <c r="X16" s="283">
        <v>6</v>
      </c>
      <c r="Y16" s="277">
        <v>1</v>
      </c>
      <c r="Z16" s="281">
        <v>1</v>
      </c>
      <c r="AA16" s="278">
        <v>2</v>
      </c>
      <c r="AB16" s="280">
        <v>0</v>
      </c>
      <c r="AC16" s="281">
        <v>5</v>
      </c>
      <c r="AD16" s="281">
        <v>13</v>
      </c>
      <c r="AE16" s="281">
        <v>7</v>
      </c>
      <c r="AF16" s="281">
        <v>10</v>
      </c>
      <c r="AG16" s="281">
        <v>8</v>
      </c>
      <c r="AH16" s="278">
        <v>43</v>
      </c>
      <c r="AI16" s="283">
        <v>45</v>
      </c>
      <c r="AJ16" s="277">
        <v>0</v>
      </c>
      <c r="AK16" s="281">
        <v>0</v>
      </c>
      <c r="AL16" s="278">
        <v>0</v>
      </c>
      <c r="AM16" s="280">
        <v>0</v>
      </c>
      <c r="AN16" s="281">
        <v>2</v>
      </c>
      <c r="AO16" s="281">
        <v>1</v>
      </c>
      <c r="AP16" s="281">
        <v>0</v>
      </c>
      <c r="AQ16" s="281">
        <v>1</v>
      </c>
      <c r="AR16" s="281">
        <v>1</v>
      </c>
      <c r="AS16" s="278">
        <v>5</v>
      </c>
      <c r="AT16" s="283">
        <v>5</v>
      </c>
      <c r="AU16" s="277">
        <v>4</v>
      </c>
      <c r="AV16" s="281">
        <v>1</v>
      </c>
      <c r="AW16" s="278">
        <v>5</v>
      </c>
      <c r="AX16" s="280">
        <v>0</v>
      </c>
      <c r="AY16" s="281">
        <v>12</v>
      </c>
      <c r="AZ16" s="281">
        <v>17</v>
      </c>
      <c r="BA16" s="281">
        <v>11</v>
      </c>
      <c r="BB16" s="281">
        <v>20</v>
      </c>
      <c r="BC16" s="281">
        <v>13</v>
      </c>
      <c r="BD16" s="282">
        <v>73</v>
      </c>
      <c r="BE16" s="283">
        <v>78</v>
      </c>
      <c r="BF16" s="277">
        <v>0</v>
      </c>
      <c r="BG16" s="281">
        <v>0</v>
      </c>
      <c r="BH16" s="278">
        <v>0</v>
      </c>
      <c r="BI16" s="280">
        <v>0</v>
      </c>
      <c r="BJ16" s="281">
        <v>17</v>
      </c>
      <c r="BK16" s="281">
        <v>20</v>
      </c>
      <c r="BL16" s="281">
        <v>11</v>
      </c>
      <c r="BM16" s="281">
        <v>7</v>
      </c>
      <c r="BN16" s="281">
        <v>2</v>
      </c>
      <c r="BO16" s="278">
        <v>57</v>
      </c>
      <c r="BP16" s="283">
        <v>57</v>
      </c>
      <c r="BQ16" s="277">
        <v>0</v>
      </c>
      <c r="BR16" s="281">
        <v>2</v>
      </c>
      <c r="BS16" s="278">
        <v>2</v>
      </c>
      <c r="BT16" s="280">
        <v>0</v>
      </c>
      <c r="BU16" s="281">
        <v>4</v>
      </c>
      <c r="BV16" s="281">
        <v>6</v>
      </c>
      <c r="BW16" s="281">
        <v>4</v>
      </c>
      <c r="BX16" s="281">
        <v>4</v>
      </c>
      <c r="BY16" s="281">
        <v>0</v>
      </c>
      <c r="BZ16" s="278">
        <v>18</v>
      </c>
      <c r="CA16" s="283">
        <v>20</v>
      </c>
      <c r="CB16" s="277">
        <v>0</v>
      </c>
      <c r="CC16" s="281">
        <v>0</v>
      </c>
      <c r="CD16" s="278">
        <v>0</v>
      </c>
      <c r="CE16" s="280">
        <v>0</v>
      </c>
      <c r="CF16" s="281">
        <v>2</v>
      </c>
      <c r="CG16" s="281">
        <v>3</v>
      </c>
      <c r="CH16" s="281">
        <v>4</v>
      </c>
      <c r="CI16" s="281">
        <v>4</v>
      </c>
      <c r="CJ16" s="281">
        <v>2</v>
      </c>
      <c r="CK16" s="278">
        <v>15</v>
      </c>
      <c r="CL16" s="283">
        <v>15</v>
      </c>
      <c r="CM16" s="277">
        <v>0</v>
      </c>
      <c r="CN16" s="281">
        <v>0</v>
      </c>
      <c r="CO16" s="278">
        <v>0</v>
      </c>
      <c r="CP16" s="280">
        <v>0</v>
      </c>
      <c r="CQ16" s="281">
        <v>0</v>
      </c>
      <c r="CR16" s="281">
        <v>2</v>
      </c>
      <c r="CS16" s="281">
        <v>0</v>
      </c>
      <c r="CT16" s="281">
        <v>0</v>
      </c>
      <c r="CU16" s="281">
        <v>0</v>
      </c>
      <c r="CV16" s="278">
        <v>2</v>
      </c>
      <c r="CW16" s="283">
        <v>2</v>
      </c>
      <c r="CX16" s="277">
        <v>0</v>
      </c>
      <c r="CY16" s="281">
        <v>0</v>
      </c>
      <c r="CZ16" s="278">
        <v>0</v>
      </c>
      <c r="DA16" s="280">
        <v>0</v>
      </c>
      <c r="DB16" s="281">
        <v>0</v>
      </c>
      <c r="DC16" s="281">
        <v>0</v>
      </c>
      <c r="DD16" s="281">
        <v>0</v>
      </c>
      <c r="DE16" s="281">
        <v>0</v>
      </c>
      <c r="DF16" s="281">
        <v>0</v>
      </c>
      <c r="DG16" s="278">
        <v>0</v>
      </c>
      <c r="DH16" s="283">
        <v>0</v>
      </c>
      <c r="DI16" s="277">
        <v>0</v>
      </c>
      <c r="DJ16" s="281">
        <v>0</v>
      </c>
      <c r="DK16" s="278">
        <v>0</v>
      </c>
      <c r="DL16" s="280">
        <v>0</v>
      </c>
      <c r="DM16" s="281">
        <v>0</v>
      </c>
      <c r="DN16" s="281">
        <v>0</v>
      </c>
      <c r="DO16" s="281">
        <v>0</v>
      </c>
      <c r="DP16" s="281">
        <v>0</v>
      </c>
      <c r="DQ16" s="281">
        <v>0</v>
      </c>
      <c r="DR16" s="278">
        <v>0</v>
      </c>
      <c r="DS16" s="283">
        <v>0</v>
      </c>
      <c r="DT16" s="277">
        <v>5</v>
      </c>
      <c r="DU16" s="281">
        <v>11</v>
      </c>
      <c r="DV16" s="278">
        <v>16</v>
      </c>
      <c r="DW16" s="280">
        <v>0</v>
      </c>
      <c r="DX16" s="281">
        <v>22</v>
      </c>
      <c r="DY16" s="281">
        <v>33</v>
      </c>
      <c r="DZ16" s="281">
        <v>23</v>
      </c>
      <c r="EA16" s="281">
        <v>21</v>
      </c>
      <c r="EB16" s="281">
        <v>8</v>
      </c>
      <c r="EC16" s="278">
        <v>107</v>
      </c>
      <c r="ED16" s="283">
        <v>123</v>
      </c>
      <c r="EE16" s="277">
        <v>1</v>
      </c>
      <c r="EF16" s="281">
        <v>0</v>
      </c>
      <c r="EG16" s="278">
        <v>1</v>
      </c>
      <c r="EH16" s="280">
        <v>0</v>
      </c>
      <c r="EI16" s="281">
        <v>4</v>
      </c>
      <c r="EJ16" s="281">
        <v>7</v>
      </c>
      <c r="EK16" s="281">
        <v>3</v>
      </c>
      <c r="EL16" s="281">
        <v>7</v>
      </c>
      <c r="EM16" s="281">
        <v>6</v>
      </c>
      <c r="EN16" s="278">
        <v>27</v>
      </c>
      <c r="EO16" s="283">
        <v>28</v>
      </c>
      <c r="EP16" s="277">
        <v>6</v>
      </c>
      <c r="EQ16" s="281">
        <v>13</v>
      </c>
      <c r="ER16" s="278">
        <v>19</v>
      </c>
      <c r="ES16" s="280">
        <v>0</v>
      </c>
      <c r="ET16" s="281">
        <v>54</v>
      </c>
      <c r="EU16" s="281">
        <v>49</v>
      </c>
      <c r="EV16" s="281">
        <v>29</v>
      </c>
      <c r="EW16" s="281">
        <v>24</v>
      </c>
      <c r="EX16" s="281">
        <v>12</v>
      </c>
      <c r="EY16" s="278">
        <v>168</v>
      </c>
      <c r="EZ16" s="283">
        <v>187</v>
      </c>
    </row>
    <row r="17" spans="2:156" ht="19.8" customHeight="1" x14ac:dyDescent="0.2">
      <c r="B17" s="262" t="s">
        <v>15</v>
      </c>
      <c r="C17" s="277">
        <v>0</v>
      </c>
      <c r="D17" s="281">
        <v>0</v>
      </c>
      <c r="E17" s="385">
        <v>0</v>
      </c>
      <c r="F17" s="280">
        <v>0</v>
      </c>
      <c r="G17" s="281">
        <v>5</v>
      </c>
      <c r="H17" s="281">
        <v>4</v>
      </c>
      <c r="I17" s="281">
        <v>7</v>
      </c>
      <c r="J17" s="281">
        <v>1</v>
      </c>
      <c r="K17" s="281">
        <v>2</v>
      </c>
      <c r="L17" s="282">
        <v>19</v>
      </c>
      <c r="M17" s="283">
        <v>19</v>
      </c>
      <c r="N17" s="277">
        <v>0</v>
      </c>
      <c r="O17" s="281">
        <v>0</v>
      </c>
      <c r="P17" s="278">
        <v>0</v>
      </c>
      <c r="Q17" s="280">
        <v>0</v>
      </c>
      <c r="R17" s="281">
        <v>0</v>
      </c>
      <c r="S17" s="281">
        <v>0</v>
      </c>
      <c r="T17" s="281">
        <v>0</v>
      </c>
      <c r="U17" s="281">
        <v>4</v>
      </c>
      <c r="V17" s="281">
        <v>0</v>
      </c>
      <c r="W17" s="278">
        <v>4</v>
      </c>
      <c r="X17" s="283">
        <v>4</v>
      </c>
      <c r="Y17" s="277">
        <v>0</v>
      </c>
      <c r="Z17" s="281">
        <v>1</v>
      </c>
      <c r="AA17" s="278">
        <v>1</v>
      </c>
      <c r="AB17" s="280">
        <v>0</v>
      </c>
      <c r="AC17" s="281">
        <v>3</v>
      </c>
      <c r="AD17" s="281">
        <v>7</v>
      </c>
      <c r="AE17" s="281">
        <v>1</v>
      </c>
      <c r="AF17" s="281">
        <v>6</v>
      </c>
      <c r="AG17" s="281">
        <v>1</v>
      </c>
      <c r="AH17" s="278">
        <v>18</v>
      </c>
      <c r="AI17" s="283">
        <v>19</v>
      </c>
      <c r="AJ17" s="277">
        <v>0</v>
      </c>
      <c r="AK17" s="281">
        <v>0</v>
      </c>
      <c r="AL17" s="278">
        <v>0</v>
      </c>
      <c r="AM17" s="280">
        <v>0</v>
      </c>
      <c r="AN17" s="281">
        <v>1</v>
      </c>
      <c r="AO17" s="281">
        <v>1</v>
      </c>
      <c r="AP17" s="281">
        <v>0</v>
      </c>
      <c r="AQ17" s="281">
        <v>0</v>
      </c>
      <c r="AR17" s="281">
        <v>1</v>
      </c>
      <c r="AS17" s="278">
        <v>3</v>
      </c>
      <c r="AT17" s="283">
        <v>3</v>
      </c>
      <c r="AU17" s="277">
        <v>1</v>
      </c>
      <c r="AV17" s="281">
        <v>0</v>
      </c>
      <c r="AW17" s="278">
        <v>1</v>
      </c>
      <c r="AX17" s="280">
        <v>0</v>
      </c>
      <c r="AY17" s="281">
        <v>6</v>
      </c>
      <c r="AZ17" s="281">
        <v>7</v>
      </c>
      <c r="BA17" s="281">
        <v>8</v>
      </c>
      <c r="BB17" s="281">
        <v>3</v>
      </c>
      <c r="BC17" s="281">
        <v>2</v>
      </c>
      <c r="BD17" s="282">
        <v>26</v>
      </c>
      <c r="BE17" s="283">
        <v>27</v>
      </c>
      <c r="BF17" s="277">
        <v>0</v>
      </c>
      <c r="BG17" s="281">
        <v>0</v>
      </c>
      <c r="BH17" s="278">
        <v>0</v>
      </c>
      <c r="BI17" s="280">
        <v>0</v>
      </c>
      <c r="BJ17" s="281">
        <v>2</v>
      </c>
      <c r="BK17" s="281">
        <v>4</v>
      </c>
      <c r="BL17" s="281">
        <v>3</v>
      </c>
      <c r="BM17" s="281">
        <v>0</v>
      </c>
      <c r="BN17" s="281">
        <v>0</v>
      </c>
      <c r="BO17" s="278">
        <v>9</v>
      </c>
      <c r="BP17" s="283">
        <v>9</v>
      </c>
      <c r="BQ17" s="277">
        <v>0</v>
      </c>
      <c r="BR17" s="281">
        <v>0</v>
      </c>
      <c r="BS17" s="278">
        <v>0</v>
      </c>
      <c r="BT17" s="280">
        <v>0</v>
      </c>
      <c r="BU17" s="281">
        <v>1</v>
      </c>
      <c r="BV17" s="281">
        <v>1</v>
      </c>
      <c r="BW17" s="281">
        <v>4</v>
      </c>
      <c r="BX17" s="281">
        <v>0</v>
      </c>
      <c r="BY17" s="281">
        <v>0</v>
      </c>
      <c r="BZ17" s="278">
        <v>6</v>
      </c>
      <c r="CA17" s="283">
        <v>6</v>
      </c>
      <c r="CB17" s="277">
        <v>0</v>
      </c>
      <c r="CC17" s="281">
        <v>0</v>
      </c>
      <c r="CD17" s="278">
        <v>0</v>
      </c>
      <c r="CE17" s="280">
        <v>0</v>
      </c>
      <c r="CF17" s="281">
        <v>0</v>
      </c>
      <c r="CG17" s="281">
        <v>0</v>
      </c>
      <c r="CH17" s="281">
        <v>1</v>
      </c>
      <c r="CI17" s="281">
        <v>2</v>
      </c>
      <c r="CJ17" s="281">
        <v>1</v>
      </c>
      <c r="CK17" s="278">
        <v>4</v>
      </c>
      <c r="CL17" s="283">
        <v>4</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c r="DI17" s="277">
        <v>0</v>
      </c>
      <c r="DJ17" s="281">
        <v>0</v>
      </c>
      <c r="DK17" s="278">
        <v>0</v>
      </c>
      <c r="DL17" s="280">
        <v>0</v>
      </c>
      <c r="DM17" s="281">
        <v>0</v>
      </c>
      <c r="DN17" s="281">
        <v>0</v>
      </c>
      <c r="DO17" s="281">
        <v>0</v>
      </c>
      <c r="DP17" s="281">
        <v>0</v>
      </c>
      <c r="DQ17" s="281">
        <v>0</v>
      </c>
      <c r="DR17" s="278">
        <v>0</v>
      </c>
      <c r="DS17" s="283">
        <v>0</v>
      </c>
      <c r="DT17" s="277">
        <v>2</v>
      </c>
      <c r="DU17" s="281">
        <v>5</v>
      </c>
      <c r="DV17" s="278">
        <v>7</v>
      </c>
      <c r="DW17" s="280">
        <v>0</v>
      </c>
      <c r="DX17" s="281">
        <v>7</v>
      </c>
      <c r="DY17" s="281">
        <v>15</v>
      </c>
      <c r="DZ17" s="281">
        <v>9</v>
      </c>
      <c r="EA17" s="281">
        <v>9</v>
      </c>
      <c r="EB17" s="281">
        <v>4</v>
      </c>
      <c r="EC17" s="278">
        <v>44</v>
      </c>
      <c r="ED17" s="283">
        <v>51</v>
      </c>
      <c r="EE17" s="277">
        <v>3</v>
      </c>
      <c r="EF17" s="281">
        <v>2</v>
      </c>
      <c r="EG17" s="278">
        <v>5</v>
      </c>
      <c r="EH17" s="280">
        <v>0</v>
      </c>
      <c r="EI17" s="281">
        <v>5</v>
      </c>
      <c r="EJ17" s="281">
        <v>4</v>
      </c>
      <c r="EK17" s="281">
        <v>5</v>
      </c>
      <c r="EL17" s="281">
        <v>0</v>
      </c>
      <c r="EM17" s="281">
        <v>2</v>
      </c>
      <c r="EN17" s="278">
        <v>16</v>
      </c>
      <c r="EO17" s="283">
        <v>21</v>
      </c>
      <c r="EP17" s="277">
        <v>2</v>
      </c>
      <c r="EQ17" s="281">
        <v>6</v>
      </c>
      <c r="ER17" s="278">
        <v>8</v>
      </c>
      <c r="ES17" s="280">
        <v>0</v>
      </c>
      <c r="ET17" s="281">
        <v>15</v>
      </c>
      <c r="EU17" s="281">
        <v>19</v>
      </c>
      <c r="EV17" s="281">
        <v>14</v>
      </c>
      <c r="EW17" s="281">
        <v>10</v>
      </c>
      <c r="EX17" s="281">
        <v>3</v>
      </c>
      <c r="EY17" s="278">
        <v>61</v>
      </c>
      <c r="EZ17" s="283">
        <v>69</v>
      </c>
    </row>
    <row r="18" spans="2:156" ht="19.8" customHeight="1" x14ac:dyDescent="0.2">
      <c r="B18" s="262" t="s">
        <v>16</v>
      </c>
      <c r="C18" s="277">
        <v>0</v>
      </c>
      <c r="D18" s="281">
        <v>0</v>
      </c>
      <c r="E18" s="385">
        <v>0</v>
      </c>
      <c r="F18" s="280">
        <v>0</v>
      </c>
      <c r="G18" s="281">
        <v>11</v>
      </c>
      <c r="H18" s="281">
        <v>13</v>
      </c>
      <c r="I18" s="281">
        <v>5</v>
      </c>
      <c r="J18" s="281">
        <v>3</v>
      </c>
      <c r="K18" s="281">
        <v>3</v>
      </c>
      <c r="L18" s="282">
        <v>35</v>
      </c>
      <c r="M18" s="283">
        <v>35</v>
      </c>
      <c r="N18" s="277">
        <v>0</v>
      </c>
      <c r="O18" s="281">
        <v>0</v>
      </c>
      <c r="P18" s="278">
        <v>0</v>
      </c>
      <c r="Q18" s="280">
        <v>0</v>
      </c>
      <c r="R18" s="281">
        <v>0</v>
      </c>
      <c r="S18" s="281">
        <v>1</v>
      </c>
      <c r="T18" s="281">
        <v>0</v>
      </c>
      <c r="U18" s="281">
        <v>1</v>
      </c>
      <c r="V18" s="281">
        <v>2</v>
      </c>
      <c r="W18" s="278">
        <v>4</v>
      </c>
      <c r="X18" s="283">
        <v>4</v>
      </c>
      <c r="Y18" s="277">
        <v>2</v>
      </c>
      <c r="Z18" s="281">
        <v>4</v>
      </c>
      <c r="AA18" s="278">
        <v>6</v>
      </c>
      <c r="AB18" s="280">
        <v>0</v>
      </c>
      <c r="AC18" s="281">
        <v>13</v>
      </c>
      <c r="AD18" s="281">
        <v>18</v>
      </c>
      <c r="AE18" s="281">
        <v>12</v>
      </c>
      <c r="AF18" s="281">
        <v>6</v>
      </c>
      <c r="AG18" s="281">
        <v>5</v>
      </c>
      <c r="AH18" s="278">
        <v>54</v>
      </c>
      <c r="AI18" s="283">
        <v>60</v>
      </c>
      <c r="AJ18" s="277">
        <v>0</v>
      </c>
      <c r="AK18" s="281">
        <v>0</v>
      </c>
      <c r="AL18" s="278">
        <v>0</v>
      </c>
      <c r="AM18" s="280">
        <v>0</v>
      </c>
      <c r="AN18" s="281">
        <v>1</v>
      </c>
      <c r="AO18" s="281">
        <v>1</v>
      </c>
      <c r="AP18" s="281">
        <v>2</v>
      </c>
      <c r="AQ18" s="281">
        <v>0</v>
      </c>
      <c r="AR18" s="281">
        <v>1</v>
      </c>
      <c r="AS18" s="278">
        <v>5</v>
      </c>
      <c r="AT18" s="283">
        <v>5</v>
      </c>
      <c r="AU18" s="277">
        <v>3</v>
      </c>
      <c r="AV18" s="281">
        <v>3</v>
      </c>
      <c r="AW18" s="278">
        <v>6</v>
      </c>
      <c r="AX18" s="280">
        <v>0</v>
      </c>
      <c r="AY18" s="281">
        <v>17</v>
      </c>
      <c r="AZ18" s="281">
        <v>14</v>
      </c>
      <c r="BA18" s="281">
        <v>28</v>
      </c>
      <c r="BB18" s="281">
        <v>22</v>
      </c>
      <c r="BC18" s="281">
        <v>7</v>
      </c>
      <c r="BD18" s="282">
        <v>88</v>
      </c>
      <c r="BE18" s="283">
        <v>94</v>
      </c>
      <c r="BF18" s="277">
        <v>0</v>
      </c>
      <c r="BG18" s="281">
        <v>0</v>
      </c>
      <c r="BH18" s="278">
        <v>0</v>
      </c>
      <c r="BI18" s="280">
        <v>0</v>
      </c>
      <c r="BJ18" s="281">
        <v>16</v>
      </c>
      <c r="BK18" s="281">
        <v>22</v>
      </c>
      <c r="BL18" s="281">
        <v>10</v>
      </c>
      <c r="BM18" s="281">
        <v>7</v>
      </c>
      <c r="BN18" s="281">
        <v>2</v>
      </c>
      <c r="BO18" s="278">
        <v>57</v>
      </c>
      <c r="BP18" s="283">
        <v>57</v>
      </c>
      <c r="BQ18" s="277">
        <v>4</v>
      </c>
      <c r="BR18" s="281">
        <v>4</v>
      </c>
      <c r="BS18" s="278">
        <v>8</v>
      </c>
      <c r="BT18" s="280">
        <v>0</v>
      </c>
      <c r="BU18" s="281">
        <v>13</v>
      </c>
      <c r="BV18" s="281">
        <v>29</v>
      </c>
      <c r="BW18" s="281">
        <v>5</v>
      </c>
      <c r="BX18" s="281">
        <v>5</v>
      </c>
      <c r="BY18" s="281">
        <v>0</v>
      </c>
      <c r="BZ18" s="278">
        <v>52</v>
      </c>
      <c r="CA18" s="283">
        <v>60</v>
      </c>
      <c r="CB18" s="277">
        <v>0</v>
      </c>
      <c r="CC18" s="281">
        <v>0</v>
      </c>
      <c r="CD18" s="278">
        <v>0</v>
      </c>
      <c r="CE18" s="280">
        <v>0</v>
      </c>
      <c r="CF18" s="281">
        <v>2</v>
      </c>
      <c r="CG18" s="281">
        <v>5</v>
      </c>
      <c r="CH18" s="281">
        <v>5</v>
      </c>
      <c r="CI18" s="281">
        <v>1</v>
      </c>
      <c r="CJ18" s="281">
        <v>1</v>
      </c>
      <c r="CK18" s="278">
        <v>14</v>
      </c>
      <c r="CL18" s="283">
        <v>14</v>
      </c>
      <c r="CM18" s="277">
        <v>0</v>
      </c>
      <c r="CN18" s="281">
        <v>0</v>
      </c>
      <c r="CO18" s="278">
        <v>0</v>
      </c>
      <c r="CP18" s="280">
        <v>0</v>
      </c>
      <c r="CQ18" s="281">
        <v>0</v>
      </c>
      <c r="CR18" s="281">
        <v>1</v>
      </c>
      <c r="CS18" s="281">
        <v>1</v>
      </c>
      <c r="CT18" s="281">
        <v>1</v>
      </c>
      <c r="CU18" s="281">
        <v>0</v>
      </c>
      <c r="CV18" s="278">
        <v>3</v>
      </c>
      <c r="CW18" s="283">
        <v>3</v>
      </c>
      <c r="CX18" s="277">
        <v>0</v>
      </c>
      <c r="CY18" s="281">
        <v>0</v>
      </c>
      <c r="CZ18" s="278">
        <v>0</v>
      </c>
      <c r="DA18" s="280">
        <v>0</v>
      </c>
      <c r="DB18" s="281">
        <v>0</v>
      </c>
      <c r="DC18" s="281">
        <v>0</v>
      </c>
      <c r="DD18" s="281">
        <v>0</v>
      </c>
      <c r="DE18" s="281">
        <v>0</v>
      </c>
      <c r="DF18" s="281">
        <v>0</v>
      </c>
      <c r="DG18" s="278">
        <v>0</v>
      </c>
      <c r="DH18" s="283">
        <v>0</v>
      </c>
      <c r="DI18" s="277">
        <v>0</v>
      </c>
      <c r="DJ18" s="281">
        <v>0</v>
      </c>
      <c r="DK18" s="278">
        <v>0</v>
      </c>
      <c r="DL18" s="280">
        <v>0</v>
      </c>
      <c r="DM18" s="281">
        <v>0</v>
      </c>
      <c r="DN18" s="281">
        <v>0</v>
      </c>
      <c r="DO18" s="281">
        <v>0</v>
      </c>
      <c r="DP18" s="281">
        <v>0</v>
      </c>
      <c r="DQ18" s="281">
        <v>0</v>
      </c>
      <c r="DR18" s="278">
        <v>0</v>
      </c>
      <c r="DS18" s="283">
        <v>0</v>
      </c>
      <c r="DT18" s="277">
        <v>12</v>
      </c>
      <c r="DU18" s="281">
        <v>11</v>
      </c>
      <c r="DV18" s="278">
        <v>23</v>
      </c>
      <c r="DW18" s="280">
        <v>0</v>
      </c>
      <c r="DX18" s="281">
        <v>25</v>
      </c>
      <c r="DY18" s="281">
        <v>53</v>
      </c>
      <c r="DZ18" s="281">
        <v>30</v>
      </c>
      <c r="EA18" s="281">
        <v>20</v>
      </c>
      <c r="EB18" s="281">
        <v>8</v>
      </c>
      <c r="EC18" s="278">
        <v>136</v>
      </c>
      <c r="ED18" s="283">
        <v>159</v>
      </c>
      <c r="EE18" s="277">
        <v>2</v>
      </c>
      <c r="EF18" s="281">
        <v>3</v>
      </c>
      <c r="EG18" s="278">
        <v>5</v>
      </c>
      <c r="EH18" s="280">
        <v>0</v>
      </c>
      <c r="EI18" s="281">
        <v>9</v>
      </c>
      <c r="EJ18" s="281">
        <v>8</v>
      </c>
      <c r="EK18" s="281">
        <v>14</v>
      </c>
      <c r="EL18" s="281">
        <v>12</v>
      </c>
      <c r="EM18" s="281">
        <v>6</v>
      </c>
      <c r="EN18" s="278">
        <v>49</v>
      </c>
      <c r="EO18" s="283">
        <v>54</v>
      </c>
      <c r="EP18" s="277">
        <v>17</v>
      </c>
      <c r="EQ18" s="281">
        <v>18</v>
      </c>
      <c r="ER18" s="278">
        <v>35</v>
      </c>
      <c r="ES18" s="280">
        <v>0</v>
      </c>
      <c r="ET18" s="281">
        <v>54</v>
      </c>
      <c r="EU18" s="281">
        <v>83</v>
      </c>
      <c r="EV18" s="281">
        <v>31</v>
      </c>
      <c r="EW18" s="281">
        <v>20</v>
      </c>
      <c r="EX18" s="281">
        <v>8</v>
      </c>
      <c r="EY18" s="278">
        <v>196</v>
      </c>
      <c r="EZ18" s="283">
        <v>231</v>
      </c>
    </row>
    <row r="19" spans="2:156" ht="19.8" customHeight="1" x14ac:dyDescent="0.2">
      <c r="B19" s="262" t="s">
        <v>17</v>
      </c>
      <c r="C19" s="277">
        <v>0</v>
      </c>
      <c r="D19" s="281">
        <v>0</v>
      </c>
      <c r="E19" s="385">
        <v>0</v>
      </c>
      <c r="F19" s="280">
        <v>0</v>
      </c>
      <c r="G19" s="281">
        <v>6</v>
      </c>
      <c r="H19" s="281">
        <v>18</v>
      </c>
      <c r="I19" s="281">
        <v>14</v>
      </c>
      <c r="J19" s="281">
        <v>6</v>
      </c>
      <c r="K19" s="281">
        <v>14</v>
      </c>
      <c r="L19" s="282">
        <v>58</v>
      </c>
      <c r="M19" s="283">
        <v>58</v>
      </c>
      <c r="N19" s="277">
        <v>0</v>
      </c>
      <c r="O19" s="281">
        <v>0</v>
      </c>
      <c r="P19" s="278">
        <v>0</v>
      </c>
      <c r="Q19" s="280">
        <v>0</v>
      </c>
      <c r="R19" s="281">
        <v>0</v>
      </c>
      <c r="S19" s="281">
        <v>0</v>
      </c>
      <c r="T19" s="281">
        <v>1</v>
      </c>
      <c r="U19" s="281">
        <v>1</v>
      </c>
      <c r="V19" s="281">
        <v>5</v>
      </c>
      <c r="W19" s="278">
        <v>7</v>
      </c>
      <c r="X19" s="283">
        <v>7</v>
      </c>
      <c r="Y19" s="277">
        <v>1</v>
      </c>
      <c r="Z19" s="281">
        <v>4</v>
      </c>
      <c r="AA19" s="278">
        <v>5</v>
      </c>
      <c r="AB19" s="280">
        <v>0</v>
      </c>
      <c r="AC19" s="281">
        <v>11</v>
      </c>
      <c r="AD19" s="281">
        <v>14</v>
      </c>
      <c r="AE19" s="281">
        <v>14</v>
      </c>
      <c r="AF19" s="281">
        <v>7</v>
      </c>
      <c r="AG19" s="281">
        <v>8</v>
      </c>
      <c r="AH19" s="278">
        <v>54</v>
      </c>
      <c r="AI19" s="283">
        <v>59</v>
      </c>
      <c r="AJ19" s="277">
        <v>1</v>
      </c>
      <c r="AK19" s="281">
        <v>0</v>
      </c>
      <c r="AL19" s="278">
        <v>1</v>
      </c>
      <c r="AM19" s="280">
        <v>0</v>
      </c>
      <c r="AN19" s="281">
        <v>1</v>
      </c>
      <c r="AO19" s="281">
        <v>3</v>
      </c>
      <c r="AP19" s="281">
        <v>0</v>
      </c>
      <c r="AQ19" s="281">
        <v>1</v>
      </c>
      <c r="AR19" s="281">
        <v>1</v>
      </c>
      <c r="AS19" s="278">
        <v>6</v>
      </c>
      <c r="AT19" s="283">
        <v>7</v>
      </c>
      <c r="AU19" s="277">
        <v>3</v>
      </c>
      <c r="AV19" s="281">
        <v>2</v>
      </c>
      <c r="AW19" s="278">
        <v>5</v>
      </c>
      <c r="AX19" s="280">
        <v>0</v>
      </c>
      <c r="AY19" s="281">
        <v>11</v>
      </c>
      <c r="AZ19" s="281">
        <v>20</v>
      </c>
      <c r="BA19" s="281">
        <v>17</v>
      </c>
      <c r="BB19" s="281">
        <v>18</v>
      </c>
      <c r="BC19" s="281">
        <v>19</v>
      </c>
      <c r="BD19" s="282">
        <v>85</v>
      </c>
      <c r="BE19" s="283">
        <v>90</v>
      </c>
      <c r="BF19" s="277">
        <v>0</v>
      </c>
      <c r="BG19" s="281">
        <v>0</v>
      </c>
      <c r="BH19" s="278">
        <v>0</v>
      </c>
      <c r="BI19" s="280">
        <v>0</v>
      </c>
      <c r="BJ19" s="281">
        <v>29</v>
      </c>
      <c r="BK19" s="281">
        <v>26</v>
      </c>
      <c r="BL19" s="281">
        <v>18</v>
      </c>
      <c r="BM19" s="281">
        <v>6</v>
      </c>
      <c r="BN19" s="281">
        <v>5</v>
      </c>
      <c r="BO19" s="278">
        <v>84</v>
      </c>
      <c r="BP19" s="283">
        <v>84</v>
      </c>
      <c r="BQ19" s="277">
        <v>2</v>
      </c>
      <c r="BR19" s="281">
        <v>5</v>
      </c>
      <c r="BS19" s="278">
        <v>7</v>
      </c>
      <c r="BT19" s="280">
        <v>0</v>
      </c>
      <c r="BU19" s="281">
        <v>4</v>
      </c>
      <c r="BV19" s="281">
        <v>17</v>
      </c>
      <c r="BW19" s="281">
        <v>2</v>
      </c>
      <c r="BX19" s="281">
        <v>2</v>
      </c>
      <c r="BY19" s="281">
        <v>0</v>
      </c>
      <c r="BZ19" s="278">
        <v>25</v>
      </c>
      <c r="CA19" s="283">
        <v>32</v>
      </c>
      <c r="CB19" s="277">
        <v>0</v>
      </c>
      <c r="CC19" s="281">
        <v>0</v>
      </c>
      <c r="CD19" s="278">
        <v>0</v>
      </c>
      <c r="CE19" s="280">
        <v>0</v>
      </c>
      <c r="CF19" s="281">
        <v>5</v>
      </c>
      <c r="CG19" s="281">
        <v>2</v>
      </c>
      <c r="CH19" s="281">
        <v>7</v>
      </c>
      <c r="CI19" s="281">
        <v>5</v>
      </c>
      <c r="CJ19" s="281">
        <v>3</v>
      </c>
      <c r="CK19" s="278">
        <v>22</v>
      </c>
      <c r="CL19" s="283">
        <v>22</v>
      </c>
      <c r="CM19" s="277">
        <v>0</v>
      </c>
      <c r="CN19" s="281">
        <v>0</v>
      </c>
      <c r="CO19" s="278">
        <v>0</v>
      </c>
      <c r="CP19" s="280">
        <v>0</v>
      </c>
      <c r="CQ19" s="281">
        <v>1</v>
      </c>
      <c r="CR19" s="281">
        <v>3</v>
      </c>
      <c r="CS19" s="281">
        <v>0</v>
      </c>
      <c r="CT19" s="281">
        <v>1</v>
      </c>
      <c r="CU19" s="281">
        <v>0</v>
      </c>
      <c r="CV19" s="278">
        <v>5</v>
      </c>
      <c r="CW19" s="283">
        <v>5</v>
      </c>
      <c r="CX19" s="277">
        <v>0</v>
      </c>
      <c r="CY19" s="281">
        <v>0</v>
      </c>
      <c r="CZ19" s="278">
        <v>0</v>
      </c>
      <c r="DA19" s="280">
        <v>0</v>
      </c>
      <c r="DB19" s="281">
        <v>0</v>
      </c>
      <c r="DC19" s="281">
        <v>0</v>
      </c>
      <c r="DD19" s="281">
        <v>0</v>
      </c>
      <c r="DE19" s="281">
        <v>0</v>
      </c>
      <c r="DF19" s="281">
        <v>0</v>
      </c>
      <c r="DG19" s="278">
        <v>0</v>
      </c>
      <c r="DH19" s="283">
        <v>0</v>
      </c>
      <c r="DI19" s="277">
        <v>0</v>
      </c>
      <c r="DJ19" s="281">
        <v>0</v>
      </c>
      <c r="DK19" s="278">
        <v>0</v>
      </c>
      <c r="DL19" s="280">
        <v>0</v>
      </c>
      <c r="DM19" s="281">
        <v>0</v>
      </c>
      <c r="DN19" s="281">
        <v>0</v>
      </c>
      <c r="DO19" s="281">
        <v>0</v>
      </c>
      <c r="DP19" s="281">
        <v>0</v>
      </c>
      <c r="DQ19" s="281">
        <v>0</v>
      </c>
      <c r="DR19" s="278">
        <v>0</v>
      </c>
      <c r="DS19" s="283">
        <v>0</v>
      </c>
      <c r="DT19" s="277">
        <v>5</v>
      </c>
      <c r="DU19" s="281">
        <v>24</v>
      </c>
      <c r="DV19" s="278">
        <v>29</v>
      </c>
      <c r="DW19" s="280">
        <v>0</v>
      </c>
      <c r="DX19" s="281">
        <v>29</v>
      </c>
      <c r="DY19" s="281">
        <v>62</v>
      </c>
      <c r="DZ19" s="281">
        <v>44</v>
      </c>
      <c r="EA19" s="281">
        <v>19</v>
      </c>
      <c r="EB19" s="281">
        <v>22</v>
      </c>
      <c r="EC19" s="278">
        <v>176</v>
      </c>
      <c r="ED19" s="283">
        <v>205</v>
      </c>
      <c r="EE19" s="277">
        <v>3</v>
      </c>
      <c r="EF19" s="281">
        <v>2</v>
      </c>
      <c r="EG19" s="278">
        <v>5</v>
      </c>
      <c r="EH19" s="280">
        <v>0</v>
      </c>
      <c r="EI19" s="281">
        <v>6</v>
      </c>
      <c r="EJ19" s="281">
        <v>5</v>
      </c>
      <c r="EK19" s="281">
        <v>6</v>
      </c>
      <c r="EL19" s="281">
        <v>8</v>
      </c>
      <c r="EM19" s="281">
        <v>4</v>
      </c>
      <c r="EN19" s="278">
        <v>29</v>
      </c>
      <c r="EO19" s="283">
        <v>34</v>
      </c>
      <c r="EP19" s="277">
        <v>9</v>
      </c>
      <c r="EQ19" s="281">
        <v>27</v>
      </c>
      <c r="ER19" s="278">
        <v>36</v>
      </c>
      <c r="ES19" s="280">
        <v>0</v>
      </c>
      <c r="ET19" s="281">
        <v>71</v>
      </c>
      <c r="EU19" s="281">
        <v>84</v>
      </c>
      <c r="EV19" s="281">
        <v>47</v>
      </c>
      <c r="EW19" s="281">
        <v>23</v>
      </c>
      <c r="EX19" s="281">
        <v>22</v>
      </c>
      <c r="EY19" s="278">
        <v>247</v>
      </c>
      <c r="EZ19" s="283">
        <v>283</v>
      </c>
    </row>
    <row r="20" spans="2:156" ht="19.8" customHeight="1" x14ac:dyDescent="0.2">
      <c r="B20" s="262" t="s">
        <v>18</v>
      </c>
      <c r="C20" s="277">
        <v>0</v>
      </c>
      <c r="D20" s="281">
        <v>0</v>
      </c>
      <c r="E20" s="385">
        <v>0</v>
      </c>
      <c r="F20" s="280">
        <v>0</v>
      </c>
      <c r="G20" s="281">
        <v>21</v>
      </c>
      <c r="H20" s="281">
        <v>35</v>
      </c>
      <c r="I20" s="281">
        <v>13</v>
      </c>
      <c r="J20" s="281">
        <v>15</v>
      </c>
      <c r="K20" s="281">
        <v>6</v>
      </c>
      <c r="L20" s="282">
        <v>90</v>
      </c>
      <c r="M20" s="283">
        <v>90</v>
      </c>
      <c r="N20" s="277">
        <v>0</v>
      </c>
      <c r="O20" s="281">
        <v>0</v>
      </c>
      <c r="P20" s="278">
        <v>0</v>
      </c>
      <c r="Q20" s="280">
        <v>0</v>
      </c>
      <c r="R20" s="281">
        <v>0</v>
      </c>
      <c r="S20" s="281">
        <v>1</v>
      </c>
      <c r="T20" s="281">
        <v>1</v>
      </c>
      <c r="U20" s="281">
        <v>3</v>
      </c>
      <c r="V20" s="281">
        <v>2</v>
      </c>
      <c r="W20" s="278">
        <v>7</v>
      </c>
      <c r="X20" s="283">
        <v>7</v>
      </c>
      <c r="Y20" s="277">
        <v>4</v>
      </c>
      <c r="Z20" s="281">
        <v>6</v>
      </c>
      <c r="AA20" s="278">
        <v>10</v>
      </c>
      <c r="AB20" s="280">
        <v>0</v>
      </c>
      <c r="AC20" s="281">
        <v>24</v>
      </c>
      <c r="AD20" s="281">
        <v>20</v>
      </c>
      <c r="AE20" s="281">
        <v>10</v>
      </c>
      <c r="AF20" s="281">
        <v>15</v>
      </c>
      <c r="AG20" s="281">
        <v>2</v>
      </c>
      <c r="AH20" s="278">
        <v>71</v>
      </c>
      <c r="AI20" s="283">
        <v>81</v>
      </c>
      <c r="AJ20" s="277">
        <v>0</v>
      </c>
      <c r="AK20" s="281">
        <v>2</v>
      </c>
      <c r="AL20" s="278">
        <v>2</v>
      </c>
      <c r="AM20" s="280">
        <v>0</v>
      </c>
      <c r="AN20" s="281">
        <v>3</v>
      </c>
      <c r="AO20" s="281">
        <v>2</v>
      </c>
      <c r="AP20" s="281">
        <v>0</v>
      </c>
      <c r="AQ20" s="281">
        <v>2</v>
      </c>
      <c r="AR20" s="281">
        <v>1</v>
      </c>
      <c r="AS20" s="278">
        <v>8</v>
      </c>
      <c r="AT20" s="283">
        <v>10</v>
      </c>
      <c r="AU20" s="277">
        <v>1</v>
      </c>
      <c r="AV20" s="281">
        <v>9</v>
      </c>
      <c r="AW20" s="278">
        <v>10</v>
      </c>
      <c r="AX20" s="280">
        <v>0</v>
      </c>
      <c r="AY20" s="281">
        <v>36</v>
      </c>
      <c r="AZ20" s="281">
        <v>43</v>
      </c>
      <c r="BA20" s="281">
        <v>32</v>
      </c>
      <c r="BB20" s="281">
        <v>25</v>
      </c>
      <c r="BC20" s="281">
        <v>15</v>
      </c>
      <c r="BD20" s="282">
        <v>151</v>
      </c>
      <c r="BE20" s="283">
        <v>161</v>
      </c>
      <c r="BF20" s="277">
        <v>0</v>
      </c>
      <c r="BG20" s="281">
        <v>0</v>
      </c>
      <c r="BH20" s="278">
        <v>0</v>
      </c>
      <c r="BI20" s="280">
        <v>0</v>
      </c>
      <c r="BJ20" s="281">
        <v>35</v>
      </c>
      <c r="BK20" s="281">
        <v>38</v>
      </c>
      <c r="BL20" s="281">
        <v>26</v>
      </c>
      <c r="BM20" s="281">
        <v>7</v>
      </c>
      <c r="BN20" s="281">
        <v>3</v>
      </c>
      <c r="BO20" s="278">
        <v>109</v>
      </c>
      <c r="BP20" s="283">
        <v>109</v>
      </c>
      <c r="BQ20" s="277">
        <v>3</v>
      </c>
      <c r="BR20" s="281">
        <v>8</v>
      </c>
      <c r="BS20" s="278">
        <v>11</v>
      </c>
      <c r="BT20" s="280">
        <v>0</v>
      </c>
      <c r="BU20" s="281">
        <v>12</v>
      </c>
      <c r="BV20" s="281">
        <v>15</v>
      </c>
      <c r="BW20" s="281">
        <v>7</v>
      </c>
      <c r="BX20" s="281">
        <v>4</v>
      </c>
      <c r="BY20" s="281">
        <v>2</v>
      </c>
      <c r="BZ20" s="278">
        <v>40</v>
      </c>
      <c r="CA20" s="283">
        <v>51</v>
      </c>
      <c r="CB20" s="277">
        <v>1</v>
      </c>
      <c r="CC20" s="281">
        <v>2</v>
      </c>
      <c r="CD20" s="278">
        <v>3</v>
      </c>
      <c r="CE20" s="280">
        <v>0</v>
      </c>
      <c r="CF20" s="281">
        <v>4</v>
      </c>
      <c r="CG20" s="281">
        <v>9</v>
      </c>
      <c r="CH20" s="281">
        <v>13</v>
      </c>
      <c r="CI20" s="281">
        <v>4</v>
      </c>
      <c r="CJ20" s="281">
        <v>5</v>
      </c>
      <c r="CK20" s="278">
        <v>35</v>
      </c>
      <c r="CL20" s="283">
        <v>38</v>
      </c>
      <c r="CM20" s="277">
        <v>0</v>
      </c>
      <c r="CN20" s="281">
        <v>0</v>
      </c>
      <c r="CO20" s="278">
        <v>0</v>
      </c>
      <c r="CP20" s="280">
        <v>0</v>
      </c>
      <c r="CQ20" s="281">
        <v>0</v>
      </c>
      <c r="CR20" s="281">
        <v>0</v>
      </c>
      <c r="CS20" s="281">
        <v>1</v>
      </c>
      <c r="CT20" s="281">
        <v>0</v>
      </c>
      <c r="CU20" s="281">
        <v>0</v>
      </c>
      <c r="CV20" s="278">
        <v>1</v>
      </c>
      <c r="CW20" s="283">
        <v>1</v>
      </c>
      <c r="CX20" s="277">
        <v>0</v>
      </c>
      <c r="CY20" s="281">
        <v>0</v>
      </c>
      <c r="CZ20" s="278">
        <v>0</v>
      </c>
      <c r="DA20" s="280">
        <v>0</v>
      </c>
      <c r="DB20" s="281">
        <v>0</v>
      </c>
      <c r="DC20" s="281">
        <v>0</v>
      </c>
      <c r="DD20" s="281">
        <v>0</v>
      </c>
      <c r="DE20" s="281">
        <v>0</v>
      </c>
      <c r="DF20" s="281">
        <v>0</v>
      </c>
      <c r="DG20" s="278">
        <v>0</v>
      </c>
      <c r="DH20" s="283">
        <v>0</v>
      </c>
      <c r="DI20" s="277">
        <v>0</v>
      </c>
      <c r="DJ20" s="281">
        <v>0</v>
      </c>
      <c r="DK20" s="278">
        <v>0</v>
      </c>
      <c r="DL20" s="280">
        <v>0</v>
      </c>
      <c r="DM20" s="281">
        <v>0</v>
      </c>
      <c r="DN20" s="281">
        <v>0</v>
      </c>
      <c r="DO20" s="281">
        <v>0</v>
      </c>
      <c r="DP20" s="281">
        <v>0</v>
      </c>
      <c r="DQ20" s="281">
        <v>0</v>
      </c>
      <c r="DR20" s="278">
        <v>0</v>
      </c>
      <c r="DS20" s="283">
        <v>0</v>
      </c>
      <c r="DT20" s="277">
        <v>10</v>
      </c>
      <c r="DU20" s="281">
        <v>31</v>
      </c>
      <c r="DV20" s="278">
        <v>41</v>
      </c>
      <c r="DW20" s="280">
        <v>0</v>
      </c>
      <c r="DX20" s="281">
        <v>45</v>
      </c>
      <c r="DY20" s="281">
        <v>61</v>
      </c>
      <c r="DZ20" s="281">
        <v>47</v>
      </c>
      <c r="EA20" s="281">
        <v>32</v>
      </c>
      <c r="EB20" s="281">
        <v>12</v>
      </c>
      <c r="EC20" s="278">
        <v>197</v>
      </c>
      <c r="ED20" s="283">
        <v>238</v>
      </c>
      <c r="EE20" s="277">
        <v>1</v>
      </c>
      <c r="EF20" s="281">
        <v>2</v>
      </c>
      <c r="EG20" s="278">
        <v>3</v>
      </c>
      <c r="EH20" s="280">
        <v>0</v>
      </c>
      <c r="EI20" s="281">
        <v>13</v>
      </c>
      <c r="EJ20" s="281">
        <v>12</v>
      </c>
      <c r="EK20" s="281">
        <v>8</v>
      </c>
      <c r="EL20" s="281">
        <v>6</v>
      </c>
      <c r="EM20" s="281">
        <v>6</v>
      </c>
      <c r="EN20" s="278">
        <v>45</v>
      </c>
      <c r="EO20" s="283">
        <v>48</v>
      </c>
      <c r="EP20" s="277">
        <v>15</v>
      </c>
      <c r="EQ20" s="281">
        <v>39</v>
      </c>
      <c r="ER20" s="278">
        <v>54</v>
      </c>
      <c r="ES20" s="280">
        <v>0</v>
      </c>
      <c r="ET20" s="281">
        <v>100</v>
      </c>
      <c r="EU20" s="281">
        <v>99</v>
      </c>
      <c r="EV20" s="281">
        <v>54</v>
      </c>
      <c r="EW20" s="281">
        <v>32</v>
      </c>
      <c r="EX20" s="281">
        <v>12</v>
      </c>
      <c r="EY20" s="278">
        <v>297</v>
      </c>
      <c r="EZ20" s="283">
        <v>351</v>
      </c>
    </row>
    <row r="21" spans="2:156" ht="19.8" customHeight="1" x14ac:dyDescent="0.2">
      <c r="B21" s="262" t="s">
        <v>19</v>
      </c>
      <c r="C21" s="277">
        <v>0</v>
      </c>
      <c r="D21" s="281">
        <v>0</v>
      </c>
      <c r="E21" s="385">
        <v>0</v>
      </c>
      <c r="F21" s="280">
        <v>0</v>
      </c>
      <c r="G21" s="281">
        <v>12</v>
      </c>
      <c r="H21" s="281">
        <v>8</v>
      </c>
      <c r="I21" s="281">
        <v>6</v>
      </c>
      <c r="J21" s="281">
        <v>9</v>
      </c>
      <c r="K21" s="281">
        <v>1</v>
      </c>
      <c r="L21" s="282">
        <v>36</v>
      </c>
      <c r="M21" s="283">
        <v>36</v>
      </c>
      <c r="N21" s="277">
        <v>0</v>
      </c>
      <c r="O21" s="281">
        <v>0</v>
      </c>
      <c r="P21" s="278">
        <v>0</v>
      </c>
      <c r="Q21" s="280">
        <v>0</v>
      </c>
      <c r="R21" s="281">
        <v>0</v>
      </c>
      <c r="S21" s="281">
        <v>1</v>
      </c>
      <c r="T21" s="281">
        <v>1</v>
      </c>
      <c r="U21" s="281">
        <v>2</v>
      </c>
      <c r="V21" s="281">
        <v>2</v>
      </c>
      <c r="W21" s="278">
        <v>6</v>
      </c>
      <c r="X21" s="283">
        <v>6</v>
      </c>
      <c r="Y21" s="277">
        <v>1</v>
      </c>
      <c r="Z21" s="281">
        <v>1</v>
      </c>
      <c r="AA21" s="278">
        <v>2</v>
      </c>
      <c r="AB21" s="280">
        <v>0</v>
      </c>
      <c r="AC21" s="281">
        <v>13</v>
      </c>
      <c r="AD21" s="281">
        <v>12</v>
      </c>
      <c r="AE21" s="281">
        <v>5</v>
      </c>
      <c r="AF21" s="281">
        <v>6</v>
      </c>
      <c r="AG21" s="281">
        <v>5</v>
      </c>
      <c r="AH21" s="278">
        <v>41</v>
      </c>
      <c r="AI21" s="283">
        <v>43</v>
      </c>
      <c r="AJ21" s="277">
        <v>0</v>
      </c>
      <c r="AK21" s="281">
        <v>0</v>
      </c>
      <c r="AL21" s="278">
        <v>0</v>
      </c>
      <c r="AM21" s="280">
        <v>0</v>
      </c>
      <c r="AN21" s="281">
        <v>1</v>
      </c>
      <c r="AO21" s="281">
        <v>1</v>
      </c>
      <c r="AP21" s="281">
        <v>3</v>
      </c>
      <c r="AQ21" s="281">
        <v>1</v>
      </c>
      <c r="AR21" s="281">
        <v>0</v>
      </c>
      <c r="AS21" s="278">
        <v>6</v>
      </c>
      <c r="AT21" s="283">
        <v>6</v>
      </c>
      <c r="AU21" s="277">
        <v>3</v>
      </c>
      <c r="AV21" s="281">
        <v>2</v>
      </c>
      <c r="AW21" s="278">
        <v>5</v>
      </c>
      <c r="AX21" s="280">
        <v>0</v>
      </c>
      <c r="AY21" s="281">
        <v>21</v>
      </c>
      <c r="AZ21" s="281">
        <v>14</v>
      </c>
      <c r="BA21" s="281">
        <v>12</v>
      </c>
      <c r="BB21" s="281">
        <v>19</v>
      </c>
      <c r="BC21" s="281">
        <v>7</v>
      </c>
      <c r="BD21" s="282">
        <v>73</v>
      </c>
      <c r="BE21" s="283">
        <v>78</v>
      </c>
      <c r="BF21" s="277">
        <v>0</v>
      </c>
      <c r="BG21" s="281">
        <v>0</v>
      </c>
      <c r="BH21" s="278">
        <v>0</v>
      </c>
      <c r="BI21" s="280">
        <v>0</v>
      </c>
      <c r="BJ21" s="281">
        <v>19</v>
      </c>
      <c r="BK21" s="281">
        <v>20</v>
      </c>
      <c r="BL21" s="281">
        <v>7</v>
      </c>
      <c r="BM21" s="281">
        <v>4</v>
      </c>
      <c r="BN21" s="281">
        <v>1</v>
      </c>
      <c r="BO21" s="278">
        <v>51</v>
      </c>
      <c r="BP21" s="283">
        <v>51</v>
      </c>
      <c r="BQ21" s="277">
        <v>1</v>
      </c>
      <c r="BR21" s="281">
        <v>2</v>
      </c>
      <c r="BS21" s="278">
        <v>3</v>
      </c>
      <c r="BT21" s="280">
        <v>0</v>
      </c>
      <c r="BU21" s="281">
        <v>12</v>
      </c>
      <c r="BV21" s="281">
        <v>7</v>
      </c>
      <c r="BW21" s="281">
        <v>3</v>
      </c>
      <c r="BX21" s="281">
        <v>2</v>
      </c>
      <c r="BY21" s="281">
        <v>0</v>
      </c>
      <c r="BZ21" s="278">
        <v>24</v>
      </c>
      <c r="CA21" s="283">
        <v>27</v>
      </c>
      <c r="CB21" s="277">
        <v>0</v>
      </c>
      <c r="CC21" s="281">
        <v>0</v>
      </c>
      <c r="CD21" s="278">
        <v>0</v>
      </c>
      <c r="CE21" s="280">
        <v>0</v>
      </c>
      <c r="CF21" s="281">
        <v>3</v>
      </c>
      <c r="CG21" s="281">
        <v>2</v>
      </c>
      <c r="CH21" s="281">
        <v>1</v>
      </c>
      <c r="CI21" s="281">
        <v>0</v>
      </c>
      <c r="CJ21" s="281">
        <v>0</v>
      </c>
      <c r="CK21" s="278">
        <v>6</v>
      </c>
      <c r="CL21" s="283">
        <v>6</v>
      </c>
      <c r="CM21" s="277">
        <v>0</v>
      </c>
      <c r="CN21" s="281">
        <v>0</v>
      </c>
      <c r="CO21" s="278">
        <v>0</v>
      </c>
      <c r="CP21" s="280">
        <v>0</v>
      </c>
      <c r="CQ21" s="281">
        <v>1</v>
      </c>
      <c r="CR21" s="281">
        <v>0</v>
      </c>
      <c r="CS21" s="281">
        <v>1</v>
      </c>
      <c r="CT21" s="281">
        <v>1</v>
      </c>
      <c r="CU21" s="281">
        <v>1</v>
      </c>
      <c r="CV21" s="278">
        <v>4</v>
      </c>
      <c r="CW21" s="283">
        <v>4</v>
      </c>
      <c r="CX21" s="277">
        <v>0</v>
      </c>
      <c r="CY21" s="281">
        <v>0</v>
      </c>
      <c r="CZ21" s="278">
        <v>0</v>
      </c>
      <c r="DA21" s="280">
        <v>0</v>
      </c>
      <c r="DB21" s="281">
        <v>0</v>
      </c>
      <c r="DC21" s="281">
        <v>0</v>
      </c>
      <c r="DD21" s="281">
        <v>0</v>
      </c>
      <c r="DE21" s="281">
        <v>0</v>
      </c>
      <c r="DF21" s="281">
        <v>0</v>
      </c>
      <c r="DG21" s="278">
        <v>0</v>
      </c>
      <c r="DH21" s="283">
        <v>0</v>
      </c>
      <c r="DI21" s="277">
        <v>0</v>
      </c>
      <c r="DJ21" s="281">
        <v>0</v>
      </c>
      <c r="DK21" s="278">
        <v>0</v>
      </c>
      <c r="DL21" s="280">
        <v>0</v>
      </c>
      <c r="DM21" s="281">
        <v>0</v>
      </c>
      <c r="DN21" s="281">
        <v>0</v>
      </c>
      <c r="DO21" s="281">
        <v>0</v>
      </c>
      <c r="DP21" s="281">
        <v>0</v>
      </c>
      <c r="DQ21" s="281">
        <v>0</v>
      </c>
      <c r="DR21" s="278">
        <v>0</v>
      </c>
      <c r="DS21" s="283">
        <v>0</v>
      </c>
      <c r="DT21" s="277">
        <v>4</v>
      </c>
      <c r="DU21" s="281">
        <v>8</v>
      </c>
      <c r="DV21" s="278">
        <v>12</v>
      </c>
      <c r="DW21" s="280">
        <v>0</v>
      </c>
      <c r="DX21" s="281">
        <v>27</v>
      </c>
      <c r="DY21" s="281">
        <v>23</v>
      </c>
      <c r="DZ21" s="281">
        <v>12</v>
      </c>
      <c r="EA21" s="281">
        <v>18</v>
      </c>
      <c r="EB21" s="281">
        <v>7</v>
      </c>
      <c r="EC21" s="278">
        <v>87</v>
      </c>
      <c r="ED21" s="283">
        <v>99</v>
      </c>
      <c r="EE21" s="277">
        <v>0</v>
      </c>
      <c r="EF21" s="281">
        <v>2</v>
      </c>
      <c r="EG21" s="278">
        <v>2</v>
      </c>
      <c r="EH21" s="280">
        <v>0</v>
      </c>
      <c r="EI21" s="281">
        <v>9</v>
      </c>
      <c r="EJ21" s="281">
        <v>6</v>
      </c>
      <c r="EK21" s="281">
        <v>2</v>
      </c>
      <c r="EL21" s="281">
        <v>5</v>
      </c>
      <c r="EM21" s="281">
        <v>0</v>
      </c>
      <c r="EN21" s="278">
        <v>22</v>
      </c>
      <c r="EO21" s="283">
        <v>24</v>
      </c>
      <c r="EP21" s="277">
        <v>6</v>
      </c>
      <c r="EQ21" s="281">
        <v>10</v>
      </c>
      <c r="ER21" s="278">
        <v>16</v>
      </c>
      <c r="ES21" s="280">
        <v>0</v>
      </c>
      <c r="ET21" s="281">
        <v>50</v>
      </c>
      <c r="EU21" s="281">
        <v>40</v>
      </c>
      <c r="EV21" s="281">
        <v>16</v>
      </c>
      <c r="EW21" s="281">
        <v>16</v>
      </c>
      <c r="EX21" s="281">
        <v>5</v>
      </c>
      <c r="EY21" s="278">
        <v>127</v>
      </c>
      <c r="EZ21" s="283">
        <v>143</v>
      </c>
    </row>
    <row r="22" spans="2:156" ht="19.8" customHeight="1" x14ac:dyDescent="0.2">
      <c r="B22" s="262" t="s">
        <v>20</v>
      </c>
      <c r="C22" s="277">
        <v>0</v>
      </c>
      <c r="D22" s="281">
        <v>0</v>
      </c>
      <c r="E22" s="385">
        <v>0</v>
      </c>
      <c r="F22" s="280">
        <v>0</v>
      </c>
      <c r="G22" s="281">
        <v>19</v>
      </c>
      <c r="H22" s="281">
        <v>16</v>
      </c>
      <c r="I22" s="281">
        <v>10</v>
      </c>
      <c r="J22" s="281">
        <v>6</v>
      </c>
      <c r="K22" s="281">
        <v>0</v>
      </c>
      <c r="L22" s="282">
        <v>51</v>
      </c>
      <c r="M22" s="283">
        <v>51</v>
      </c>
      <c r="N22" s="277">
        <v>0</v>
      </c>
      <c r="O22" s="281">
        <v>0</v>
      </c>
      <c r="P22" s="278">
        <v>0</v>
      </c>
      <c r="Q22" s="280">
        <v>0</v>
      </c>
      <c r="R22" s="281">
        <v>0</v>
      </c>
      <c r="S22" s="281">
        <v>0</v>
      </c>
      <c r="T22" s="281">
        <v>2</v>
      </c>
      <c r="U22" s="281">
        <v>1</v>
      </c>
      <c r="V22" s="281">
        <v>2</v>
      </c>
      <c r="W22" s="278">
        <v>5</v>
      </c>
      <c r="X22" s="283">
        <v>5</v>
      </c>
      <c r="Y22" s="277">
        <v>4</v>
      </c>
      <c r="Z22" s="281">
        <v>6</v>
      </c>
      <c r="AA22" s="278">
        <v>10</v>
      </c>
      <c r="AB22" s="280">
        <v>0</v>
      </c>
      <c r="AC22" s="281">
        <v>23</v>
      </c>
      <c r="AD22" s="281">
        <v>17</v>
      </c>
      <c r="AE22" s="281">
        <v>10</v>
      </c>
      <c r="AF22" s="281">
        <v>5</v>
      </c>
      <c r="AG22" s="281">
        <v>1</v>
      </c>
      <c r="AH22" s="278">
        <v>56</v>
      </c>
      <c r="AI22" s="283">
        <v>66</v>
      </c>
      <c r="AJ22" s="277">
        <v>2</v>
      </c>
      <c r="AK22" s="281">
        <v>3</v>
      </c>
      <c r="AL22" s="278">
        <v>5</v>
      </c>
      <c r="AM22" s="280">
        <v>0</v>
      </c>
      <c r="AN22" s="281">
        <v>4</v>
      </c>
      <c r="AO22" s="281">
        <v>3</v>
      </c>
      <c r="AP22" s="281">
        <v>4</v>
      </c>
      <c r="AQ22" s="281">
        <v>2</v>
      </c>
      <c r="AR22" s="281">
        <v>0</v>
      </c>
      <c r="AS22" s="278">
        <v>13</v>
      </c>
      <c r="AT22" s="283">
        <v>18</v>
      </c>
      <c r="AU22" s="277">
        <v>3</v>
      </c>
      <c r="AV22" s="281">
        <v>6</v>
      </c>
      <c r="AW22" s="278">
        <v>9</v>
      </c>
      <c r="AX22" s="280">
        <v>0</v>
      </c>
      <c r="AY22" s="281">
        <v>16</v>
      </c>
      <c r="AZ22" s="281">
        <v>26</v>
      </c>
      <c r="BA22" s="281">
        <v>23</v>
      </c>
      <c r="BB22" s="281">
        <v>20</v>
      </c>
      <c r="BC22" s="281">
        <v>5</v>
      </c>
      <c r="BD22" s="282">
        <v>90</v>
      </c>
      <c r="BE22" s="283">
        <v>99</v>
      </c>
      <c r="BF22" s="277">
        <v>0</v>
      </c>
      <c r="BG22" s="281">
        <v>0</v>
      </c>
      <c r="BH22" s="278">
        <v>0</v>
      </c>
      <c r="BI22" s="280">
        <v>0</v>
      </c>
      <c r="BJ22" s="281">
        <v>21</v>
      </c>
      <c r="BK22" s="281">
        <v>20</v>
      </c>
      <c r="BL22" s="281">
        <v>10</v>
      </c>
      <c r="BM22" s="281">
        <v>5</v>
      </c>
      <c r="BN22" s="281">
        <v>0</v>
      </c>
      <c r="BO22" s="278">
        <v>56</v>
      </c>
      <c r="BP22" s="283">
        <v>56</v>
      </c>
      <c r="BQ22" s="277">
        <v>6</v>
      </c>
      <c r="BR22" s="281">
        <v>3</v>
      </c>
      <c r="BS22" s="278">
        <v>9</v>
      </c>
      <c r="BT22" s="280">
        <v>0</v>
      </c>
      <c r="BU22" s="281">
        <v>11</v>
      </c>
      <c r="BV22" s="281">
        <v>8</v>
      </c>
      <c r="BW22" s="281">
        <v>6</v>
      </c>
      <c r="BX22" s="281">
        <v>5</v>
      </c>
      <c r="BY22" s="281">
        <v>1</v>
      </c>
      <c r="BZ22" s="278">
        <v>31</v>
      </c>
      <c r="CA22" s="283">
        <v>40</v>
      </c>
      <c r="CB22" s="277">
        <v>0</v>
      </c>
      <c r="CC22" s="281">
        <v>1</v>
      </c>
      <c r="CD22" s="278">
        <v>1</v>
      </c>
      <c r="CE22" s="280">
        <v>0</v>
      </c>
      <c r="CF22" s="281">
        <v>3</v>
      </c>
      <c r="CG22" s="281">
        <v>2</v>
      </c>
      <c r="CH22" s="281">
        <v>5</v>
      </c>
      <c r="CI22" s="281">
        <v>9</v>
      </c>
      <c r="CJ22" s="281">
        <v>0</v>
      </c>
      <c r="CK22" s="278">
        <v>19</v>
      </c>
      <c r="CL22" s="283">
        <v>20</v>
      </c>
      <c r="CM22" s="277">
        <v>0</v>
      </c>
      <c r="CN22" s="281">
        <v>0</v>
      </c>
      <c r="CO22" s="278">
        <v>0</v>
      </c>
      <c r="CP22" s="280">
        <v>0</v>
      </c>
      <c r="CQ22" s="281">
        <v>0</v>
      </c>
      <c r="CR22" s="281">
        <v>0</v>
      </c>
      <c r="CS22" s="281">
        <v>1</v>
      </c>
      <c r="CT22" s="281">
        <v>2</v>
      </c>
      <c r="CU22" s="281">
        <v>0</v>
      </c>
      <c r="CV22" s="278">
        <v>3</v>
      </c>
      <c r="CW22" s="283">
        <v>3</v>
      </c>
      <c r="CX22" s="277">
        <v>0</v>
      </c>
      <c r="CY22" s="281">
        <v>0</v>
      </c>
      <c r="CZ22" s="278">
        <v>0</v>
      </c>
      <c r="DA22" s="280">
        <v>0</v>
      </c>
      <c r="DB22" s="281">
        <v>0</v>
      </c>
      <c r="DC22" s="281">
        <v>0</v>
      </c>
      <c r="DD22" s="281">
        <v>0</v>
      </c>
      <c r="DE22" s="281">
        <v>0</v>
      </c>
      <c r="DF22" s="281">
        <v>0</v>
      </c>
      <c r="DG22" s="278">
        <v>0</v>
      </c>
      <c r="DH22" s="283">
        <v>0</v>
      </c>
      <c r="DI22" s="277">
        <v>0</v>
      </c>
      <c r="DJ22" s="281">
        <v>0</v>
      </c>
      <c r="DK22" s="278">
        <v>0</v>
      </c>
      <c r="DL22" s="280">
        <v>0</v>
      </c>
      <c r="DM22" s="281">
        <v>0</v>
      </c>
      <c r="DN22" s="281">
        <v>0</v>
      </c>
      <c r="DO22" s="281">
        <v>0</v>
      </c>
      <c r="DP22" s="281">
        <v>0</v>
      </c>
      <c r="DQ22" s="281">
        <v>0</v>
      </c>
      <c r="DR22" s="278">
        <v>0</v>
      </c>
      <c r="DS22" s="283">
        <v>0</v>
      </c>
      <c r="DT22" s="277">
        <v>13</v>
      </c>
      <c r="DU22" s="281">
        <v>19</v>
      </c>
      <c r="DV22" s="278">
        <v>32</v>
      </c>
      <c r="DW22" s="280">
        <v>0</v>
      </c>
      <c r="DX22" s="281">
        <v>41</v>
      </c>
      <c r="DY22" s="281">
        <v>39</v>
      </c>
      <c r="DZ22" s="281">
        <v>26</v>
      </c>
      <c r="EA22" s="281">
        <v>18</v>
      </c>
      <c r="EB22" s="281">
        <v>2</v>
      </c>
      <c r="EC22" s="278">
        <v>126</v>
      </c>
      <c r="ED22" s="283">
        <v>158</v>
      </c>
      <c r="EE22" s="277">
        <v>2</v>
      </c>
      <c r="EF22" s="281">
        <v>4</v>
      </c>
      <c r="EG22" s="278">
        <v>6</v>
      </c>
      <c r="EH22" s="280">
        <v>0</v>
      </c>
      <c r="EI22" s="281">
        <v>5</v>
      </c>
      <c r="EJ22" s="281">
        <v>11</v>
      </c>
      <c r="EK22" s="281">
        <v>6</v>
      </c>
      <c r="EL22" s="281">
        <v>8</v>
      </c>
      <c r="EM22" s="281">
        <v>2</v>
      </c>
      <c r="EN22" s="278">
        <v>32</v>
      </c>
      <c r="EO22" s="283">
        <v>38</v>
      </c>
      <c r="EP22" s="277">
        <v>22</v>
      </c>
      <c r="EQ22" s="281">
        <v>32</v>
      </c>
      <c r="ER22" s="278">
        <v>54</v>
      </c>
      <c r="ES22" s="280">
        <v>0</v>
      </c>
      <c r="ET22" s="281">
        <v>74</v>
      </c>
      <c r="EU22" s="281">
        <v>58</v>
      </c>
      <c r="EV22" s="281">
        <v>34</v>
      </c>
      <c r="EW22" s="281">
        <v>26</v>
      </c>
      <c r="EX22" s="281">
        <v>2</v>
      </c>
      <c r="EY22" s="278">
        <v>194</v>
      </c>
      <c r="EZ22" s="283">
        <v>248</v>
      </c>
    </row>
    <row r="23" spans="2:156" ht="19.8" customHeight="1" x14ac:dyDescent="0.2">
      <c r="B23" s="262" t="s">
        <v>21</v>
      </c>
      <c r="C23" s="277">
        <v>0</v>
      </c>
      <c r="D23" s="281">
        <v>0</v>
      </c>
      <c r="E23" s="385">
        <v>0</v>
      </c>
      <c r="F23" s="280">
        <v>0</v>
      </c>
      <c r="G23" s="281">
        <v>20</v>
      </c>
      <c r="H23" s="281">
        <v>6</v>
      </c>
      <c r="I23" s="281">
        <v>6</v>
      </c>
      <c r="J23" s="281">
        <v>6</v>
      </c>
      <c r="K23" s="281">
        <v>6</v>
      </c>
      <c r="L23" s="282">
        <v>44</v>
      </c>
      <c r="M23" s="283">
        <v>44</v>
      </c>
      <c r="N23" s="277">
        <v>0</v>
      </c>
      <c r="O23" s="281">
        <v>0</v>
      </c>
      <c r="P23" s="278">
        <v>0</v>
      </c>
      <c r="Q23" s="280">
        <v>0</v>
      </c>
      <c r="R23" s="281">
        <v>0</v>
      </c>
      <c r="S23" s="281">
        <v>0</v>
      </c>
      <c r="T23" s="281">
        <v>1</v>
      </c>
      <c r="U23" s="281">
        <v>3</v>
      </c>
      <c r="V23" s="281">
        <v>5</v>
      </c>
      <c r="W23" s="278">
        <v>9</v>
      </c>
      <c r="X23" s="283">
        <v>9</v>
      </c>
      <c r="Y23" s="277">
        <v>4</v>
      </c>
      <c r="Z23" s="281">
        <v>2</v>
      </c>
      <c r="AA23" s="278">
        <v>6</v>
      </c>
      <c r="AB23" s="280">
        <v>0</v>
      </c>
      <c r="AC23" s="281">
        <v>16</v>
      </c>
      <c r="AD23" s="281">
        <v>14</v>
      </c>
      <c r="AE23" s="281">
        <v>8</v>
      </c>
      <c r="AF23" s="281">
        <v>7</v>
      </c>
      <c r="AG23" s="281">
        <v>8</v>
      </c>
      <c r="AH23" s="278">
        <v>53</v>
      </c>
      <c r="AI23" s="283">
        <v>59</v>
      </c>
      <c r="AJ23" s="277">
        <v>0</v>
      </c>
      <c r="AK23" s="281">
        <v>1</v>
      </c>
      <c r="AL23" s="278">
        <v>1</v>
      </c>
      <c r="AM23" s="280">
        <v>0</v>
      </c>
      <c r="AN23" s="281">
        <v>1</v>
      </c>
      <c r="AO23" s="281">
        <v>3</v>
      </c>
      <c r="AP23" s="281">
        <v>1</v>
      </c>
      <c r="AQ23" s="281">
        <v>1</v>
      </c>
      <c r="AR23" s="281">
        <v>0</v>
      </c>
      <c r="AS23" s="278">
        <v>6</v>
      </c>
      <c r="AT23" s="283">
        <v>7</v>
      </c>
      <c r="AU23" s="277">
        <v>4</v>
      </c>
      <c r="AV23" s="281">
        <v>1</v>
      </c>
      <c r="AW23" s="278">
        <v>5</v>
      </c>
      <c r="AX23" s="280">
        <v>0</v>
      </c>
      <c r="AY23" s="281">
        <v>18</v>
      </c>
      <c r="AZ23" s="281">
        <v>17</v>
      </c>
      <c r="BA23" s="281">
        <v>17</v>
      </c>
      <c r="BB23" s="281">
        <v>18</v>
      </c>
      <c r="BC23" s="281">
        <v>13</v>
      </c>
      <c r="BD23" s="282">
        <v>83</v>
      </c>
      <c r="BE23" s="283">
        <v>88</v>
      </c>
      <c r="BF23" s="277">
        <v>0</v>
      </c>
      <c r="BG23" s="281">
        <v>0</v>
      </c>
      <c r="BH23" s="278">
        <v>0</v>
      </c>
      <c r="BI23" s="280">
        <v>0</v>
      </c>
      <c r="BJ23" s="281">
        <v>17</v>
      </c>
      <c r="BK23" s="281">
        <v>19</v>
      </c>
      <c r="BL23" s="281">
        <v>12</v>
      </c>
      <c r="BM23" s="281">
        <v>2</v>
      </c>
      <c r="BN23" s="281">
        <v>5</v>
      </c>
      <c r="BO23" s="278">
        <v>55</v>
      </c>
      <c r="BP23" s="283">
        <v>55</v>
      </c>
      <c r="BQ23" s="277">
        <v>1</v>
      </c>
      <c r="BR23" s="281">
        <v>2</v>
      </c>
      <c r="BS23" s="278">
        <v>3</v>
      </c>
      <c r="BT23" s="280">
        <v>0</v>
      </c>
      <c r="BU23" s="281">
        <v>5</v>
      </c>
      <c r="BV23" s="281">
        <v>9</v>
      </c>
      <c r="BW23" s="281">
        <v>4</v>
      </c>
      <c r="BX23" s="281">
        <v>1</v>
      </c>
      <c r="BY23" s="281">
        <v>0</v>
      </c>
      <c r="BZ23" s="278">
        <v>19</v>
      </c>
      <c r="CA23" s="283">
        <v>22</v>
      </c>
      <c r="CB23" s="277">
        <v>1</v>
      </c>
      <c r="CC23" s="281">
        <v>0</v>
      </c>
      <c r="CD23" s="278">
        <v>1</v>
      </c>
      <c r="CE23" s="280">
        <v>0</v>
      </c>
      <c r="CF23" s="281">
        <v>4</v>
      </c>
      <c r="CG23" s="281">
        <v>3</v>
      </c>
      <c r="CH23" s="281">
        <v>8</v>
      </c>
      <c r="CI23" s="281">
        <v>4</v>
      </c>
      <c r="CJ23" s="281">
        <v>6</v>
      </c>
      <c r="CK23" s="278">
        <v>25</v>
      </c>
      <c r="CL23" s="283">
        <v>26</v>
      </c>
      <c r="CM23" s="277">
        <v>0</v>
      </c>
      <c r="CN23" s="281">
        <v>0</v>
      </c>
      <c r="CO23" s="278">
        <v>0</v>
      </c>
      <c r="CP23" s="280">
        <v>0</v>
      </c>
      <c r="CQ23" s="281">
        <v>0</v>
      </c>
      <c r="CR23" s="281">
        <v>1</v>
      </c>
      <c r="CS23" s="281">
        <v>0</v>
      </c>
      <c r="CT23" s="281">
        <v>0</v>
      </c>
      <c r="CU23" s="281">
        <v>0</v>
      </c>
      <c r="CV23" s="278">
        <v>1</v>
      </c>
      <c r="CW23" s="283">
        <v>1</v>
      </c>
      <c r="CX23" s="277">
        <v>0</v>
      </c>
      <c r="CY23" s="281">
        <v>0</v>
      </c>
      <c r="CZ23" s="278">
        <v>0</v>
      </c>
      <c r="DA23" s="280">
        <v>0</v>
      </c>
      <c r="DB23" s="281">
        <v>0</v>
      </c>
      <c r="DC23" s="281">
        <v>0</v>
      </c>
      <c r="DD23" s="281">
        <v>0</v>
      </c>
      <c r="DE23" s="281">
        <v>0</v>
      </c>
      <c r="DF23" s="281">
        <v>0</v>
      </c>
      <c r="DG23" s="278">
        <v>0</v>
      </c>
      <c r="DH23" s="283">
        <v>0</v>
      </c>
      <c r="DI23" s="277">
        <v>0</v>
      </c>
      <c r="DJ23" s="281">
        <v>0</v>
      </c>
      <c r="DK23" s="278">
        <v>0</v>
      </c>
      <c r="DL23" s="280">
        <v>0</v>
      </c>
      <c r="DM23" s="281">
        <v>0</v>
      </c>
      <c r="DN23" s="281">
        <v>0</v>
      </c>
      <c r="DO23" s="281">
        <v>0</v>
      </c>
      <c r="DP23" s="281">
        <v>0</v>
      </c>
      <c r="DQ23" s="281">
        <v>0</v>
      </c>
      <c r="DR23" s="278">
        <v>0</v>
      </c>
      <c r="DS23" s="283">
        <v>0</v>
      </c>
      <c r="DT23" s="277">
        <v>5</v>
      </c>
      <c r="DU23" s="281">
        <v>13</v>
      </c>
      <c r="DV23" s="278">
        <v>18</v>
      </c>
      <c r="DW23" s="280">
        <v>0</v>
      </c>
      <c r="DX23" s="281">
        <v>23</v>
      </c>
      <c r="DY23" s="281">
        <v>38</v>
      </c>
      <c r="DZ23" s="281">
        <v>23</v>
      </c>
      <c r="EA23" s="281">
        <v>18</v>
      </c>
      <c r="EB23" s="281">
        <v>8</v>
      </c>
      <c r="EC23" s="278">
        <v>110</v>
      </c>
      <c r="ED23" s="283">
        <v>128</v>
      </c>
      <c r="EE23" s="277">
        <v>2</v>
      </c>
      <c r="EF23" s="281">
        <v>1</v>
      </c>
      <c r="EG23" s="278">
        <v>3</v>
      </c>
      <c r="EH23" s="280">
        <v>0</v>
      </c>
      <c r="EI23" s="281">
        <v>9</v>
      </c>
      <c r="EJ23" s="281">
        <v>4</v>
      </c>
      <c r="EK23" s="281">
        <v>6</v>
      </c>
      <c r="EL23" s="281">
        <v>2</v>
      </c>
      <c r="EM23" s="281">
        <v>4</v>
      </c>
      <c r="EN23" s="278">
        <v>25</v>
      </c>
      <c r="EO23" s="283">
        <v>28</v>
      </c>
      <c r="EP23" s="277">
        <v>9</v>
      </c>
      <c r="EQ23" s="281">
        <v>14</v>
      </c>
      <c r="ER23" s="278">
        <v>23</v>
      </c>
      <c r="ES23" s="280">
        <v>0</v>
      </c>
      <c r="ET23" s="281">
        <v>49</v>
      </c>
      <c r="EU23" s="281">
        <v>52</v>
      </c>
      <c r="EV23" s="281">
        <v>30</v>
      </c>
      <c r="EW23" s="281">
        <v>19</v>
      </c>
      <c r="EX23" s="281">
        <v>12</v>
      </c>
      <c r="EY23" s="278">
        <v>162</v>
      </c>
      <c r="EZ23" s="283">
        <v>185</v>
      </c>
    </row>
    <row r="24" spans="2:156" ht="19.8" customHeight="1" x14ac:dyDescent="0.2">
      <c r="B24" s="262" t="s">
        <v>22</v>
      </c>
      <c r="C24" s="277">
        <v>0</v>
      </c>
      <c r="D24" s="281">
        <v>0</v>
      </c>
      <c r="E24" s="385">
        <v>0</v>
      </c>
      <c r="F24" s="280">
        <v>0</v>
      </c>
      <c r="G24" s="281">
        <v>5</v>
      </c>
      <c r="H24" s="281">
        <v>9</v>
      </c>
      <c r="I24" s="281">
        <v>2</v>
      </c>
      <c r="J24" s="281">
        <v>4</v>
      </c>
      <c r="K24" s="281">
        <v>4</v>
      </c>
      <c r="L24" s="282">
        <v>24</v>
      </c>
      <c r="M24" s="283">
        <v>24</v>
      </c>
      <c r="N24" s="277">
        <v>0</v>
      </c>
      <c r="O24" s="281">
        <v>0</v>
      </c>
      <c r="P24" s="278">
        <v>0</v>
      </c>
      <c r="Q24" s="280">
        <v>0</v>
      </c>
      <c r="R24" s="281">
        <v>0</v>
      </c>
      <c r="S24" s="281">
        <v>0</v>
      </c>
      <c r="T24" s="281">
        <v>1</v>
      </c>
      <c r="U24" s="281">
        <v>1</v>
      </c>
      <c r="V24" s="281">
        <v>1</v>
      </c>
      <c r="W24" s="278">
        <v>3</v>
      </c>
      <c r="X24" s="283">
        <v>3</v>
      </c>
      <c r="Y24" s="277">
        <v>0</v>
      </c>
      <c r="Z24" s="281">
        <v>0</v>
      </c>
      <c r="AA24" s="278">
        <v>0</v>
      </c>
      <c r="AB24" s="280">
        <v>0</v>
      </c>
      <c r="AC24" s="281">
        <v>3</v>
      </c>
      <c r="AD24" s="281">
        <v>3</v>
      </c>
      <c r="AE24" s="281">
        <v>3</v>
      </c>
      <c r="AF24" s="281">
        <v>3</v>
      </c>
      <c r="AG24" s="281">
        <v>2</v>
      </c>
      <c r="AH24" s="278">
        <v>14</v>
      </c>
      <c r="AI24" s="283">
        <v>14</v>
      </c>
      <c r="AJ24" s="277">
        <v>0</v>
      </c>
      <c r="AK24" s="281">
        <v>0</v>
      </c>
      <c r="AL24" s="278">
        <v>0</v>
      </c>
      <c r="AM24" s="280">
        <v>0</v>
      </c>
      <c r="AN24" s="281">
        <v>1</v>
      </c>
      <c r="AO24" s="281">
        <v>1</v>
      </c>
      <c r="AP24" s="281">
        <v>0</v>
      </c>
      <c r="AQ24" s="281">
        <v>1</v>
      </c>
      <c r="AR24" s="281">
        <v>1</v>
      </c>
      <c r="AS24" s="278">
        <v>4</v>
      </c>
      <c r="AT24" s="283">
        <v>4</v>
      </c>
      <c r="AU24" s="277">
        <v>0</v>
      </c>
      <c r="AV24" s="281">
        <v>0</v>
      </c>
      <c r="AW24" s="278">
        <v>0</v>
      </c>
      <c r="AX24" s="280">
        <v>0</v>
      </c>
      <c r="AY24" s="281">
        <v>4</v>
      </c>
      <c r="AZ24" s="281">
        <v>8</v>
      </c>
      <c r="BA24" s="281">
        <v>4</v>
      </c>
      <c r="BB24" s="281">
        <v>4</v>
      </c>
      <c r="BC24" s="281">
        <v>3</v>
      </c>
      <c r="BD24" s="282">
        <v>23</v>
      </c>
      <c r="BE24" s="283">
        <v>23</v>
      </c>
      <c r="BF24" s="277">
        <v>0</v>
      </c>
      <c r="BG24" s="281">
        <v>0</v>
      </c>
      <c r="BH24" s="278">
        <v>0</v>
      </c>
      <c r="BI24" s="280">
        <v>0</v>
      </c>
      <c r="BJ24" s="281">
        <v>8</v>
      </c>
      <c r="BK24" s="281">
        <v>13</v>
      </c>
      <c r="BL24" s="281">
        <v>5</v>
      </c>
      <c r="BM24" s="281">
        <v>2</v>
      </c>
      <c r="BN24" s="281">
        <v>4</v>
      </c>
      <c r="BO24" s="278">
        <v>32</v>
      </c>
      <c r="BP24" s="283">
        <v>32</v>
      </c>
      <c r="BQ24" s="277">
        <v>0</v>
      </c>
      <c r="BR24" s="281">
        <v>0</v>
      </c>
      <c r="BS24" s="278">
        <v>0</v>
      </c>
      <c r="BT24" s="280">
        <v>0</v>
      </c>
      <c r="BU24" s="281">
        <v>4</v>
      </c>
      <c r="BV24" s="281">
        <v>2</v>
      </c>
      <c r="BW24" s="281">
        <v>1</v>
      </c>
      <c r="BX24" s="281">
        <v>1</v>
      </c>
      <c r="BY24" s="281">
        <v>2</v>
      </c>
      <c r="BZ24" s="278">
        <v>10</v>
      </c>
      <c r="CA24" s="283">
        <v>10</v>
      </c>
      <c r="CB24" s="277">
        <v>0</v>
      </c>
      <c r="CC24" s="281">
        <v>0</v>
      </c>
      <c r="CD24" s="278">
        <v>0</v>
      </c>
      <c r="CE24" s="280">
        <v>0</v>
      </c>
      <c r="CF24" s="281">
        <v>1</v>
      </c>
      <c r="CG24" s="281">
        <v>0</v>
      </c>
      <c r="CH24" s="281">
        <v>4</v>
      </c>
      <c r="CI24" s="281">
        <v>3</v>
      </c>
      <c r="CJ24" s="281">
        <v>0</v>
      </c>
      <c r="CK24" s="278">
        <v>8</v>
      </c>
      <c r="CL24" s="283">
        <v>8</v>
      </c>
      <c r="CM24" s="277">
        <v>0</v>
      </c>
      <c r="CN24" s="281">
        <v>0</v>
      </c>
      <c r="CO24" s="278">
        <v>0</v>
      </c>
      <c r="CP24" s="280">
        <v>0</v>
      </c>
      <c r="CQ24" s="281">
        <v>1</v>
      </c>
      <c r="CR24" s="281">
        <v>1</v>
      </c>
      <c r="CS24" s="281">
        <v>1</v>
      </c>
      <c r="CT24" s="281">
        <v>0</v>
      </c>
      <c r="CU24" s="281">
        <v>0</v>
      </c>
      <c r="CV24" s="278">
        <v>3</v>
      </c>
      <c r="CW24" s="283">
        <v>3</v>
      </c>
      <c r="CX24" s="277">
        <v>0</v>
      </c>
      <c r="CY24" s="281">
        <v>0</v>
      </c>
      <c r="CZ24" s="278">
        <v>0</v>
      </c>
      <c r="DA24" s="280">
        <v>0</v>
      </c>
      <c r="DB24" s="281">
        <v>0</v>
      </c>
      <c r="DC24" s="281">
        <v>0</v>
      </c>
      <c r="DD24" s="281">
        <v>0</v>
      </c>
      <c r="DE24" s="281">
        <v>0</v>
      </c>
      <c r="DF24" s="281">
        <v>0</v>
      </c>
      <c r="DG24" s="278">
        <v>0</v>
      </c>
      <c r="DH24" s="283">
        <v>0</v>
      </c>
      <c r="DI24" s="277">
        <v>0</v>
      </c>
      <c r="DJ24" s="281">
        <v>0</v>
      </c>
      <c r="DK24" s="278">
        <v>0</v>
      </c>
      <c r="DL24" s="280">
        <v>0</v>
      </c>
      <c r="DM24" s="281">
        <v>0</v>
      </c>
      <c r="DN24" s="281">
        <v>0</v>
      </c>
      <c r="DO24" s="281">
        <v>0</v>
      </c>
      <c r="DP24" s="281">
        <v>0</v>
      </c>
      <c r="DQ24" s="281">
        <v>0</v>
      </c>
      <c r="DR24" s="278">
        <v>0</v>
      </c>
      <c r="DS24" s="283">
        <v>0</v>
      </c>
      <c r="DT24" s="277">
        <v>2</v>
      </c>
      <c r="DU24" s="281">
        <v>8</v>
      </c>
      <c r="DV24" s="278">
        <v>10</v>
      </c>
      <c r="DW24" s="280">
        <v>0</v>
      </c>
      <c r="DX24" s="281">
        <v>16</v>
      </c>
      <c r="DY24" s="281">
        <v>19</v>
      </c>
      <c r="DZ24" s="281">
        <v>10</v>
      </c>
      <c r="EA24" s="281">
        <v>9</v>
      </c>
      <c r="EB24" s="281">
        <v>9</v>
      </c>
      <c r="EC24" s="278">
        <v>63</v>
      </c>
      <c r="ED24" s="283">
        <v>73</v>
      </c>
      <c r="EE24" s="277">
        <v>0</v>
      </c>
      <c r="EF24" s="281">
        <v>1</v>
      </c>
      <c r="EG24" s="278">
        <v>1</v>
      </c>
      <c r="EH24" s="280">
        <v>0</v>
      </c>
      <c r="EI24" s="281">
        <v>2</v>
      </c>
      <c r="EJ24" s="281">
        <v>2</v>
      </c>
      <c r="EK24" s="281">
        <v>1</v>
      </c>
      <c r="EL24" s="281">
        <v>2</v>
      </c>
      <c r="EM24" s="281">
        <v>1</v>
      </c>
      <c r="EN24" s="278">
        <v>8</v>
      </c>
      <c r="EO24" s="283">
        <v>9</v>
      </c>
      <c r="EP24" s="277">
        <v>2</v>
      </c>
      <c r="EQ24" s="281">
        <v>9</v>
      </c>
      <c r="ER24" s="278">
        <v>11</v>
      </c>
      <c r="ES24" s="280">
        <v>0</v>
      </c>
      <c r="ET24" s="281">
        <v>30</v>
      </c>
      <c r="EU24" s="281">
        <v>26</v>
      </c>
      <c r="EV24" s="281">
        <v>12</v>
      </c>
      <c r="EW24" s="281">
        <v>9</v>
      </c>
      <c r="EX24" s="281">
        <v>9</v>
      </c>
      <c r="EY24" s="278">
        <v>86</v>
      </c>
      <c r="EZ24" s="283">
        <v>97</v>
      </c>
    </row>
    <row r="25" spans="2:156" ht="19.8" customHeight="1" x14ac:dyDescent="0.2">
      <c r="B25" s="262" t="s">
        <v>23</v>
      </c>
      <c r="C25" s="277">
        <v>0</v>
      </c>
      <c r="D25" s="281">
        <v>0</v>
      </c>
      <c r="E25" s="385">
        <v>0</v>
      </c>
      <c r="F25" s="280">
        <v>0</v>
      </c>
      <c r="G25" s="281">
        <v>6</v>
      </c>
      <c r="H25" s="281">
        <v>7</v>
      </c>
      <c r="I25" s="281">
        <v>5</v>
      </c>
      <c r="J25" s="281">
        <v>3</v>
      </c>
      <c r="K25" s="281">
        <v>1</v>
      </c>
      <c r="L25" s="282">
        <v>22</v>
      </c>
      <c r="M25" s="283">
        <v>22</v>
      </c>
      <c r="N25" s="277">
        <v>0</v>
      </c>
      <c r="O25" s="281">
        <v>0</v>
      </c>
      <c r="P25" s="278">
        <v>0</v>
      </c>
      <c r="Q25" s="280">
        <v>0</v>
      </c>
      <c r="R25" s="281">
        <v>0</v>
      </c>
      <c r="S25" s="281">
        <v>0</v>
      </c>
      <c r="T25" s="281">
        <v>0</v>
      </c>
      <c r="U25" s="281">
        <v>1</v>
      </c>
      <c r="V25" s="281">
        <v>0</v>
      </c>
      <c r="W25" s="278">
        <v>1</v>
      </c>
      <c r="X25" s="283">
        <v>1</v>
      </c>
      <c r="Y25" s="277">
        <v>3</v>
      </c>
      <c r="Z25" s="281">
        <v>3</v>
      </c>
      <c r="AA25" s="278">
        <v>6</v>
      </c>
      <c r="AB25" s="280">
        <v>0</v>
      </c>
      <c r="AC25" s="281">
        <v>5</v>
      </c>
      <c r="AD25" s="281">
        <v>9</v>
      </c>
      <c r="AE25" s="281">
        <v>3</v>
      </c>
      <c r="AF25" s="281">
        <v>4</v>
      </c>
      <c r="AG25" s="281">
        <v>1</v>
      </c>
      <c r="AH25" s="278">
        <v>22</v>
      </c>
      <c r="AI25" s="283">
        <v>28</v>
      </c>
      <c r="AJ25" s="277">
        <v>0</v>
      </c>
      <c r="AK25" s="281">
        <v>0</v>
      </c>
      <c r="AL25" s="278">
        <v>0</v>
      </c>
      <c r="AM25" s="280">
        <v>0</v>
      </c>
      <c r="AN25" s="281">
        <v>0</v>
      </c>
      <c r="AO25" s="281">
        <v>1</v>
      </c>
      <c r="AP25" s="281">
        <v>0</v>
      </c>
      <c r="AQ25" s="281">
        <v>0</v>
      </c>
      <c r="AR25" s="281">
        <v>0</v>
      </c>
      <c r="AS25" s="278">
        <v>1</v>
      </c>
      <c r="AT25" s="283">
        <v>1</v>
      </c>
      <c r="AU25" s="277">
        <v>3</v>
      </c>
      <c r="AV25" s="281">
        <v>2</v>
      </c>
      <c r="AW25" s="278">
        <v>5</v>
      </c>
      <c r="AX25" s="280">
        <v>0</v>
      </c>
      <c r="AY25" s="281">
        <v>10</v>
      </c>
      <c r="AZ25" s="281">
        <v>7</v>
      </c>
      <c r="BA25" s="281">
        <v>10</v>
      </c>
      <c r="BB25" s="281">
        <v>9</v>
      </c>
      <c r="BC25" s="281">
        <v>5</v>
      </c>
      <c r="BD25" s="282">
        <v>41</v>
      </c>
      <c r="BE25" s="283">
        <v>46</v>
      </c>
      <c r="BF25" s="277">
        <v>0</v>
      </c>
      <c r="BG25" s="281">
        <v>0</v>
      </c>
      <c r="BH25" s="278">
        <v>0</v>
      </c>
      <c r="BI25" s="280">
        <v>0</v>
      </c>
      <c r="BJ25" s="281">
        <v>13</v>
      </c>
      <c r="BK25" s="281">
        <v>14</v>
      </c>
      <c r="BL25" s="281">
        <v>9</v>
      </c>
      <c r="BM25" s="281">
        <v>4</v>
      </c>
      <c r="BN25" s="281">
        <v>1</v>
      </c>
      <c r="BO25" s="278">
        <v>41</v>
      </c>
      <c r="BP25" s="283">
        <v>41</v>
      </c>
      <c r="BQ25" s="277">
        <v>0</v>
      </c>
      <c r="BR25" s="281">
        <v>0</v>
      </c>
      <c r="BS25" s="278">
        <v>0</v>
      </c>
      <c r="BT25" s="280">
        <v>0</v>
      </c>
      <c r="BU25" s="281">
        <v>4</v>
      </c>
      <c r="BV25" s="281">
        <v>3</v>
      </c>
      <c r="BW25" s="281">
        <v>1</v>
      </c>
      <c r="BX25" s="281">
        <v>1</v>
      </c>
      <c r="BY25" s="281">
        <v>0</v>
      </c>
      <c r="BZ25" s="278">
        <v>9</v>
      </c>
      <c r="CA25" s="283">
        <v>9</v>
      </c>
      <c r="CB25" s="277">
        <v>0</v>
      </c>
      <c r="CC25" s="281">
        <v>0</v>
      </c>
      <c r="CD25" s="278">
        <v>0</v>
      </c>
      <c r="CE25" s="280">
        <v>0</v>
      </c>
      <c r="CF25" s="281">
        <v>0</v>
      </c>
      <c r="CG25" s="281">
        <v>2</v>
      </c>
      <c r="CH25" s="281">
        <v>3</v>
      </c>
      <c r="CI25" s="281">
        <v>2</v>
      </c>
      <c r="CJ25" s="281">
        <v>0</v>
      </c>
      <c r="CK25" s="278">
        <v>7</v>
      </c>
      <c r="CL25" s="283">
        <v>7</v>
      </c>
      <c r="CM25" s="277">
        <v>0</v>
      </c>
      <c r="CN25" s="281">
        <v>0</v>
      </c>
      <c r="CO25" s="278">
        <v>0</v>
      </c>
      <c r="CP25" s="280">
        <v>0</v>
      </c>
      <c r="CQ25" s="281">
        <v>1</v>
      </c>
      <c r="CR25" s="281">
        <v>0</v>
      </c>
      <c r="CS25" s="281">
        <v>0</v>
      </c>
      <c r="CT25" s="281">
        <v>0</v>
      </c>
      <c r="CU25" s="281">
        <v>0</v>
      </c>
      <c r="CV25" s="278">
        <v>1</v>
      </c>
      <c r="CW25" s="283">
        <v>1</v>
      </c>
      <c r="CX25" s="277">
        <v>0</v>
      </c>
      <c r="CY25" s="281">
        <v>0</v>
      </c>
      <c r="CZ25" s="278">
        <v>0</v>
      </c>
      <c r="DA25" s="280">
        <v>0</v>
      </c>
      <c r="DB25" s="281">
        <v>0</v>
      </c>
      <c r="DC25" s="281">
        <v>0</v>
      </c>
      <c r="DD25" s="281">
        <v>0</v>
      </c>
      <c r="DE25" s="281">
        <v>0</v>
      </c>
      <c r="DF25" s="281">
        <v>0</v>
      </c>
      <c r="DG25" s="278">
        <v>0</v>
      </c>
      <c r="DH25" s="283">
        <v>0</v>
      </c>
      <c r="DI25" s="277">
        <v>0</v>
      </c>
      <c r="DJ25" s="281">
        <v>0</v>
      </c>
      <c r="DK25" s="278">
        <v>0</v>
      </c>
      <c r="DL25" s="280">
        <v>0</v>
      </c>
      <c r="DM25" s="281">
        <v>0</v>
      </c>
      <c r="DN25" s="281">
        <v>0</v>
      </c>
      <c r="DO25" s="281">
        <v>0</v>
      </c>
      <c r="DP25" s="281">
        <v>0</v>
      </c>
      <c r="DQ25" s="281">
        <v>0</v>
      </c>
      <c r="DR25" s="278">
        <v>0</v>
      </c>
      <c r="DS25" s="283">
        <v>0</v>
      </c>
      <c r="DT25" s="277">
        <v>4</v>
      </c>
      <c r="DU25" s="281">
        <v>5</v>
      </c>
      <c r="DV25" s="278">
        <v>9</v>
      </c>
      <c r="DW25" s="280">
        <v>0</v>
      </c>
      <c r="DX25" s="281">
        <v>8</v>
      </c>
      <c r="DY25" s="281">
        <v>23</v>
      </c>
      <c r="DZ25" s="281">
        <v>8</v>
      </c>
      <c r="EA25" s="281">
        <v>7</v>
      </c>
      <c r="EB25" s="281">
        <v>2</v>
      </c>
      <c r="EC25" s="278">
        <v>48</v>
      </c>
      <c r="ED25" s="283">
        <v>57</v>
      </c>
      <c r="EE25" s="277">
        <v>1</v>
      </c>
      <c r="EF25" s="281">
        <v>2</v>
      </c>
      <c r="EG25" s="278">
        <v>3</v>
      </c>
      <c r="EH25" s="280">
        <v>0</v>
      </c>
      <c r="EI25" s="281">
        <v>6</v>
      </c>
      <c r="EJ25" s="281">
        <v>1</v>
      </c>
      <c r="EK25" s="281">
        <v>4</v>
      </c>
      <c r="EL25" s="281">
        <v>2</v>
      </c>
      <c r="EM25" s="281">
        <v>3</v>
      </c>
      <c r="EN25" s="278">
        <v>16</v>
      </c>
      <c r="EO25" s="283">
        <v>19</v>
      </c>
      <c r="EP25" s="277">
        <v>7</v>
      </c>
      <c r="EQ25" s="281">
        <v>8</v>
      </c>
      <c r="ER25" s="278">
        <v>15</v>
      </c>
      <c r="ES25" s="280">
        <v>0</v>
      </c>
      <c r="ET25" s="281">
        <v>26</v>
      </c>
      <c r="EU25" s="281">
        <v>26</v>
      </c>
      <c r="EV25" s="281">
        <v>13</v>
      </c>
      <c r="EW25" s="281">
        <v>10</v>
      </c>
      <c r="EX25" s="281">
        <v>2</v>
      </c>
      <c r="EY25" s="278">
        <v>77</v>
      </c>
      <c r="EZ25" s="283">
        <v>92</v>
      </c>
    </row>
    <row r="26" spans="2:156" ht="19.8" customHeight="1" x14ac:dyDescent="0.2">
      <c r="B26" s="262" t="s">
        <v>24</v>
      </c>
      <c r="C26" s="277">
        <v>0</v>
      </c>
      <c r="D26" s="281">
        <v>0</v>
      </c>
      <c r="E26" s="385">
        <v>0</v>
      </c>
      <c r="F26" s="280">
        <v>0</v>
      </c>
      <c r="G26" s="281">
        <v>12</v>
      </c>
      <c r="H26" s="281">
        <v>7</v>
      </c>
      <c r="I26" s="281">
        <v>2</v>
      </c>
      <c r="J26" s="281">
        <v>4</v>
      </c>
      <c r="K26" s="281">
        <v>2</v>
      </c>
      <c r="L26" s="282">
        <v>27</v>
      </c>
      <c r="M26" s="283">
        <v>27</v>
      </c>
      <c r="N26" s="277">
        <v>0</v>
      </c>
      <c r="O26" s="281">
        <v>0</v>
      </c>
      <c r="P26" s="278">
        <v>0</v>
      </c>
      <c r="Q26" s="280">
        <v>0</v>
      </c>
      <c r="R26" s="281">
        <v>0</v>
      </c>
      <c r="S26" s="281">
        <v>0</v>
      </c>
      <c r="T26" s="281">
        <v>0</v>
      </c>
      <c r="U26" s="281">
        <v>1</v>
      </c>
      <c r="V26" s="281">
        <v>2</v>
      </c>
      <c r="W26" s="278">
        <v>3</v>
      </c>
      <c r="X26" s="283">
        <v>3</v>
      </c>
      <c r="Y26" s="277">
        <v>2</v>
      </c>
      <c r="Z26" s="281">
        <v>1</v>
      </c>
      <c r="AA26" s="278">
        <v>3</v>
      </c>
      <c r="AB26" s="280">
        <v>0</v>
      </c>
      <c r="AC26" s="281">
        <v>10</v>
      </c>
      <c r="AD26" s="281">
        <v>6</v>
      </c>
      <c r="AE26" s="281">
        <v>6</v>
      </c>
      <c r="AF26" s="281">
        <v>5</v>
      </c>
      <c r="AG26" s="281">
        <v>4</v>
      </c>
      <c r="AH26" s="278">
        <v>31</v>
      </c>
      <c r="AI26" s="283">
        <v>34</v>
      </c>
      <c r="AJ26" s="277">
        <v>0</v>
      </c>
      <c r="AK26" s="281">
        <v>1</v>
      </c>
      <c r="AL26" s="278">
        <v>1</v>
      </c>
      <c r="AM26" s="280">
        <v>0</v>
      </c>
      <c r="AN26" s="281">
        <v>2</v>
      </c>
      <c r="AO26" s="281">
        <v>0</v>
      </c>
      <c r="AP26" s="281">
        <v>0</v>
      </c>
      <c r="AQ26" s="281">
        <v>2</v>
      </c>
      <c r="AR26" s="281">
        <v>0</v>
      </c>
      <c r="AS26" s="278">
        <v>4</v>
      </c>
      <c r="AT26" s="283">
        <v>5</v>
      </c>
      <c r="AU26" s="277">
        <v>2</v>
      </c>
      <c r="AV26" s="281">
        <v>2</v>
      </c>
      <c r="AW26" s="278">
        <v>4</v>
      </c>
      <c r="AX26" s="280">
        <v>0</v>
      </c>
      <c r="AY26" s="281">
        <v>15</v>
      </c>
      <c r="AZ26" s="281">
        <v>7</v>
      </c>
      <c r="BA26" s="281">
        <v>9</v>
      </c>
      <c r="BB26" s="281">
        <v>6</v>
      </c>
      <c r="BC26" s="281">
        <v>7</v>
      </c>
      <c r="BD26" s="282">
        <v>44</v>
      </c>
      <c r="BE26" s="283">
        <v>48</v>
      </c>
      <c r="BF26" s="277">
        <v>0</v>
      </c>
      <c r="BG26" s="281">
        <v>0</v>
      </c>
      <c r="BH26" s="278">
        <v>0</v>
      </c>
      <c r="BI26" s="280">
        <v>0</v>
      </c>
      <c r="BJ26" s="281">
        <v>14</v>
      </c>
      <c r="BK26" s="281">
        <v>8</v>
      </c>
      <c r="BL26" s="281">
        <v>5</v>
      </c>
      <c r="BM26" s="281">
        <v>3</v>
      </c>
      <c r="BN26" s="281">
        <v>0</v>
      </c>
      <c r="BO26" s="278">
        <v>30</v>
      </c>
      <c r="BP26" s="283">
        <v>30</v>
      </c>
      <c r="BQ26" s="277">
        <v>3</v>
      </c>
      <c r="BR26" s="281">
        <v>3</v>
      </c>
      <c r="BS26" s="278">
        <v>6</v>
      </c>
      <c r="BT26" s="280">
        <v>0</v>
      </c>
      <c r="BU26" s="281">
        <v>3</v>
      </c>
      <c r="BV26" s="281">
        <v>4</v>
      </c>
      <c r="BW26" s="281">
        <v>1</v>
      </c>
      <c r="BX26" s="281">
        <v>0</v>
      </c>
      <c r="BY26" s="281">
        <v>0</v>
      </c>
      <c r="BZ26" s="278">
        <v>8</v>
      </c>
      <c r="CA26" s="283">
        <v>14</v>
      </c>
      <c r="CB26" s="277">
        <v>0</v>
      </c>
      <c r="CC26" s="281">
        <v>0</v>
      </c>
      <c r="CD26" s="278">
        <v>0</v>
      </c>
      <c r="CE26" s="280">
        <v>0</v>
      </c>
      <c r="CF26" s="281">
        <v>1</v>
      </c>
      <c r="CG26" s="281">
        <v>0</v>
      </c>
      <c r="CH26" s="281">
        <v>2</v>
      </c>
      <c r="CI26" s="281">
        <v>2</v>
      </c>
      <c r="CJ26" s="281">
        <v>1</v>
      </c>
      <c r="CK26" s="278">
        <v>6</v>
      </c>
      <c r="CL26" s="283">
        <v>6</v>
      </c>
      <c r="CM26" s="277">
        <v>0</v>
      </c>
      <c r="CN26" s="281">
        <v>0</v>
      </c>
      <c r="CO26" s="278">
        <v>0</v>
      </c>
      <c r="CP26" s="280">
        <v>0</v>
      </c>
      <c r="CQ26" s="281">
        <v>0</v>
      </c>
      <c r="CR26" s="281">
        <v>1</v>
      </c>
      <c r="CS26" s="281">
        <v>0</v>
      </c>
      <c r="CT26" s="281">
        <v>0</v>
      </c>
      <c r="CU26" s="281">
        <v>0</v>
      </c>
      <c r="CV26" s="278">
        <v>1</v>
      </c>
      <c r="CW26" s="283">
        <v>1</v>
      </c>
      <c r="CX26" s="277">
        <v>0</v>
      </c>
      <c r="CY26" s="281">
        <v>0</v>
      </c>
      <c r="CZ26" s="278">
        <v>0</v>
      </c>
      <c r="DA26" s="280">
        <v>0</v>
      </c>
      <c r="DB26" s="281">
        <v>0</v>
      </c>
      <c r="DC26" s="281">
        <v>0</v>
      </c>
      <c r="DD26" s="281">
        <v>0</v>
      </c>
      <c r="DE26" s="281">
        <v>0</v>
      </c>
      <c r="DF26" s="281">
        <v>0</v>
      </c>
      <c r="DG26" s="278">
        <v>0</v>
      </c>
      <c r="DH26" s="283">
        <v>0</v>
      </c>
      <c r="DI26" s="277">
        <v>0</v>
      </c>
      <c r="DJ26" s="281">
        <v>0</v>
      </c>
      <c r="DK26" s="278">
        <v>0</v>
      </c>
      <c r="DL26" s="280">
        <v>0</v>
      </c>
      <c r="DM26" s="281">
        <v>0</v>
      </c>
      <c r="DN26" s="281">
        <v>0</v>
      </c>
      <c r="DO26" s="281">
        <v>0</v>
      </c>
      <c r="DP26" s="281">
        <v>0</v>
      </c>
      <c r="DQ26" s="281">
        <v>0</v>
      </c>
      <c r="DR26" s="278">
        <v>0</v>
      </c>
      <c r="DS26" s="283">
        <v>0</v>
      </c>
      <c r="DT26" s="277">
        <v>15</v>
      </c>
      <c r="DU26" s="281">
        <v>6</v>
      </c>
      <c r="DV26" s="278">
        <v>21</v>
      </c>
      <c r="DW26" s="280">
        <v>0</v>
      </c>
      <c r="DX26" s="281">
        <v>20</v>
      </c>
      <c r="DY26" s="281">
        <v>17</v>
      </c>
      <c r="DZ26" s="281">
        <v>11</v>
      </c>
      <c r="EA26" s="281">
        <v>10</v>
      </c>
      <c r="EB26" s="281">
        <v>3</v>
      </c>
      <c r="EC26" s="278">
        <v>61</v>
      </c>
      <c r="ED26" s="283">
        <v>82</v>
      </c>
      <c r="EE26" s="277">
        <v>3</v>
      </c>
      <c r="EF26" s="281">
        <v>1</v>
      </c>
      <c r="EG26" s="278">
        <v>4</v>
      </c>
      <c r="EH26" s="280">
        <v>0</v>
      </c>
      <c r="EI26" s="281">
        <v>7</v>
      </c>
      <c r="EJ26" s="281">
        <v>3</v>
      </c>
      <c r="EK26" s="281">
        <v>2</v>
      </c>
      <c r="EL26" s="281">
        <v>1</v>
      </c>
      <c r="EM26" s="281">
        <v>2</v>
      </c>
      <c r="EN26" s="278">
        <v>15</v>
      </c>
      <c r="EO26" s="283">
        <v>19</v>
      </c>
      <c r="EP26" s="277">
        <v>18</v>
      </c>
      <c r="EQ26" s="281">
        <v>7</v>
      </c>
      <c r="ER26" s="278">
        <v>25</v>
      </c>
      <c r="ES26" s="280">
        <v>0</v>
      </c>
      <c r="ET26" s="281">
        <v>34</v>
      </c>
      <c r="EU26" s="281">
        <v>22</v>
      </c>
      <c r="EV26" s="281">
        <v>15</v>
      </c>
      <c r="EW26" s="281">
        <v>9</v>
      </c>
      <c r="EX26" s="281">
        <v>4</v>
      </c>
      <c r="EY26" s="278">
        <v>84</v>
      </c>
      <c r="EZ26" s="283">
        <v>109</v>
      </c>
    </row>
    <row r="27" spans="2:156" ht="19.8" customHeight="1" x14ac:dyDescent="0.2">
      <c r="B27" s="262" t="s">
        <v>25</v>
      </c>
      <c r="C27" s="277">
        <v>0</v>
      </c>
      <c r="D27" s="281">
        <v>0</v>
      </c>
      <c r="E27" s="385">
        <v>0</v>
      </c>
      <c r="F27" s="280">
        <v>0</v>
      </c>
      <c r="G27" s="281">
        <v>4</v>
      </c>
      <c r="H27" s="281">
        <v>3</v>
      </c>
      <c r="I27" s="281">
        <v>3</v>
      </c>
      <c r="J27" s="281">
        <v>0</v>
      </c>
      <c r="K27" s="281">
        <v>0</v>
      </c>
      <c r="L27" s="282">
        <v>10</v>
      </c>
      <c r="M27" s="283">
        <v>10</v>
      </c>
      <c r="N27" s="277">
        <v>0</v>
      </c>
      <c r="O27" s="281">
        <v>0</v>
      </c>
      <c r="P27" s="278">
        <v>0</v>
      </c>
      <c r="Q27" s="280">
        <v>0</v>
      </c>
      <c r="R27" s="281">
        <v>0</v>
      </c>
      <c r="S27" s="281">
        <v>0</v>
      </c>
      <c r="T27" s="281">
        <v>2</v>
      </c>
      <c r="U27" s="281">
        <v>3</v>
      </c>
      <c r="V27" s="281">
        <v>1</v>
      </c>
      <c r="W27" s="278">
        <v>6</v>
      </c>
      <c r="X27" s="283">
        <v>6</v>
      </c>
      <c r="Y27" s="277">
        <v>1</v>
      </c>
      <c r="Z27" s="281">
        <v>2</v>
      </c>
      <c r="AA27" s="278">
        <v>3</v>
      </c>
      <c r="AB27" s="280">
        <v>0</v>
      </c>
      <c r="AC27" s="281">
        <v>6</v>
      </c>
      <c r="AD27" s="281">
        <v>4</v>
      </c>
      <c r="AE27" s="281">
        <v>4</v>
      </c>
      <c r="AF27" s="281">
        <v>2</v>
      </c>
      <c r="AG27" s="281">
        <v>1</v>
      </c>
      <c r="AH27" s="278">
        <v>17</v>
      </c>
      <c r="AI27" s="283">
        <v>20</v>
      </c>
      <c r="AJ27" s="277">
        <v>0</v>
      </c>
      <c r="AK27" s="281">
        <v>1</v>
      </c>
      <c r="AL27" s="278">
        <v>1</v>
      </c>
      <c r="AM27" s="280">
        <v>0</v>
      </c>
      <c r="AN27" s="281">
        <v>0</v>
      </c>
      <c r="AO27" s="281">
        <v>0</v>
      </c>
      <c r="AP27" s="281">
        <v>1</v>
      </c>
      <c r="AQ27" s="281">
        <v>0</v>
      </c>
      <c r="AR27" s="281">
        <v>1</v>
      </c>
      <c r="AS27" s="278">
        <v>2</v>
      </c>
      <c r="AT27" s="283">
        <v>3</v>
      </c>
      <c r="AU27" s="277">
        <v>0</v>
      </c>
      <c r="AV27" s="281">
        <v>1</v>
      </c>
      <c r="AW27" s="278">
        <v>1</v>
      </c>
      <c r="AX27" s="280">
        <v>0</v>
      </c>
      <c r="AY27" s="281">
        <v>9</v>
      </c>
      <c r="AZ27" s="281">
        <v>1</v>
      </c>
      <c r="BA27" s="281">
        <v>5</v>
      </c>
      <c r="BB27" s="281">
        <v>5</v>
      </c>
      <c r="BC27" s="281">
        <v>1</v>
      </c>
      <c r="BD27" s="282">
        <v>21</v>
      </c>
      <c r="BE27" s="283">
        <v>22</v>
      </c>
      <c r="BF27" s="277">
        <v>0</v>
      </c>
      <c r="BG27" s="281">
        <v>0</v>
      </c>
      <c r="BH27" s="278">
        <v>0</v>
      </c>
      <c r="BI27" s="280">
        <v>0</v>
      </c>
      <c r="BJ27" s="281">
        <v>11</v>
      </c>
      <c r="BK27" s="281">
        <v>3</v>
      </c>
      <c r="BL27" s="281">
        <v>3</v>
      </c>
      <c r="BM27" s="281">
        <v>3</v>
      </c>
      <c r="BN27" s="281">
        <v>0</v>
      </c>
      <c r="BO27" s="278">
        <v>20</v>
      </c>
      <c r="BP27" s="283">
        <v>20</v>
      </c>
      <c r="BQ27" s="277">
        <v>3</v>
      </c>
      <c r="BR27" s="281">
        <v>0</v>
      </c>
      <c r="BS27" s="278">
        <v>3</v>
      </c>
      <c r="BT27" s="280">
        <v>0</v>
      </c>
      <c r="BU27" s="281">
        <v>3</v>
      </c>
      <c r="BV27" s="281">
        <v>3</v>
      </c>
      <c r="BW27" s="281">
        <v>2</v>
      </c>
      <c r="BX27" s="281">
        <v>1</v>
      </c>
      <c r="BY27" s="281">
        <v>0</v>
      </c>
      <c r="BZ27" s="278">
        <v>9</v>
      </c>
      <c r="CA27" s="283">
        <v>12</v>
      </c>
      <c r="CB27" s="277">
        <v>0</v>
      </c>
      <c r="CC27" s="281">
        <v>0</v>
      </c>
      <c r="CD27" s="278">
        <v>0</v>
      </c>
      <c r="CE27" s="280">
        <v>0</v>
      </c>
      <c r="CF27" s="281">
        <v>2</v>
      </c>
      <c r="CG27" s="281">
        <v>0</v>
      </c>
      <c r="CH27" s="281">
        <v>2</v>
      </c>
      <c r="CI27" s="281">
        <v>1</v>
      </c>
      <c r="CJ27" s="281">
        <v>0</v>
      </c>
      <c r="CK27" s="278">
        <v>5</v>
      </c>
      <c r="CL27" s="283">
        <v>5</v>
      </c>
      <c r="CM27" s="277">
        <v>0</v>
      </c>
      <c r="CN27" s="281">
        <v>0</v>
      </c>
      <c r="CO27" s="278">
        <v>0</v>
      </c>
      <c r="CP27" s="280">
        <v>0</v>
      </c>
      <c r="CQ27" s="281">
        <v>1</v>
      </c>
      <c r="CR27" s="281">
        <v>0</v>
      </c>
      <c r="CS27" s="281">
        <v>1</v>
      </c>
      <c r="CT27" s="281">
        <v>0</v>
      </c>
      <c r="CU27" s="281">
        <v>0</v>
      </c>
      <c r="CV27" s="278">
        <v>2</v>
      </c>
      <c r="CW27" s="283">
        <v>2</v>
      </c>
      <c r="CX27" s="277">
        <v>0</v>
      </c>
      <c r="CY27" s="281">
        <v>0</v>
      </c>
      <c r="CZ27" s="278">
        <v>0</v>
      </c>
      <c r="DA27" s="280">
        <v>0</v>
      </c>
      <c r="DB27" s="281">
        <v>0</v>
      </c>
      <c r="DC27" s="281">
        <v>0</v>
      </c>
      <c r="DD27" s="281">
        <v>0</v>
      </c>
      <c r="DE27" s="281">
        <v>0</v>
      </c>
      <c r="DF27" s="281">
        <v>0</v>
      </c>
      <c r="DG27" s="278">
        <v>0</v>
      </c>
      <c r="DH27" s="283">
        <v>0</v>
      </c>
      <c r="DI27" s="277">
        <v>0</v>
      </c>
      <c r="DJ27" s="281">
        <v>0</v>
      </c>
      <c r="DK27" s="278">
        <v>0</v>
      </c>
      <c r="DL27" s="280">
        <v>0</v>
      </c>
      <c r="DM27" s="281">
        <v>0</v>
      </c>
      <c r="DN27" s="281">
        <v>0</v>
      </c>
      <c r="DO27" s="281">
        <v>0</v>
      </c>
      <c r="DP27" s="281">
        <v>0</v>
      </c>
      <c r="DQ27" s="281">
        <v>0</v>
      </c>
      <c r="DR27" s="278">
        <v>0</v>
      </c>
      <c r="DS27" s="283">
        <v>0</v>
      </c>
      <c r="DT27" s="277">
        <v>5</v>
      </c>
      <c r="DU27" s="281">
        <v>4</v>
      </c>
      <c r="DV27" s="278">
        <v>9</v>
      </c>
      <c r="DW27" s="280">
        <v>0</v>
      </c>
      <c r="DX27" s="281">
        <v>10</v>
      </c>
      <c r="DY27" s="281">
        <v>6</v>
      </c>
      <c r="DZ27" s="281">
        <v>8</v>
      </c>
      <c r="EA27" s="281">
        <v>7</v>
      </c>
      <c r="EB27" s="281">
        <v>1</v>
      </c>
      <c r="EC27" s="278">
        <v>32</v>
      </c>
      <c r="ED27" s="283">
        <v>41</v>
      </c>
      <c r="EE27" s="277">
        <v>0</v>
      </c>
      <c r="EF27" s="281">
        <v>1</v>
      </c>
      <c r="EG27" s="278">
        <v>1</v>
      </c>
      <c r="EH27" s="280">
        <v>0</v>
      </c>
      <c r="EI27" s="281">
        <v>5</v>
      </c>
      <c r="EJ27" s="281">
        <v>0</v>
      </c>
      <c r="EK27" s="281">
        <v>1</v>
      </c>
      <c r="EL27" s="281">
        <v>3</v>
      </c>
      <c r="EM27" s="281">
        <v>0</v>
      </c>
      <c r="EN27" s="278">
        <v>9</v>
      </c>
      <c r="EO27" s="283">
        <v>10</v>
      </c>
      <c r="EP27" s="277">
        <v>7</v>
      </c>
      <c r="EQ27" s="281">
        <v>6</v>
      </c>
      <c r="ER27" s="278">
        <v>13</v>
      </c>
      <c r="ES27" s="280">
        <v>0</v>
      </c>
      <c r="ET27" s="281">
        <v>27</v>
      </c>
      <c r="EU27" s="281">
        <v>10</v>
      </c>
      <c r="EV27" s="281">
        <v>7</v>
      </c>
      <c r="EW27" s="281">
        <v>7</v>
      </c>
      <c r="EX27" s="281">
        <v>1</v>
      </c>
      <c r="EY27" s="278">
        <v>52</v>
      </c>
      <c r="EZ27" s="283">
        <v>65</v>
      </c>
    </row>
    <row r="28" spans="2:156" ht="19.8" customHeight="1" x14ac:dyDescent="0.2">
      <c r="B28" s="262" t="s">
        <v>26</v>
      </c>
      <c r="C28" s="277">
        <v>0</v>
      </c>
      <c r="D28" s="281">
        <v>0</v>
      </c>
      <c r="E28" s="385">
        <v>0</v>
      </c>
      <c r="F28" s="280">
        <v>0</v>
      </c>
      <c r="G28" s="281">
        <v>4</v>
      </c>
      <c r="H28" s="281">
        <v>9</v>
      </c>
      <c r="I28" s="281">
        <v>5</v>
      </c>
      <c r="J28" s="281">
        <v>1</v>
      </c>
      <c r="K28" s="281">
        <v>2</v>
      </c>
      <c r="L28" s="282">
        <v>21</v>
      </c>
      <c r="M28" s="283">
        <v>21</v>
      </c>
      <c r="N28" s="277">
        <v>0</v>
      </c>
      <c r="O28" s="281">
        <v>0</v>
      </c>
      <c r="P28" s="278">
        <v>0</v>
      </c>
      <c r="Q28" s="280">
        <v>0</v>
      </c>
      <c r="R28" s="281">
        <v>0</v>
      </c>
      <c r="S28" s="281">
        <v>0</v>
      </c>
      <c r="T28" s="281">
        <v>1</v>
      </c>
      <c r="U28" s="281">
        <v>1</v>
      </c>
      <c r="V28" s="281">
        <v>1</v>
      </c>
      <c r="W28" s="278">
        <v>3</v>
      </c>
      <c r="X28" s="283">
        <v>3</v>
      </c>
      <c r="Y28" s="277">
        <v>0</v>
      </c>
      <c r="Z28" s="281">
        <v>0</v>
      </c>
      <c r="AA28" s="278">
        <v>0</v>
      </c>
      <c r="AB28" s="280">
        <v>0</v>
      </c>
      <c r="AC28" s="281">
        <v>2</v>
      </c>
      <c r="AD28" s="281">
        <v>5</v>
      </c>
      <c r="AE28" s="281">
        <v>6</v>
      </c>
      <c r="AF28" s="281">
        <v>2</v>
      </c>
      <c r="AG28" s="281">
        <v>2</v>
      </c>
      <c r="AH28" s="278">
        <v>17</v>
      </c>
      <c r="AI28" s="283">
        <v>17</v>
      </c>
      <c r="AJ28" s="277">
        <v>0</v>
      </c>
      <c r="AK28" s="281">
        <v>0</v>
      </c>
      <c r="AL28" s="278">
        <v>0</v>
      </c>
      <c r="AM28" s="280">
        <v>0</v>
      </c>
      <c r="AN28" s="281">
        <v>1</v>
      </c>
      <c r="AO28" s="281">
        <v>1</v>
      </c>
      <c r="AP28" s="281">
        <v>0</v>
      </c>
      <c r="AQ28" s="281">
        <v>0</v>
      </c>
      <c r="AR28" s="281">
        <v>0</v>
      </c>
      <c r="AS28" s="278">
        <v>2</v>
      </c>
      <c r="AT28" s="283">
        <v>2</v>
      </c>
      <c r="AU28" s="277">
        <v>2</v>
      </c>
      <c r="AV28" s="281">
        <v>0</v>
      </c>
      <c r="AW28" s="278">
        <v>2</v>
      </c>
      <c r="AX28" s="280">
        <v>0</v>
      </c>
      <c r="AY28" s="281">
        <v>2</v>
      </c>
      <c r="AZ28" s="281">
        <v>8</v>
      </c>
      <c r="BA28" s="281">
        <v>6</v>
      </c>
      <c r="BB28" s="281">
        <v>2</v>
      </c>
      <c r="BC28" s="281">
        <v>3</v>
      </c>
      <c r="BD28" s="282">
        <v>21</v>
      </c>
      <c r="BE28" s="283">
        <v>23</v>
      </c>
      <c r="BF28" s="277">
        <v>0</v>
      </c>
      <c r="BG28" s="281">
        <v>0</v>
      </c>
      <c r="BH28" s="278">
        <v>0</v>
      </c>
      <c r="BI28" s="280">
        <v>0</v>
      </c>
      <c r="BJ28" s="281">
        <v>6</v>
      </c>
      <c r="BK28" s="281">
        <v>10</v>
      </c>
      <c r="BL28" s="281">
        <v>3</v>
      </c>
      <c r="BM28" s="281">
        <v>1</v>
      </c>
      <c r="BN28" s="281">
        <v>1</v>
      </c>
      <c r="BO28" s="278">
        <v>21</v>
      </c>
      <c r="BP28" s="283">
        <v>21</v>
      </c>
      <c r="BQ28" s="277">
        <v>1</v>
      </c>
      <c r="BR28" s="281">
        <v>0</v>
      </c>
      <c r="BS28" s="278">
        <v>1</v>
      </c>
      <c r="BT28" s="280">
        <v>0</v>
      </c>
      <c r="BU28" s="281">
        <v>1</v>
      </c>
      <c r="BV28" s="281">
        <v>3</v>
      </c>
      <c r="BW28" s="281">
        <v>2</v>
      </c>
      <c r="BX28" s="281">
        <v>1</v>
      </c>
      <c r="BY28" s="281">
        <v>0</v>
      </c>
      <c r="BZ28" s="278">
        <v>7</v>
      </c>
      <c r="CA28" s="283">
        <v>8</v>
      </c>
      <c r="CB28" s="277">
        <v>0</v>
      </c>
      <c r="CC28" s="281">
        <v>0</v>
      </c>
      <c r="CD28" s="278">
        <v>0</v>
      </c>
      <c r="CE28" s="280">
        <v>0</v>
      </c>
      <c r="CF28" s="281">
        <v>0</v>
      </c>
      <c r="CG28" s="281">
        <v>5</v>
      </c>
      <c r="CH28" s="281">
        <v>2</v>
      </c>
      <c r="CI28" s="281">
        <v>2</v>
      </c>
      <c r="CJ28" s="281">
        <v>0</v>
      </c>
      <c r="CK28" s="278">
        <v>9</v>
      </c>
      <c r="CL28" s="283">
        <v>9</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c r="DI28" s="277">
        <v>0</v>
      </c>
      <c r="DJ28" s="281">
        <v>0</v>
      </c>
      <c r="DK28" s="278">
        <v>0</v>
      </c>
      <c r="DL28" s="280">
        <v>0</v>
      </c>
      <c r="DM28" s="281">
        <v>0</v>
      </c>
      <c r="DN28" s="281">
        <v>0</v>
      </c>
      <c r="DO28" s="281">
        <v>0</v>
      </c>
      <c r="DP28" s="281">
        <v>0</v>
      </c>
      <c r="DQ28" s="281">
        <v>0</v>
      </c>
      <c r="DR28" s="278">
        <v>0</v>
      </c>
      <c r="DS28" s="283">
        <v>0</v>
      </c>
      <c r="DT28" s="277">
        <v>4</v>
      </c>
      <c r="DU28" s="281">
        <v>4</v>
      </c>
      <c r="DV28" s="278">
        <v>8</v>
      </c>
      <c r="DW28" s="280">
        <v>0</v>
      </c>
      <c r="DX28" s="281">
        <v>14</v>
      </c>
      <c r="DY28" s="281">
        <v>19</v>
      </c>
      <c r="DZ28" s="281">
        <v>15</v>
      </c>
      <c r="EA28" s="281">
        <v>6</v>
      </c>
      <c r="EB28" s="281">
        <v>3</v>
      </c>
      <c r="EC28" s="278">
        <v>57</v>
      </c>
      <c r="ED28" s="283">
        <v>65</v>
      </c>
      <c r="EE28" s="277">
        <v>0</v>
      </c>
      <c r="EF28" s="281">
        <v>0</v>
      </c>
      <c r="EG28" s="278">
        <v>0</v>
      </c>
      <c r="EH28" s="280">
        <v>0</v>
      </c>
      <c r="EI28" s="281">
        <v>2</v>
      </c>
      <c r="EJ28" s="281">
        <v>2</v>
      </c>
      <c r="EK28" s="281">
        <v>0</v>
      </c>
      <c r="EL28" s="281">
        <v>1</v>
      </c>
      <c r="EM28" s="281">
        <v>0</v>
      </c>
      <c r="EN28" s="278">
        <v>5</v>
      </c>
      <c r="EO28" s="283">
        <v>5</v>
      </c>
      <c r="EP28" s="277">
        <v>5</v>
      </c>
      <c r="EQ28" s="281">
        <v>4</v>
      </c>
      <c r="ER28" s="278">
        <v>9</v>
      </c>
      <c r="ES28" s="280">
        <v>0</v>
      </c>
      <c r="ET28" s="281">
        <v>18</v>
      </c>
      <c r="EU28" s="281">
        <v>25</v>
      </c>
      <c r="EV28" s="281">
        <v>15</v>
      </c>
      <c r="EW28" s="281">
        <v>7</v>
      </c>
      <c r="EX28" s="281">
        <v>4</v>
      </c>
      <c r="EY28" s="278">
        <v>69</v>
      </c>
      <c r="EZ28" s="283">
        <v>78</v>
      </c>
    </row>
    <row r="29" spans="2:156" ht="19.8" customHeight="1" x14ac:dyDescent="0.2">
      <c r="B29" s="262" t="s">
        <v>27</v>
      </c>
      <c r="C29" s="277">
        <v>0</v>
      </c>
      <c r="D29" s="281">
        <v>0</v>
      </c>
      <c r="E29" s="385">
        <v>0</v>
      </c>
      <c r="F29" s="280">
        <v>0</v>
      </c>
      <c r="G29" s="281">
        <v>3</v>
      </c>
      <c r="H29" s="281">
        <v>2</v>
      </c>
      <c r="I29" s="281">
        <v>7</v>
      </c>
      <c r="J29" s="281">
        <v>3</v>
      </c>
      <c r="K29" s="281">
        <v>0</v>
      </c>
      <c r="L29" s="282">
        <v>15</v>
      </c>
      <c r="M29" s="283">
        <v>15</v>
      </c>
      <c r="N29" s="277">
        <v>0</v>
      </c>
      <c r="O29" s="281">
        <v>0</v>
      </c>
      <c r="P29" s="278">
        <v>0</v>
      </c>
      <c r="Q29" s="280">
        <v>0</v>
      </c>
      <c r="R29" s="281">
        <v>0</v>
      </c>
      <c r="S29" s="281">
        <v>0</v>
      </c>
      <c r="T29" s="281">
        <v>0</v>
      </c>
      <c r="U29" s="281">
        <v>1</v>
      </c>
      <c r="V29" s="281">
        <v>2</v>
      </c>
      <c r="W29" s="278">
        <v>3</v>
      </c>
      <c r="X29" s="283">
        <v>3</v>
      </c>
      <c r="Y29" s="277">
        <v>1</v>
      </c>
      <c r="Z29" s="281">
        <v>2</v>
      </c>
      <c r="AA29" s="278">
        <v>3</v>
      </c>
      <c r="AB29" s="280">
        <v>0</v>
      </c>
      <c r="AC29" s="281">
        <v>4</v>
      </c>
      <c r="AD29" s="281">
        <v>6</v>
      </c>
      <c r="AE29" s="281">
        <v>3</v>
      </c>
      <c r="AF29" s="281">
        <v>2</v>
      </c>
      <c r="AG29" s="281">
        <v>3</v>
      </c>
      <c r="AH29" s="278">
        <v>18</v>
      </c>
      <c r="AI29" s="283">
        <v>21</v>
      </c>
      <c r="AJ29" s="277">
        <v>0</v>
      </c>
      <c r="AK29" s="281">
        <v>0</v>
      </c>
      <c r="AL29" s="278">
        <v>0</v>
      </c>
      <c r="AM29" s="280">
        <v>0</v>
      </c>
      <c r="AN29" s="281">
        <v>0</v>
      </c>
      <c r="AO29" s="281">
        <v>0</v>
      </c>
      <c r="AP29" s="281">
        <v>0</v>
      </c>
      <c r="AQ29" s="281">
        <v>0</v>
      </c>
      <c r="AR29" s="281">
        <v>0</v>
      </c>
      <c r="AS29" s="278">
        <v>0</v>
      </c>
      <c r="AT29" s="283">
        <v>0</v>
      </c>
      <c r="AU29" s="277">
        <v>0</v>
      </c>
      <c r="AV29" s="281">
        <v>1</v>
      </c>
      <c r="AW29" s="278">
        <v>1</v>
      </c>
      <c r="AX29" s="280">
        <v>0</v>
      </c>
      <c r="AY29" s="281">
        <v>2</v>
      </c>
      <c r="AZ29" s="281">
        <v>5</v>
      </c>
      <c r="BA29" s="281">
        <v>8</v>
      </c>
      <c r="BB29" s="281">
        <v>7</v>
      </c>
      <c r="BC29" s="281">
        <v>3</v>
      </c>
      <c r="BD29" s="282">
        <v>25</v>
      </c>
      <c r="BE29" s="283">
        <v>26</v>
      </c>
      <c r="BF29" s="277">
        <v>0</v>
      </c>
      <c r="BG29" s="281">
        <v>0</v>
      </c>
      <c r="BH29" s="278">
        <v>0</v>
      </c>
      <c r="BI29" s="280">
        <v>0</v>
      </c>
      <c r="BJ29" s="281">
        <v>6</v>
      </c>
      <c r="BK29" s="281">
        <v>5</v>
      </c>
      <c r="BL29" s="281">
        <v>6</v>
      </c>
      <c r="BM29" s="281">
        <v>3</v>
      </c>
      <c r="BN29" s="281">
        <v>2</v>
      </c>
      <c r="BO29" s="278">
        <v>22</v>
      </c>
      <c r="BP29" s="283">
        <v>22</v>
      </c>
      <c r="BQ29" s="277">
        <v>0</v>
      </c>
      <c r="BR29" s="281">
        <v>2</v>
      </c>
      <c r="BS29" s="278">
        <v>2</v>
      </c>
      <c r="BT29" s="280">
        <v>0</v>
      </c>
      <c r="BU29" s="281">
        <v>3</v>
      </c>
      <c r="BV29" s="281">
        <v>5</v>
      </c>
      <c r="BW29" s="281">
        <v>1</v>
      </c>
      <c r="BX29" s="281">
        <v>0</v>
      </c>
      <c r="BY29" s="281">
        <v>0</v>
      </c>
      <c r="BZ29" s="278">
        <v>9</v>
      </c>
      <c r="CA29" s="283">
        <v>11</v>
      </c>
      <c r="CB29" s="277">
        <v>0</v>
      </c>
      <c r="CC29" s="281">
        <v>0</v>
      </c>
      <c r="CD29" s="278">
        <v>0</v>
      </c>
      <c r="CE29" s="280">
        <v>0</v>
      </c>
      <c r="CF29" s="281">
        <v>0</v>
      </c>
      <c r="CG29" s="281">
        <v>0</v>
      </c>
      <c r="CH29" s="281">
        <v>1</v>
      </c>
      <c r="CI29" s="281">
        <v>1</v>
      </c>
      <c r="CJ29" s="281">
        <v>1</v>
      </c>
      <c r="CK29" s="278">
        <v>3</v>
      </c>
      <c r="CL29" s="283">
        <v>3</v>
      </c>
      <c r="CM29" s="277">
        <v>0</v>
      </c>
      <c r="CN29" s="281">
        <v>0</v>
      </c>
      <c r="CO29" s="278">
        <v>0</v>
      </c>
      <c r="CP29" s="280">
        <v>0</v>
      </c>
      <c r="CQ29" s="281">
        <v>1</v>
      </c>
      <c r="CR29" s="281">
        <v>0</v>
      </c>
      <c r="CS29" s="281">
        <v>0</v>
      </c>
      <c r="CT29" s="281">
        <v>0</v>
      </c>
      <c r="CU29" s="281">
        <v>0</v>
      </c>
      <c r="CV29" s="278">
        <v>1</v>
      </c>
      <c r="CW29" s="283">
        <v>1</v>
      </c>
      <c r="CX29" s="277">
        <v>0</v>
      </c>
      <c r="CY29" s="281">
        <v>0</v>
      </c>
      <c r="CZ29" s="278">
        <v>0</v>
      </c>
      <c r="DA29" s="280">
        <v>0</v>
      </c>
      <c r="DB29" s="281">
        <v>0</v>
      </c>
      <c r="DC29" s="281">
        <v>0</v>
      </c>
      <c r="DD29" s="281">
        <v>0</v>
      </c>
      <c r="DE29" s="281">
        <v>0</v>
      </c>
      <c r="DF29" s="281">
        <v>0</v>
      </c>
      <c r="DG29" s="278">
        <v>0</v>
      </c>
      <c r="DH29" s="283">
        <v>0</v>
      </c>
      <c r="DI29" s="277">
        <v>0</v>
      </c>
      <c r="DJ29" s="281">
        <v>0</v>
      </c>
      <c r="DK29" s="278">
        <v>0</v>
      </c>
      <c r="DL29" s="280">
        <v>0</v>
      </c>
      <c r="DM29" s="281">
        <v>0</v>
      </c>
      <c r="DN29" s="281">
        <v>0</v>
      </c>
      <c r="DO29" s="281">
        <v>0</v>
      </c>
      <c r="DP29" s="281">
        <v>0</v>
      </c>
      <c r="DQ29" s="281">
        <v>0</v>
      </c>
      <c r="DR29" s="278">
        <v>0</v>
      </c>
      <c r="DS29" s="283">
        <v>0</v>
      </c>
      <c r="DT29" s="277">
        <v>3</v>
      </c>
      <c r="DU29" s="281">
        <v>10</v>
      </c>
      <c r="DV29" s="278">
        <v>13</v>
      </c>
      <c r="DW29" s="280">
        <v>0</v>
      </c>
      <c r="DX29" s="281">
        <v>5</v>
      </c>
      <c r="DY29" s="281">
        <v>14</v>
      </c>
      <c r="DZ29" s="281">
        <v>10</v>
      </c>
      <c r="EA29" s="281">
        <v>4</v>
      </c>
      <c r="EB29" s="281">
        <v>4</v>
      </c>
      <c r="EC29" s="278">
        <v>37</v>
      </c>
      <c r="ED29" s="283">
        <v>50</v>
      </c>
      <c r="EE29" s="277">
        <v>0</v>
      </c>
      <c r="EF29" s="281">
        <v>1</v>
      </c>
      <c r="EG29" s="278">
        <v>1</v>
      </c>
      <c r="EH29" s="280">
        <v>0</v>
      </c>
      <c r="EI29" s="281">
        <v>2</v>
      </c>
      <c r="EJ29" s="281">
        <v>2</v>
      </c>
      <c r="EK29" s="281">
        <v>2</v>
      </c>
      <c r="EL29" s="281">
        <v>3</v>
      </c>
      <c r="EM29" s="281">
        <v>1</v>
      </c>
      <c r="EN29" s="278">
        <v>10</v>
      </c>
      <c r="EO29" s="283">
        <v>11</v>
      </c>
      <c r="EP29" s="277">
        <v>3</v>
      </c>
      <c r="EQ29" s="281">
        <v>13</v>
      </c>
      <c r="ER29" s="278">
        <v>16</v>
      </c>
      <c r="ES29" s="280">
        <v>0</v>
      </c>
      <c r="ET29" s="281">
        <v>14</v>
      </c>
      <c r="EU29" s="281">
        <v>17</v>
      </c>
      <c r="EV29" s="281">
        <v>11</v>
      </c>
      <c r="EW29" s="281">
        <v>6</v>
      </c>
      <c r="EX29" s="281">
        <v>4</v>
      </c>
      <c r="EY29" s="278">
        <v>52</v>
      </c>
      <c r="EZ29" s="283">
        <v>68</v>
      </c>
    </row>
    <row r="30" spans="2:156" ht="19.8" customHeight="1" x14ac:dyDescent="0.2">
      <c r="B30" s="262" t="s">
        <v>28</v>
      </c>
      <c r="C30" s="277">
        <v>0</v>
      </c>
      <c r="D30" s="281">
        <v>0</v>
      </c>
      <c r="E30" s="385">
        <v>0</v>
      </c>
      <c r="F30" s="280">
        <v>0</v>
      </c>
      <c r="G30" s="281">
        <v>0</v>
      </c>
      <c r="H30" s="281">
        <v>1</v>
      </c>
      <c r="I30" s="281">
        <v>1</v>
      </c>
      <c r="J30" s="281">
        <v>0</v>
      </c>
      <c r="K30" s="281">
        <v>0</v>
      </c>
      <c r="L30" s="282">
        <v>2</v>
      </c>
      <c r="M30" s="283">
        <v>2</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0</v>
      </c>
      <c r="AD30" s="281">
        <v>4</v>
      </c>
      <c r="AE30" s="281">
        <v>1</v>
      </c>
      <c r="AF30" s="281">
        <v>0</v>
      </c>
      <c r="AG30" s="281">
        <v>0</v>
      </c>
      <c r="AH30" s="278">
        <v>5</v>
      </c>
      <c r="AI30" s="283">
        <v>5</v>
      </c>
      <c r="AJ30" s="277">
        <v>0</v>
      </c>
      <c r="AK30" s="281">
        <v>0</v>
      </c>
      <c r="AL30" s="278">
        <v>0</v>
      </c>
      <c r="AM30" s="280">
        <v>0</v>
      </c>
      <c r="AN30" s="281">
        <v>0</v>
      </c>
      <c r="AO30" s="281">
        <v>0</v>
      </c>
      <c r="AP30" s="281">
        <v>0</v>
      </c>
      <c r="AQ30" s="281">
        <v>0</v>
      </c>
      <c r="AR30" s="281">
        <v>0</v>
      </c>
      <c r="AS30" s="278">
        <v>0</v>
      </c>
      <c r="AT30" s="283">
        <v>0</v>
      </c>
      <c r="AU30" s="277">
        <v>0</v>
      </c>
      <c r="AV30" s="281">
        <v>0</v>
      </c>
      <c r="AW30" s="278">
        <v>0</v>
      </c>
      <c r="AX30" s="280">
        <v>0</v>
      </c>
      <c r="AY30" s="281">
        <v>1</v>
      </c>
      <c r="AZ30" s="281">
        <v>1</v>
      </c>
      <c r="BA30" s="281">
        <v>1</v>
      </c>
      <c r="BB30" s="281">
        <v>0</v>
      </c>
      <c r="BC30" s="281">
        <v>0</v>
      </c>
      <c r="BD30" s="282">
        <v>3</v>
      </c>
      <c r="BE30" s="283">
        <v>3</v>
      </c>
      <c r="BF30" s="277">
        <v>0</v>
      </c>
      <c r="BG30" s="281">
        <v>0</v>
      </c>
      <c r="BH30" s="278">
        <v>0</v>
      </c>
      <c r="BI30" s="280">
        <v>0</v>
      </c>
      <c r="BJ30" s="281">
        <v>1</v>
      </c>
      <c r="BK30" s="281">
        <v>0</v>
      </c>
      <c r="BL30" s="281">
        <v>0</v>
      </c>
      <c r="BM30" s="281">
        <v>0</v>
      </c>
      <c r="BN30" s="281">
        <v>0</v>
      </c>
      <c r="BO30" s="278">
        <v>1</v>
      </c>
      <c r="BP30" s="283">
        <v>1</v>
      </c>
      <c r="BQ30" s="277">
        <v>0</v>
      </c>
      <c r="BR30" s="281">
        <v>0</v>
      </c>
      <c r="BS30" s="278">
        <v>0</v>
      </c>
      <c r="BT30" s="280">
        <v>0</v>
      </c>
      <c r="BU30" s="281">
        <v>0</v>
      </c>
      <c r="BV30" s="281">
        <v>1</v>
      </c>
      <c r="BW30" s="281">
        <v>0</v>
      </c>
      <c r="BX30" s="281">
        <v>0</v>
      </c>
      <c r="BY30" s="281">
        <v>0</v>
      </c>
      <c r="BZ30" s="278">
        <v>1</v>
      </c>
      <c r="CA30" s="283">
        <v>1</v>
      </c>
      <c r="CB30" s="277">
        <v>0</v>
      </c>
      <c r="CC30" s="281">
        <v>0</v>
      </c>
      <c r="CD30" s="278">
        <v>0</v>
      </c>
      <c r="CE30" s="280">
        <v>0</v>
      </c>
      <c r="CF30" s="281">
        <v>0</v>
      </c>
      <c r="CG30" s="281">
        <v>0</v>
      </c>
      <c r="CH30" s="281">
        <v>0</v>
      </c>
      <c r="CI30" s="281">
        <v>0</v>
      </c>
      <c r="CJ30" s="281">
        <v>1</v>
      </c>
      <c r="CK30" s="278">
        <v>1</v>
      </c>
      <c r="CL30" s="283">
        <v>1</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c r="DI30" s="277">
        <v>0</v>
      </c>
      <c r="DJ30" s="281">
        <v>0</v>
      </c>
      <c r="DK30" s="278">
        <v>0</v>
      </c>
      <c r="DL30" s="280">
        <v>0</v>
      </c>
      <c r="DM30" s="281">
        <v>0</v>
      </c>
      <c r="DN30" s="281">
        <v>0</v>
      </c>
      <c r="DO30" s="281">
        <v>0</v>
      </c>
      <c r="DP30" s="281">
        <v>0</v>
      </c>
      <c r="DQ30" s="281">
        <v>0</v>
      </c>
      <c r="DR30" s="278">
        <v>0</v>
      </c>
      <c r="DS30" s="283">
        <v>0</v>
      </c>
      <c r="DT30" s="277">
        <v>0</v>
      </c>
      <c r="DU30" s="281">
        <v>1</v>
      </c>
      <c r="DV30" s="278">
        <v>1</v>
      </c>
      <c r="DW30" s="280">
        <v>0</v>
      </c>
      <c r="DX30" s="281">
        <v>2</v>
      </c>
      <c r="DY30" s="281">
        <v>6</v>
      </c>
      <c r="DZ30" s="281">
        <v>0</v>
      </c>
      <c r="EA30" s="281">
        <v>0</v>
      </c>
      <c r="EB30" s="281">
        <v>0</v>
      </c>
      <c r="EC30" s="278">
        <v>8</v>
      </c>
      <c r="ED30" s="283">
        <v>9</v>
      </c>
      <c r="EE30" s="277">
        <v>0</v>
      </c>
      <c r="EF30" s="281">
        <v>0</v>
      </c>
      <c r="EG30" s="278">
        <v>0</v>
      </c>
      <c r="EH30" s="280">
        <v>0</v>
      </c>
      <c r="EI30" s="281">
        <v>1</v>
      </c>
      <c r="EJ30" s="281">
        <v>0</v>
      </c>
      <c r="EK30" s="281">
        <v>1</v>
      </c>
      <c r="EL30" s="281">
        <v>0</v>
      </c>
      <c r="EM30" s="281">
        <v>0</v>
      </c>
      <c r="EN30" s="278">
        <v>2</v>
      </c>
      <c r="EO30" s="283">
        <v>2</v>
      </c>
      <c r="EP30" s="277">
        <v>0</v>
      </c>
      <c r="EQ30" s="281">
        <v>1</v>
      </c>
      <c r="ER30" s="278">
        <v>1</v>
      </c>
      <c r="ES30" s="280">
        <v>0</v>
      </c>
      <c r="ET30" s="281">
        <v>6</v>
      </c>
      <c r="EU30" s="281">
        <v>7</v>
      </c>
      <c r="EV30" s="281">
        <v>1</v>
      </c>
      <c r="EW30" s="281">
        <v>0</v>
      </c>
      <c r="EX30" s="281">
        <v>1</v>
      </c>
      <c r="EY30" s="278">
        <v>15</v>
      </c>
      <c r="EZ30" s="283">
        <v>16</v>
      </c>
    </row>
    <row r="31" spans="2:156" ht="19.8" customHeight="1" x14ac:dyDescent="0.2">
      <c r="B31" s="262" t="s">
        <v>29</v>
      </c>
      <c r="C31" s="277">
        <v>0</v>
      </c>
      <c r="D31" s="281">
        <v>0</v>
      </c>
      <c r="E31" s="385">
        <v>0</v>
      </c>
      <c r="F31" s="280">
        <v>0</v>
      </c>
      <c r="G31" s="281">
        <v>1</v>
      </c>
      <c r="H31" s="281">
        <v>0</v>
      </c>
      <c r="I31" s="281">
        <v>0</v>
      </c>
      <c r="J31" s="281">
        <v>1</v>
      </c>
      <c r="K31" s="281">
        <v>0</v>
      </c>
      <c r="L31" s="282">
        <v>2</v>
      </c>
      <c r="M31" s="283">
        <v>2</v>
      </c>
      <c r="N31" s="277">
        <v>0</v>
      </c>
      <c r="O31" s="281">
        <v>0</v>
      </c>
      <c r="P31" s="278">
        <v>0</v>
      </c>
      <c r="Q31" s="280">
        <v>0</v>
      </c>
      <c r="R31" s="281">
        <v>0</v>
      </c>
      <c r="S31" s="281">
        <v>0</v>
      </c>
      <c r="T31" s="281">
        <v>0</v>
      </c>
      <c r="U31" s="281">
        <v>0</v>
      </c>
      <c r="V31" s="281">
        <v>1</v>
      </c>
      <c r="W31" s="278">
        <v>1</v>
      </c>
      <c r="X31" s="283">
        <v>1</v>
      </c>
      <c r="Y31" s="277">
        <v>0</v>
      </c>
      <c r="Z31" s="281">
        <v>1</v>
      </c>
      <c r="AA31" s="278">
        <v>1</v>
      </c>
      <c r="AB31" s="280">
        <v>0</v>
      </c>
      <c r="AC31" s="281">
        <v>0</v>
      </c>
      <c r="AD31" s="281">
        <v>0</v>
      </c>
      <c r="AE31" s="281">
        <v>1</v>
      </c>
      <c r="AF31" s="281">
        <v>1</v>
      </c>
      <c r="AG31" s="281">
        <v>1</v>
      </c>
      <c r="AH31" s="278">
        <v>3</v>
      </c>
      <c r="AI31" s="283">
        <v>4</v>
      </c>
      <c r="AJ31" s="277">
        <v>0</v>
      </c>
      <c r="AK31" s="281">
        <v>0</v>
      </c>
      <c r="AL31" s="278">
        <v>0</v>
      </c>
      <c r="AM31" s="280">
        <v>0</v>
      </c>
      <c r="AN31" s="281">
        <v>0</v>
      </c>
      <c r="AO31" s="281">
        <v>0</v>
      </c>
      <c r="AP31" s="281">
        <v>0</v>
      </c>
      <c r="AQ31" s="281">
        <v>0</v>
      </c>
      <c r="AR31" s="281">
        <v>0</v>
      </c>
      <c r="AS31" s="278">
        <v>0</v>
      </c>
      <c r="AT31" s="283">
        <v>0</v>
      </c>
      <c r="AU31" s="277">
        <v>0</v>
      </c>
      <c r="AV31" s="281">
        <v>0</v>
      </c>
      <c r="AW31" s="278">
        <v>0</v>
      </c>
      <c r="AX31" s="280">
        <v>0</v>
      </c>
      <c r="AY31" s="281">
        <v>0</v>
      </c>
      <c r="AZ31" s="281">
        <v>2</v>
      </c>
      <c r="BA31" s="281">
        <v>0</v>
      </c>
      <c r="BB31" s="281">
        <v>0</v>
      </c>
      <c r="BC31" s="281">
        <v>1</v>
      </c>
      <c r="BD31" s="282">
        <v>3</v>
      </c>
      <c r="BE31" s="283">
        <v>3</v>
      </c>
      <c r="BF31" s="277">
        <v>0</v>
      </c>
      <c r="BG31" s="281">
        <v>0</v>
      </c>
      <c r="BH31" s="278">
        <v>0</v>
      </c>
      <c r="BI31" s="280">
        <v>0</v>
      </c>
      <c r="BJ31" s="281">
        <v>4</v>
      </c>
      <c r="BK31" s="281">
        <v>3</v>
      </c>
      <c r="BL31" s="281">
        <v>1</v>
      </c>
      <c r="BM31" s="281">
        <v>0</v>
      </c>
      <c r="BN31" s="281">
        <v>1</v>
      </c>
      <c r="BO31" s="278">
        <v>9</v>
      </c>
      <c r="BP31" s="283">
        <v>9</v>
      </c>
      <c r="BQ31" s="277">
        <v>0</v>
      </c>
      <c r="BR31" s="281">
        <v>0</v>
      </c>
      <c r="BS31" s="278">
        <v>0</v>
      </c>
      <c r="BT31" s="280">
        <v>0</v>
      </c>
      <c r="BU31" s="281">
        <v>1</v>
      </c>
      <c r="BV31" s="281">
        <v>0</v>
      </c>
      <c r="BW31" s="281">
        <v>1</v>
      </c>
      <c r="BX31" s="281">
        <v>1</v>
      </c>
      <c r="BY31" s="281">
        <v>0</v>
      </c>
      <c r="BZ31" s="278">
        <v>3</v>
      </c>
      <c r="CA31" s="283">
        <v>3</v>
      </c>
      <c r="CB31" s="277">
        <v>0</v>
      </c>
      <c r="CC31" s="281">
        <v>0</v>
      </c>
      <c r="CD31" s="278">
        <v>0</v>
      </c>
      <c r="CE31" s="280">
        <v>0</v>
      </c>
      <c r="CF31" s="281">
        <v>0</v>
      </c>
      <c r="CG31" s="281">
        <v>0</v>
      </c>
      <c r="CH31" s="281">
        <v>1</v>
      </c>
      <c r="CI31" s="281">
        <v>0</v>
      </c>
      <c r="CJ31" s="281">
        <v>1</v>
      </c>
      <c r="CK31" s="278">
        <v>2</v>
      </c>
      <c r="CL31" s="283">
        <v>2</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c r="DI31" s="277">
        <v>0</v>
      </c>
      <c r="DJ31" s="281">
        <v>0</v>
      </c>
      <c r="DK31" s="278">
        <v>0</v>
      </c>
      <c r="DL31" s="280">
        <v>0</v>
      </c>
      <c r="DM31" s="281">
        <v>0</v>
      </c>
      <c r="DN31" s="281">
        <v>0</v>
      </c>
      <c r="DO31" s="281">
        <v>0</v>
      </c>
      <c r="DP31" s="281">
        <v>0</v>
      </c>
      <c r="DQ31" s="281">
        <v>0</v>
      </c>
      <c r="DR31" s="278">
        <v>0</v>
      </c>
      <c r="DS31" s="283">
        <v>0</v>
      </c>
      <c r="DT31" s="277">
        <v>2</v>
      </c>
      <c r="DU31" s="281">
        <v>0</v>
      </c>
      <c r="DV31" s="278">
        <v>2</v>
      </c>
      <c r="DW31" s="280">
        <v>0</v>
      </c>
      <c r="DX31" s="281">
        <v>2</v>
      </c>
      <c r="DY31" s="281">
        <v>2</v>
      </c>
      <c r="DZ31" s="281">
        <v>2</v>
      </c>
      <c r="EA31" s="281">
        <v>2</v>
      </c>
      <c r="EB31" s="281">
        <v>2</v>
      </c>
      <c r="EC31" s="278">
        <v>10</v>
      </c>
      <c r="ED31" s="283">
        <v>12</v>
      </c>
      <c r="EE31" s="277">
        <v>0</v>
      </c>
      <c r="EF31" s="281">
        <v>0</v>
      </c>
      <c r="EG31" s="278">
        <v>0</v>
      </c>
      <c r="EH31" s="280">
        <v>0</v>
      </c>
      <c r="EI31" s="281">
        <v>0</v>
      </c>
      <c r="EJ31" s="281">
        <v>2</v>
      </c>
      <c r="EK31" s="281">
        <v>0</v>
      </c>
      <c r="EL31" s="281">
        <v>0</v>
      </c>
      <c r="EM31" s="281">
        <v>0</v>
      </c>
      <c r="EN31" s="278">
        <v>2</v>
      </c>
      <c r="EO31" s="283">
        <v>2</v>
      </c>
      <c r="EP31" s="277">
        <v>2</v>
      </c>
      <c r="EQ31" s="281">
        <v>1</v>
      </c>
      <c r="ER31" s="278">
        <v>3</v>
      </c>
      <c r="ES31" s="280">
        <v>0</v>
      </c>
      <c r="ET31" s="281">
        <v>7</v>
      </c>
      <c r="EU31" s="281">
        <v>4</v>
      </c>
      <c r="EV31" s="281">
        <v>2</v>
      </c>
      <c r="EW31" s="281">
        <v>2</v>
      </c>
      <c r="EX31" s="281">
        <v>2</v>
      </c>
      <c r="EY31" s="278">
        <v>17</v>
      </c>
      <c r="EZ31" s="283">
        <v>20</v>
      </c>
    </row>
    <row r="32" spans="2:156" ht="19.8" customHeight="1" x14ac:dyDescent="0.2">
      <c r="B32" s="262" t="s">
        <v>30</v>
      </c>
      <c r="C32" s="277">
        <v>0</v>
      </c>
      <c r="D32" s="281">
        <v>0</v>
      </c>
      <c r="E32" s="385">
        <v>0</v>
      </c>
      <c r="F32" s="280">
        <v>0</v>
      </c>
      <c r="G32" s="281">
        <v>0</v>
      </c>
      <c r="H32" s="281">
        <v>2</v>
      </c>
      <c r="I32" s="281">
        <v>1</v>
      </c>
      <c r="J32" s="281">
        <v>2</v>
      </c>
      <c r="K32" s="281">
        <v>1</v>
      </c>
      <c r="L32" s="282">
        <v>6</v>
      </c>
      <c r="M32" s="283">
        <v>6</v>
      </c>
      <c r="N32" s="277">
        <v>0</v>
      </c>
      <c r="O32" s="281">
        <v>0</v>
      </c>
      <c r="P32" s="278">
        <v>0</v>
      </c>
      <c r="Q32" s="280">
        <v>0</v>
      </c>
      <c r="R32" s="281">
        <v>0</v>
      </c>
      <c r="S32" s="281">
        <v>0</v>
      </c>
      <c r="T32" s="281">
        <v>0</v>
      </c>
      <c r="U32" s="281">
        <v>1</v>
      </c>
      <c r="V32" s="281">
        <v>1</v>
      </c>
      <c r="W32" s="278">
        <v>2</v>
      </c>
      <c r="X32" s="283">
        <v>2</v>
      </c>
      <c r="Y32" s="277">
        <v>0</v>
      </c>
      <c r="Z32" s="281">
        <v>1</v>
      </c>
      <c r="AA32" s="278">
        <v>1</v>
      </c>
      <c r="AB32" s="280">
        <v>0</v>
      </c>
      <c r="AC32" s="281">
        <v>1</v>
      </c>
      <c r="AD32" s="281">
        <v>0</v>
      </c>
      <c r="AE32" s="281">
        <v>0</v>
      </c>
      <c r="AF32" s="281">
        <v>2</v>
      </c>
      <c r="AG32" s="281">
        <v>1</v>
      </c>
      <c r="AH32" s="278">
        <v>4</v>
      </c>
      <c r="AI32" s="283">
        <v>5</v>
      </c>
      <c r="AJ32" s="277">
        <v>0</v>
      </c>
      <c r="AK32" s="281">
        <v>0</v>
      </c>
      <c r="AL32" s="278">
        <v>0</v>
      </c>
      <c r="AM32" s="280">
        <v>0</v>
      </c>
      <c r="AN32" s="281">
        <v>0</v>
      </c>
      <c r="AO32" s="281">
        <v>0</v>
      </c>
      <c r="AP32" s="281">
        <v>0</v>
      </c>
      <c r="AQ32" s="281">
        <v>0</v>
      </c>
      <c r="AR32" s="281">
        <v>0</v>
      </c>
      <c r="AS32" s="278">
        <v>0</v>
      </c>
      <c r="AT32" s="283">
        <v>0</v>
      </c>
      <c r="AU32" s="277">
        <v>0</v>
      </c>
      <c r="AV32" s="281">
        <v>0</v>
      </c>
      <c r="AW32" s="278">
        <v>0</v>
      </c>
      <c r="AX32" s="280">
        <v>0</v>
      </c>
      <c r="AY32" s="281">
        <v>2</v>
      </c>
      <c r="AZ32" s="281">
        <v>1</v>
      </c>
      <c r="BA32" s="281">
        <v>0</v>
      </c>
      <c r="BB32" s="281">
        <v>2</v>
      </c>
      <c r="BC32" s="281">
        <v>0</v>
      </c>
      <c r="BD32" s="282">
        <v>5</v>
      </c>
      <c r="BE32" s="283">
        <v>5</v>
      </c>
      <c r="BF32" s="277">
        <v>0</v>
      </c>
      <c r="BG32" s="281">
        <v>0</v>
      </c>
      <c r="BH32" s="278">
        <v>0</v>
      </c>
      <c r="BI32" s="280">
        <v>0</v>
      </c>
      <c r="BJ32" s="281">
        <v>1</v>
      </c>
      <c r="BK32" s="281">
        <v>0</v>
      </c>
      <c r="BL32" s="281">
        <v>0</v>
      </c>
      <c r="BM32" s="281">
        <v>2</v>
      </c>
      <c r="BN32" s="281">
        <v>0</v>
      </c>
      <c r="BO32" s="278">
        <v>3</v>
      </c>
      <c r="BP32" s="283">
        <v>3</v>
      </c>
      <c r="BQ32" s="277">
        <v>0</v>
      </c>
      <c r="BR32" s="281">
        <v>0</v>
      </c>
      <c r="BS32" s="278">
        <v>0</v>
      </c>
      <c r="BT32" s="280">
        <v>0</v>
      </c>
      <c r="BU32" s="281">
        <v>1</v>
      </c>
      <c r="BV32" s="281">
        <v>0</v>
      </c>
      <c r="BW32" s="281">
        <v>0</v>
      </c>
      <c r="BX32" s="281">
        <v>0</v>
      </c>
      <c r="BY32" s="281">
        <v>0</v>
      </c>
      <c r="BZ32" s="278">
        <v>1</v>
      </c>
      <c r="CA32" s="283">
        <v>1</v>
      </c>
      <c r="CB32" s="277">
        <v>0</v>
      </c>
      <c r="CC32" s="281">
        <v>0</v>
      </c>
      <c r="CD32" s="278">
        <v>0</v>
      </c>
      <c r="CE32" s="280">
        <v>0</v>
      </c>
      <c r="CF32" s="281">
        <v>1</v>
      </c>
      <c r="CG32" s="281">
        <v>0</v>
      </c>
      <c r="CH32" s="281">
        <v>0</v>
      </c>
      <c r="CI32" s="281">
        <v>2</v>
      </c>
      <c r="CJ32" s="281">
        <v>0</v>
      </c>
      <c r="CK32" s="278">
        <v>3</v>
      </c>
      <c r="CL32" s="283">
        <v>3</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c r="DI32" s="277">
        <v>0</v>
      </c>
      <c r="DJ32" s="281">
        <v>0</v>
      </c>
      <c r="DK32" s="278">
        <v>0</v>
      </c>
      <c r="DL32" s="280">
        <v>0</v>
      </c>
      <c r="DM32" s="281">
        <v>0</v>
      </c>
      <c r="DN32" s="281">
        <v>0</v>
      </c>
      <c r="DO32" s="281">
        <v>0</v>
      </c>
      <c r="DP32" s="281">
        <v>0</v>
      </c>
      <c r="DQ32" s="281">
        <v>0</v>
      </c>
      <c r="DR32" s="278">
        <v>0</v>
      </c>
      <c r="DS32" s="283">
        <v>0</v>
      </c>
      <c r="DT32" s="277">
        <v>1</v>
      </c>
      <c r="DU32" s="281">
        <v>1</v>
      </c>
      <c r="DV32" s="278">
        <v>2</v>
      </c>
      <c r="DW32" s="280">
        <v>0</v>
      </c>
      <c r="DX32" s="281">
        <v>1</v>
      </c>
      <c r="DY32" s="281">
        <v>2</v>
      </c>
      <c r="DZ32" s="281">
        <v>2</v>
      </c>
      <c r="EA32" s="281">
        <v>4</v>
      </c>
      <c r="EB32" s="281">
        <v>1</v>
      </c>
      <c r="EC32" s="278">
        <v>10</v>
      </c>
      <c r="ED32" s="283">
        <v>12</v>
      </c>
      <c r="EE32" s="277">
        <v>0</v>
      </c>
      <c r="EF32" s="281">
        <v>0</v>
      </c>
      <c r="EG32" s="278">
        <v>0</v>
      </c>
      <c r="EH32" s="280">
        <v>0</v>
      </c>
      <c r="EI32" s="281">
        <v>2</v>
      </c>
      <c r="EJ32" s="281">
        <v>0</v>
      </c>
      <c r="EK32" s="281">
        <v>0</v>
      </c>
      <c r="EL32" s="281">
        <v>0</v>
      </c>
      <c r="EM32" s="281">
        <v>0</v>
      </c>
      <c r="EN32" s="278">
        <v>2</v>
      </c>
      <c r="EO32" s="283">
        <v>2</v>
      </c>
      <c r="EP32" s="277">
        <v>2</v>
      </c>
      <c r="EQ32" s="281">
        <v>1</v>
      </c>
      <c r="ER32" s="278">
        <v>3</v>
      </c>
      <c r="ES32" s="280">
        <v>0</v>
      </c>
      <c r="ET32" s="281">
        <v>6</v>
      </c>
      <c r="EU32" s="281">
        <v>3</v>
      </c>
      <c r="EV32" s="281">
        <v>2</v>
      </c>
      <c r="EW32" s="281">
        <v>5</v>
      </c>
      <c r="EX32" s="281">
        <v>1</v>
      </c>
      <c r="EY32" s="278">
        <v>17</v>
      </c>
      <c r="EZ32" s="283">
        <v>20</v>
      </c>
    </row>
    <row r="33" spans="2:156" ht="19.8" customHeight="1" x14ac:dyDescent="0.2">
      <c r="B33" s="262" t="s">
        <v>31</v>
      </c>
      <c r="C33" s="277">
        <v>0</v>
      </c>
      <c r="D33" s="281">
        <v>0</v>
      </c>
      <c r="E33" s="385">
        <v>0</v>
      </c>
      <c r="F33" s="280">
        <v>0</v>
      </c>
      <c r="G33" s="281">
        <v>2</v>
      </c>
      <c r="H33" s="281">
        <v>2</v>
      </c>
      <c r="I33" s="281">
        <v>0</v>
      </c>
      <c r="J33" s="281">
        <v>0</v>
      </c>
      <c r="K33" s="281">
        <v>0</v>
      </c>
      <c r="L33" s="282">
        <v>4</v>
      </c>
      <c r="M33" s="283">
        <v>4</v>
      </c>
      <c r="N33" s="277">
        <v>0</v>
      </c>
      <c r="O33" s="281">
        <v>0</v>
      </c>
      <c r="P33" s="278">
        <v>0</v>
      </c>
      <c r="Q33" s="280">
        <v>0</v>
      </c>
      <c r="R33" s="281">
        <v>0</v>
      </c>
      <c r="S33" s="281">
        <v>1</v>
      </c>
      <c r="T33" s="281">
        <v>1</v>
      </c>
      <c r="U33" s="281">
        <v>0</v>
      </c>
      <c r="V33" s="281">
        <v>0</v>
      </c>
      <c r="W33" s="278">
        <v>2</v>
      </c>
      <c r="X33" s="283">
        <v>2</v>
      </c>
      <c r="Y33" s="277">
        <v>0</v>
      </c>
      <c r="Z33" s="281">
        <v>0</v>
      </c>
      <c r="AA33" s="278">
        <v>0</v>
      </c>
      <c r="AB33" s="280">
        <v>0</v>
      </c>
      <c r="AC33" s="281">
        <v>2</v>
      </c>
      <c r="AD33" s="281">
        <v>0</v>
      </c>
      <c r="AE33" s="281">
        <v>1</v>
      </c>
      <c r="AF33" s="281">
        <v>1</v>
      </c>
      <c r="AG33" s="281">
        <v>0</v>
      </c>
      <c r="AH33" s="278">
        <v>4</v>
      </c>
      <c r="AI33" s="283">
        <v>4</v>
      </c>
      <c r="AJ33" s="277">
        <v>0</v>
      </c>
      <c r="AK33" s="281">
        <v>0</v>
      </c>
      <c r="AL33" s="278">
        <v>0</v>
      </c>
      <c r="AM33" s="280">
        <v>0</v>
      </c>
      <c r="AN33" s="281">
        <v>1</v>
      </c>
      <c r="AO33" s="281">
        <v>1</v>
      </c>
      <c r="AP33" s="281">
        <v>0</v>
      </c>
      <c r="AQ33" s="281">
        <v>1</v>
      </c>
      <c r="AR33" s="281">
        <v>0</v>
      </c>
      <c r="AS33" s="278">
        <v>3</v>
      </c>
      <c r="AT33" s="283">
        <v>3</v>
      </c>
      <c r="AU33" s="277">
        <v>0</v>
      </c>
      <c r="AV33" s="281">
        <v>0</v>
      </c>
      <c r="AW33" s="278">
        <v>0</v>
      </c>
      <c r="AX33" s="280">
        <v>0</v>
      </c>
      <c r="AY33" s="281">
        <v>0</v>
      </c>
      <c r="AZ33" s="281">
        <v>2</v>
      </c>
      <c r="BA33" s="281">
        <v>1</v>
      </c>
      <c r="BB33" s="281">
        <v>1</v>
      </c>
      <c r="BC33" s="281">
        <v>0</v>
      </c>
      <c r="BD33" s="282">
        <v>4</v>
      </c>
      <c r="BE33" s="283">
        <v>4</v>
      </c>
      <c r="BF33" s="277">
        <v>0</v>
      </c>
      <c r="BG33" s="281">
        <v>0</v>
      </c>
      <c r="BH33" s="278">
        <v>0</v>
      </c>
      <c r="BI33" s="280">
        <v>0</v>
      </c>
      <c r="BJ33" s="281">
        <v>3</v>
      </c>
      <c r="BK33" s="281">
        <v>2</v>
      </c>
      <c r="BL33" s="281">
        <v>1</v>
      </c>
      <c r="BM33" s="281">
        <v>0</v>
      </c>
      <c r="BN33" s="281">
        <v>0</v>
      </c>
      <c r="BO33" s="278">
        <v>6</v>
      </c>
      <c r="BP33" s="283">
        <v>6</v>
      </c>
      <c r="BQ33" s="277">
        <v>0</v>
      </c>
      <c r="BR33" s="281">
        <v>0</v>
      </c>
      <c r="BS33" s="278">
        <v>0</v>
      </c>
      <c r="BT33" s="280">
        <v>0</v>
      </c>
      <c r="BU33" s="281">
        <v>0</v>
      </c>
      <c r="BV33" s="281">
        <v>3</v>
      </c>
      <c r="BW33" s="281">
        <v>0</v>
      </c>
      <c r="BX33" s="281">
        <v>1</v>
      </c>
      <c r="BY33" s="281">
        <v>0</v>
      </c>
      <c r="BZ33" s="278">
        <v>4</v>
      </c>
      <c r="CA33" s="283">
        <v>4</v>
      </c>
      <c r="CB33" s="277">
        <v>0</v>
      </c>
      <c r="CC33" s="281">
        <v>0</v>
      </c>
      <c r="CD33" s="278">
        <v>0</v>
      </c>
      <c r="CE33" s="280">
        <v>0</v>
      </c>
      <c r="CF33" s="281">
        <v>1</v>
      </c>
      <c r="CG33" s="281">
        <v>2</v>
      </c>
      <c r="CH33" s="281">
        <v>0</v>
      </c>
      <c r="CI33" s="281">
        <v>0</v>
      </c>
      <c r="CJ33" s="281">
        <v>0</v>
      </c>
      <c r="CK33" s="278">
        <v>3</v>
      </c>
      <c r="CL33" s="283">
        <v>3</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c r="DI33" s="277">
        <v>0</v>
      </c>
      <c r="DJ33" s="281">
        <v>0</v>
      </c>
      <c r="DK33" s="278">
        <v>0</v>
      </c>
      <c r="DL33" s="280">
        <v>0</v>
      </c>
      <c r="DM33" s="281">
        <v>0</v>
      </c>
      <c r="DN33" s="281">
        <v>0</v>
      </c>
      <c r="DO33" s="281">
        <v>0</v>
      </c>
      <c r="DP33" s="281">
        <v>0</v>
      </c>
      <c r="DQ33" s="281">
        <v>0</v>
      </c>
      <c r="DR33" s="278">
        <v>0</v>
      </c>
      <c r="DS33" s="283">
        <v>0</v>
      </c>
      <c r="DT33" s="277">
        <v>3</v>
      </c>
      <c r="DU33" s="281">
        <v>1</v>
      </c>
      <c r="DV33" s="278">
        <v>4</v>
      </c>
      <c r="DW33" s="280">
        <v>0</v>
      </c>
      <c r="DX33" s="281">
        <v>4</v>
      </c>
      <c r="DY33" s="281">
        <v>8</v>
      </c>
      <c r="DZ33" s="281">
        <v>2</v>
      </c>
      <c r="EA33" s="281">
        <v>1</v>
      </c>
      <c r="EB33" s="281">
        <v>0</v>
      </c>
      <c r="EC33" s="278">
        <v>15</v>
      </c>
      <c r="ED33" s="283">
        <v>19</v>
      </c>
      <c r="EE33" s="277">
        <v>0</v>
      </c>
      <c r="EF33" s="281">
        <v>0</v>
      </c>
      <c r="EG33" s="278">
        <v>0</v>
      </c>
      <c r="EH33" s="280">
        <v>0</v>
      </c>
      <c r="EI33" s="281">
        <v>0</v>
      </c>
      <c r="EJ33" s="281">
        <v>0</v>
      </c>
      <c r="EK33" s="281">
        <v>1</v>
      </c>
      <c r="EL33" s="281">
        <v>0</v>
      </c>
      <c r="EM33" s="281">
        <v>0</v>
      </c>
      <c r="EN33" s="278">
        <v>1</v>
      </c>
      <c r="EO33" s="283">
        <v>1</v>
      </c>
      <c r="EP33" s="277">
        <v>3</v>
      </c>
      <c r="EQ33" s="281">
        <v>1</v>
      </c>
      <c r="ER33" s="278">
        <v>4</v>
      </c>
      <c r="ES33" s="280">
        <v>0</v>
      </c>
      <c r="ET33" s="281">
        <v>8</v>
      </c>
      <c r="EU33" s="281">
        <v>10</v>
      </c>
      <c r="EV33" s="281">
        <v>2</v>
      </c>
      <c r="EW33" s="281">
        <v>1</v>
      </c>
      <c r="EX33" s="281">
        <v>0</v>
      </c>
      <c r="EY33" s="278">
        <v>21</v>
      </c>
      <c r="EZ33" s="283">
        <v>25</v>
      </c>
    </row>
    <row r="34" spans="2:156" ht="19.8" customHeight="1" x14ac:dyDescent="0.2">
      <c r="B34" s="262" t="s">
        <v>32</v>
      </c>
      <c r="C34" s="277">
        <v>0</v>
      </c>
      <c r="D34" s="281">
        <v>0</v>
      </c>
      <c r="E34" s="385">
        <v>0</v>
      </c>
      <c r="F34" s="280">
        <v>0</v>
      </c>
      <c r="G34" s="281">
        <v>1</v>
      </c>
      <c r="H34" s="281">
        <v>2</v>
      </c>
      <c r="I34" s="281">
        <v>1</v>
      </c>
      <c r="J34" s="281">
        <v>1</v>
      </c>
      <c r="K34" s="281">
        <v>1</v>
      </c>
      <c r="L34" s="282">
        <v>6</v>
      </c>
      <c r="M34" s="283">
        <v>6</v>
      </c>
      <c r="N34" s="277">
        <v>0</v>
      </c>
      <c r="O34" s="281">
        <v>0</v>
      </c>
      <c r="P34" s="278">
        <v>0</v>
      </c>
      <c r="Q34" s="280">
        <v>0</v>
      </c>
      <c r="R34" s="281">
        <v>0</v>
      </c>
      <c r="S34" s="281">
        <v>0</v>
      </c>
      <c r="T34" s="281">
        <v>0</v>
      </c>
      <c r="U34" s="281">
        <v>0</v>
      </c>
      <c r="V34" s="281">
        <v>1</v>
      </c>
      <c r="W34" s="278">
        <v>1</v>
      </c>
      <c r="X34" s="283">
        <v>1</v>
      </c>
      <c r="Y34" s="277">
        <v>0</v>
      </c>
      <c r="Z34" s="281">
        <v>1</v>
      </c>
      <c r="AA34" s="278">
        <v>1</v>
      </c>
      <c r="AB34" s="280">
        <v>0</v>
      </c>
      <c r="AC34" s="281">
        <v>2</v>
      </c>
      <c r="AD34" s="281">
        <v>1</v>
      </c>
      <c r="AE34" s="281">
        <v>1</v>
      </c>
      <c r="AF34" s="281">
        <v>1</v>
      </c>
      <c r="AG34" s="281">
        <v>0</v>
      </c>
      <c r="AH34" s="278">
        <v>5</v>
      </c>
      <c r="AI34" s="283">
        <v>6</v>
      </c>
      <c r="AJ34" s="277">
        <v>0</v>
      </c>
      <c r="AK34" s="281">
        <v>0</v>
      </c>
      <c r="AL34" s="278">
        <v>0</v>
      </c>
      <c r="AM34" s="280">
        <v>0</v>
      </c>
      <c r="AN34" s="281">
        <v>0</v>
      </c>
      <c r="AO34" s="281">
        <v>1</v>
      </c>
      <c r="AP34" s="281">
        <v>0</v>
      </c>
      <c r="AQ34" s="281">
        <v>0</v>
      </c>
      <c r="AR34" s="281">
        <v>0</v>
      </c>
      <c r="AS34" s="278">
        <v>1</v>
      </c>
      <c r="AT34" s="283">
        <v>1</v>
      </c>
      <c r="AU34" s="277">
        <v>0</v>
      </c>
      <c r="AV34" s="281">
        <v>1</v>
      </c>
      <c r="AW34" s="278">
        <v>1</v>
      </c>
      <c r="AX34" s="280">
        <v>0</v>
      </c>
      <c r="AY34" s="281">
        <v>0</v>
      </c>
      <c r="AZ34" s="281">
        <v>1</v>
      </c>
      <c r="BA34" s="281">
        <v>4</v>
      </c>
      <c r="BB34" s="281">
        <v>3</v>
      </c>
      <c r="BC34" s="281">
        <v>0</v>
      </c>
      <c r="BD34" s="282">
        <v>8</v>
      </c>
      <c r="BE34" s="283">
        <v>9</v>
      </c>
      <c r="BF34" s="277">
        <v>0</v>
      </c>
      <c r="BG34" s="281">
        <v>0</v>
      </c>
      <c r="BH34" s="278">
        <v>0</v>
      </c>
      <c r="BI34" s="280">
        <v>0</v>
      </c>
      <c r="BJ34" s="281">
        <v>3</v>
      </c>
      <c r="BK34" s="281">
        <v>1</v>
      </c>
      <c r="BL34" s="281">
        <v>1</v>
      </c>
      <c r="BM34" s="281">
        <v>0</v>
      </c>
      <c r="BN34" s="281">
        <v>1</v>
      </c>
      <c r="BO34" s="278">
        <v>6</v>
      </c>
      <c r="BP34" s="283">
        <v>6</v>
      </c>
      <c r="BQ34" s="277">
        <v>0</v>
      </c>
      <c r="BR34" s="281">
        <v>0</v>
      </c>
      <c r="BS34" s="278">
        <v>0</v>
      </c>
      <c r="BT34" s="280">
        <v>0</v>
      </c>
      <c r="BU34" s="281">
        <v>2</v>
      </c>
      <c r="BV34" s="281">
        <v>0</v>
      </c>
      <c r="BW34" s="281">
        <v>0</v>
      </c>
      <c r="BX34" s="281">
        <v>0</v>
      </c>
      <c r="BY34" s="281">
        <v>1</v>
      </c>
      <c r="BZ34" s="278">
        <v>3</v>
      </c>
      <c r="CA34" s="283">
        <v>3</v>
      </c>
      <c r="CB34" s="277">
        <v>0</v>
      </c>
      <c r="CC34" s="281">
        <v>0</v>
      </c>
      <c r="CD34" s="278">
        <v>0</v>
      </c>
      <c r="CE34" s="280">
        <v>0</v>
      </c>
      <c r="CF34" s="281">
        <v>1</v>
      </c>
      <c r="CG34" s="281">
        <v>0</v>
      </c>
      <c r="CH34" s="281">
        <v>1</v>
      </c>
      <c r="CI34" s="281">
        <v>0</v>
      </c>
      <c r="CJ34" s="281">
        <v>1</v>
      </c>
      <c r="CK34" s="278">
        <v>3</v>
      </c>
      <c r="CL34" s="283">
        <v>3</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c r="DI34" s="277">
        <v>0</v>
      </c>
      <c r="DJ34" s="281">
        <v>0</v>
      </c>
      <c r="DK34" s="278">
        <v>0</v>
      </c>
      <c r="DL34" s="280">
        <v>0</v>
      </c>
      <c r="DM34" s="281">
        <v>0</v>
      </c>
      <c r="DN34" s="281">
        <v>0</v>
      </c>
      <c r="DO34" s="281">
        <v>0</v>
      </c>
      <c r="DP34" s="281">
        <v>0</v>
      </c>
      <c r="DQ34" s="281">
        <v>0</v>
      </c>
      <c r="DR34" s="278">
        <v>0</v>
      </c>
      <c r="DS34" s="283">
        <v>0</v>
      </c>
      <c r="DT34" s="277">
        <v>0</v>
      </c>
      <c r="DU34" s="281">
        <v>3</v>
      </c>
      <c r="DV34" s="278">
        <v>3</v>
      </c>
      <c r="DW34" s="280">
        <v>0</v>
      </c>
      <c r="DX34" s="281">
        <v>6</v>
      </c>
      <c r="DY34" s="281">
        <v>6</v>
      </c>
      <c r="DZ34" s="281">
        <v>3</v>
      </c>
      <c r="EA34" s="281">
        <v>2</v>
      </c>
      <c r="EB34" s="281">
        <v>2</v>
      </c>
      <c r="EC34" s="278">
        <v>19</v>
      </c>
      <c r="ED34" s="283">
        <v>22</v>
      </c>
      <c r="EE34" s="277">
        <v>0</v>
      </c>
      <c r="EF34" s="281">
        <v>1</v>
      </c>
      <c r="EG34" s="278">
        <v>1</v>
      </c>
      <c r="EH34" s="280">
        <v>0</v>
      </c>
      <c r="EI34" s="281">
        <v>0</v>
      </c>
      <c r="EJ34" s="281">
        <v>1</v>
      </c>
      <c r="EK34" s="281">
        <v>1</v>
      </c>
      <c r="EL34" s="281">
        <v>2</v>
      </c>
      <c r="EM34" s="281">
        <v>0</v>
      </c>
      <c r="EN34" s="278">
        <v>4</v>
      </c>
      <c r="EO34" s="283">
        <v>5</v>
      </c>
      <c r="EP34" s="277">
        <v>0</v>
      </c>
      <c r="EQ34" s="281">
        <v>3</v>
      </c>
      <c r="ER34" s="278">
        <v>3</v>
      </c>
      <c r="ES34" s="280">
        <v>0</v>
      </c>
      <c r="ET34" s="281">
        <v>10</v>
      </c>
      <c r="EU34" s="281">
        <v>7</v>
      </c>
      <c r="EV34" s="281">
        <v>3</v>
      </c>
      <c r="EW34" s="281">
        <v>2</v>
      </c>
      <c r="EX34" s="281">
        <v>2</v>
      </c>
      <c r="EY34" s="278">
        <v>24</v>
      </c>
      <c r="EZ34" s="283">
        <v>27</v>
      </c>
    </row>
    <row r="35" spans="2:156" ht="19.8" customHeight="1" x14ac:dyDescent="0.2">
      <c r="B35" s="262" t="s">
        <v>33</v>
      </c>
      <c r="C35" s="277">
        <v>0</v>
      </c>
      <c r="D35" s="281">
        <v>0</v>
      </c>
      <c r="E35" s="385">
        <v>0</v>
      </c>
      <c r="F35" s="280">
        <v>0</v>
      </c>
      <c r="G35" s="281">
        <v>2</v>
      </c>
      <c r="H35" s="281">
        <v>0</v>
      </c>
      <c r="I35" s="281">
        <v>0</v>
      </c>
      <c r="J35" s="281">
        <v>0</v>
      </c>
      <c r="K35" s="281">
        <v>0</v>
      </c>
      <c r="L35" s="282">
        <v>2</v>
      </c>
      <c r="M35" s="283">
        <v>2</v>
      </c>
      <c r="N35" s="277">
        <v>0</v>
      </c>
      <c r="O35" s="281">
        <v>0</v>
      </c>
      <c r="P35" s="278">
        <v>0</v>
      </c>
      <c r="Q35" s="280">
        <v>0</v>
      </c>
      <c r="R35" s="281">
        <v>0</v>
      </c>
      <c r="S35" s="281">
        <v>0</v>
      </c>
      <c r="T35" s="281">
        <v>0</v>
      </c>
      <c r="U35" s="281">
        <v>0</v>
      </c>
      <c r="V35" s="281">
        <v>0</v>
      </c>
      <c r="W35" s="278">
        <v>0</v>
      </c>
      <c r="X35" s="283">
        <v>0</v>
      </c>
      <c r="Y35" s="277">
        <v>0</v>
      </c>
      <c r="Z35" s="281">
        <v>0</v>
      </c>
      <c r="AA35" s="278">
        <v>0</v>
      </c>
      <c r="AB35" s="280">
        <v>0</v>
      </c>
      <c r="AC35" s="281">
        <v>2</v>
      </c>
      <c r="AD35" s="281">
        <v>0</v>
      </c>
      <c r="AE35" s="281">
        <v>0</v>
      </c>
      <c r="AF35" s="281">
        <v>0</v>
      </c>
      <c r="AG35" s="281">
        <v>0</v>
      </c>
      <c r="AH35" s="278">
        <v>2</v>
      </c>
      <c r="AI35" s="283">
        <v>2</v>
      </c>
      <c r="AJ35" s="277">
        <v>2</v>
      </c>
      <c r="AK35" s="281">
        <v>2</v>
      </c>
      <c r="AL35" s="278">
        <v>4</v>
      </c>
      <c r="AM35" s="280">
        <v>0</v>
      </c>
      <c r="AN35" s="281">
        <v>0</v>
      </c>
      <c r="AO35" s="281">
        <v>0</v>
      </c>
      <c r="AP35" s="281">
        <v>0</v>
      </c>
      <c r="AQ35" s="281">
        <v>0</v>
      </c>
      <c r="AR35" s="281">
        <v>0</v>
      </c>
      <c r="AS35" s="278">
        <v>0</v>
      </c>
      <c r="AT35" s="283">
        <v>4</v>
      </c>
      <c r="AU35" s="277">
        <v>0</v>
      </c>
      <c r="AV35" s="281">
        <v>0</v>
      </c>
      <c r="AW35" s="278">
        <v>0</v>
      </c>
      <c r="AX35" s="280">
        <v>0</v>
      </c>
      <c r="AY35" s="281">
        <v>1</v>
      </c>
      <c r="AZ35" s="281">
        <v>0</v>
      </c>
      <c r="BA35" s="281">
        <v>1</v>
      </c>
      <c r="BB35" s="281">
        <v>0</v>
      </c>
      <c r="BC35" s="281">
        <v>0</v>
      </c>
      <c r="BD35" s="282">
        <v>2</v>
      </c>
      <c r="BE35" s="283">
        <v>2</v>
      </c>
      <c r="BF35" s="277">
        <v>0</v>
      </c>
      <c r="BG35" s="281">
        <v>0</v>
      </c>
      <c r="BH35" s="278">
        <v>0</v>
      </c>
      <c r="BI35" s="280">
        <v>0</v>
      </c>
      <c r="BJ35" s="281">
        <v>1</v>
      </c>
      <c r="BK35" s="281">
        <v>0</v>
      </c>
      <c r="BL35" s="281">
        <v>0</v>
      </c>
      <c r="BM35" s="281">
        <v>0</v>
      </c>
      <c r="BN35" s="281">
        <v>0</v>
      </c>
      <c r="BO35" s="278">
        <v>1</v>
      </c>
      <c r="BP35" s="283">
        <v>1</v>
      </c>
      <c r="BQ35" s="277">
        <v>1</v>
      </c>
      <c r="BR35" s="281">
        <v>1</v>
      </c>
      <c r="BS35" s="278">
        <v>2</v>
      </c>
      <c r="BT35" s="280">
        <v>0</v>
      </c>
      <c r="BU35" s="281">
        <v>1</v>
      </c>
      <c r="BV35" s="281">
        <v>2</v>
      </c>
      <c r="BW35" s="281">
        <v>1</v>
      </c>
      <c r="BX35" s="281">
        <v>0</v>
      </c>
      <c r="BY35" s="281">
        <v>0</v>
      </c>
      <c r="BZ35" s="278">
        <v>4</v>
      </c>
      <c r="CA35" s="283">
        <v>6</v>
      </c>
      <c r="CB35" s="277">
        <v>0</v>
      </c>
      <c r="CC35" s="281">
        <v>0</v>
      </c>
      <c r="CD35" s="278">
        <v>0</v>
      </c>
      <c r="CE35" s="280">
        <v>0</v>
      </c>
      <c r="CF35" s="281">
        <v>0</v>
      </c>
      <c r="CG35" s="281">
        <v>0</v>
      </c>
      <c r="CH35" s="281">
        <v>0</v>
      </c>
      <c r="CI35" s="281">
        <v>0</v>
      </c>
      <c r="CJ35" s="281">
        <v>0</v>
      </c>
      <c r="CK35" s="278">
        <v>0</v>
      </c>
      <c r="CL35" s="283">
        <v>0</v>
      </c>
      <c r="CM35" s="277">
        <v>0</v>
      </c>
      <c r="CN35" s="281">
        <v>0</v>
      </c>
      <c r="CO35" s="278">
        <v>0</v>
      </c>
      <c r="CP35" s="280">
        <v>0</v>
      </c>
      <c r="CQ35" s="281">
        <v>0</v>
      </c>
      <c r="CR35" s="281">
        <v>0</v>
      </c>
      <c r="CS35" s="281">
        <v>1</v>
      </c>
      <c r="CT35" s="281">
        <v>0</v>
      </c>
      <c r="CU35" s="281">
        <v>0</v>
      </c>
      <c r="CV35" s="278">
        <v>1</v>
      </c>
      <c r="CW35" s="283">
        <v>1</v>
      </c>
      <c r="CX35" s="277">
        <v>0</v>
      </c>
      <c r="CY35" s="281">
        <v>0</v>
      </c>
      <c r="CZ35" s="278">
        <v>0</v>
      </c>
      <c r="DA35" s="280">
        <v>0</v>
      </c>
      <c r="DB35" s="281">
        <v>0</v>
      </c>
      <c r="DC35" s="281">
        <v>0</v>
      </c>
      <c r="DD35" s="281">
        <v>0</v>
      </c>
      <c r="DE35" s="281">
        <v>0</v>
      </c>
      <c r="DF35" s="281">
        <v>0</v>
      </c>
      <c r="DG35" s="278">
        <v>0</v>
      </c>
      <c r="DH35" s="283">
        <v>0</v>
      </c>
      <c r="DI35" s="277">
        <v>0</v>
      </c>
      <c r="DJ35" s="281">
        <v>0</v>
      </c>
      <c r="DK35" s="278">
        <v>0</v>
      </c>
      <c r="DL35" s="280">
        <v>0</v>
      </c>
      <c r="DM35" s="281">
        <v>0</v>
      </c>
      <c r="DN35" s="281">
        <v>0</v>
      </c>
      <c r="DO35" s="281">
        <v>0</v>
      </c>
      <c r="DP35" s="281">
        <v>0</v>
      </c>
      <c r="DQ35" s="281">
        <v>0</v>
      </c>
      <c r="DR35" s="278">
        <v>0</v>
      </c>
      <c r="DS35" s="283">
        <v>0</v>
      </c>
      <c r="DT35" s="277">
        <v>1</v>
      </c>
      <c r="DU35" s="281">
        <v>0</v>
      </c>
      <c r="DV35" s="278">
        <v>1</v>
      </c>
      <c r="DW35" s="280">
        <v>0</v>
      </c>
      <c r="DX35" s="281">
        <v>4</v>
      </c>
      <c r="DY35" s="281">
        <v>0</v>
      </c>
      <c r="DZ35" s="281">
        <v>2</v>
      </c>
      <c r="EA35" s="281">
        <v>0</v>
      </c>
      <c r="EB35" s="281">
        <v>0</v>
      </c>
      <c r="EC35" s="278">
        <v>6</v>
      </c>
      <c r="ED35" s="283">
        <v>7</v>
      </c>
      <c r="EE35" s="277">
        <v>0</v>
      </c>
      <c r="EF35" s="281">
        <v>0</v>
      </c>
      <c r="EG35" s="278">
        <v>0</v>
      </c>
      <c r="EH35" s="280">
        <v>0</v>
      </c>
      <c r="EI35" s="281">
        <v>0</v>
      </c>
      <c r="EJ35" s="281">
        <v>0</v>
      </c>
      <c r="EK35" s="281">
        <v>0</v>
      </c>
      <c r="EL35" s="281">
        <v>0</v>
      </c>
      <c r="EM35" s="281">
        <v>0</v>
      </c>
      <c r="EN35" s="278">
        <v>0</v>
      </c>
      <c r="EO35" s="283">
        <v>0</v>
      </c>
      <c r="EP35" s="277">
        <v>3</v>
      </c>
      <c r="EQ35" s="281">
        <v>2</v>
      </c>
      <c r="ER35" s="278">
        <v>5</v>
      </c>
      <c r="ES35" s="280">
        <v>0</v>
      </c>
      <c r="ET35" s="281">
        <v>6</v>
      </c>
      <c r="EU35" s="281">
        <v>2</v>
      </c>
      <c r="EV35" s="281">
        <v>1</v>
      </c>
      <c r="EW35" s="281">
        <v>0</v>
      </c>
      <c r="EX35" s="281">
        <v>0</v>
      </c>
      <c r="EY35" s="278">
        <v>9</v>
      </c>
      <c r="EZ35" s="283">
        <v>14</v>
      </c>
    </row>
    <row r="36" spans="2:156" ht="19.8" customHeight="1" x14ac:dyDescent="0.2">
      <c r="B36" s="262" t="s">
        <v>34</v>
      </c>
      <c r="C36" s="277">
        <v>0</v>
      </c>
      <c r="D36" s="281">
        <v>0</v>
      </c>
      <c r="E36" s="385">
        <v>0</v>
      </c>
      <c r="F36" s="280">
        <v>0</v>
      </c>
      <c r="G36" s="281">
        <v>1</v>
      </c>
      <c r="H36" s="281">
        <v>0</v>
      </c>
      <c r="I36" s="281">
        <v>0</v>
      </c>
      <c r="J36" s="281">
        <v>0</v>
      </c>
      <c r="K36" s="281">
        <v>0</v>
      </c>
      <c r="L36" s="282">
        <v>1</v>
      </c>
      <c r="M36" s="283">
        <v>1</v>
      </c>
      <c r="N36" s="277">
        <v>0</v>
      </c>
      <c r="O36" s="281">
        <v>0</v>
      </c>
      <c r="P36" s="278">
        <v>0</v>
      </c>
      <c r="Q36" s="280">
        <v>0</v>
      </c>
      <c r="R36" s="281">
        <v>0</v>
      </c>
      <c r="S36" s="281">
        <v>0</v>
      </c>
      <c r="T36" s="281">
        <v>0</v>
      </c>
      <c r="U36" s="281">
        <v>0</v>
      </c>
      <c r="V36" s="281">
        <v>0</v>
      </c>
      <c r="W36" s="278">
        <v>0</v>
      </c>
      <c r="X36" s="283">
        <v>0</v>
      </c>
      <c r="Y36" s="277">
        <v>0</v>
      </c>
      <c r="Z36" s="281">
        <v>1</v>
      </c>
      <c r="AA36" s="278">
        <v>1</v>
      </c>
      <c r="AB36" s="280">
        <v>0</v>
      </c>
      <c r="AC36" s="281">
        <v>1</v>
      </c>
      <c r="AD36" s="281">
        <v>1</v>
      </c>
      <c r="AE36" s="281">
        <v>0</v>
      </c>
      <c r="AF36" s="281">
        <v>0</v>
      </c>
      <c r="AG36" s="281">
        <v>0</v>
      </c>
      <c r="AH36" s="278">
        <v>2</v>
      </c>
      <c r="AI36" s="283">
        <v>3</v>
      </c>
      <c r="AJ36" s="277">
        <v>0</v>
      </c>
      <c r="AK36" s="281">
        <v>0</v>
      </c>
      <c r="AL36" s="278">
        <v>0</v>
      </c>
      <c r="AM36" s="280">
        <v>0</v>
      </c>
      <c r="AN36" s="281">
        <v>0</v>
      </c>
      <c r="AO36" s="281">
        <v>1</v>
      </c>
      <c r="AP36" s="281">
        <v>0</v>
      </c>
      <c r="AQ36" s="281">
        <v>0</v>
      </c>
      <c r="AR36" s="281">
        <v>0</v>
      </c>
      <c r="AS36" s="278">
        <v>1</v>
      </c>
      <c r="AT36" s="283">
        <v>1</v>
      </c>
      <c r="AU36" s="277">
        <v>0</v>
      </c>
      <c r="AV36" s="281">
        <v>0</v>
      </c>
      <c r="AW36" s="278">
        <v>0</v>
      </c>
      <c r="AX36" s="280">
        <v>0</v>
      </c>
      <c r="AY36" s="281">
        <v>1</v>
      </c>
      <c r="AZ36" s="281">
        <v>2</v>
      </c>
      <c r="BA36" s="281">
        <v>1</v>
      </c>
      <c r="BB36" s="281">
        <v>0</v>
      </c>
      <c r="BC36" s="281">
        <v>1</v>
      </c>
      <c r="BD36" s="282">
        <v>5</v>
      </c>
      <c r="BE36" s="283">
        <v>5</v>
      </c>
      <c r="BF36" s="277">
        <v>0</v>
      </c>
      <c r="BG36" s="281">
        <v>0</v>
      </c>
      <c r="BH36" s="278">
        <v>0</v>
      </c>
      <c r="BI36" s="280">
        <v>0</v>
      </c>
      <c r="BJ36" s="281">
        <v>1</v>
      </c>
      <c r="BK36" s="281">
        <v>0</v>
      </c>
      <c r="BL36" s="281">
        <v>0</v>
      </c>
      <c r="BM36" s="281">
        <v>0</v>
      </c>
      <c r="BN36" s="281">
        <v>0</v>
      </c>
      <c r="BO36" s="278">
        <v>1</v>
      </c>
      <c r="BP36" s="283">
        <v>1</v>
      </c>
      <c r="BQ36" s="277">
        <v>0</v>
      </c>
      <c r="BR36" s="281">
        <v>0</v>
      </c>
      <c r="BS36" s="278">
        <v>0</v>
      </c>
      <c r="BT36" s="280">
        <v>0</v>
      </c>
      <c r="BU36" s="281">
        <v>1</v>
      </c>
      <c r="BV36" s="281">
        <v>1</v>
      </c>
      <c r="BW36" s="281">
        <v>0</v>
      </c>
      <c r="BX36" s="281">
        <v>0</v>
      </c>
      <c r="BY36" s="281">
        <v>0</v>
      </c>
      <c r="BZ36" s="278">
        <v>2</v>
      </c>
      <c r="CA36" s="283">
        <v>2</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c r="DI36" s="277">
        <v>0</v>
      </c>
      <c r="DJ36" s="281">
        <v>0</v>
      </c>
      <c r="DK36" s="278">
        <v>0</v>
      </c>
      <c r="DL36" s="280">
        <v>0</v>
      </c>
      <c r="DM36" s="281">
        <v>0</v>
      </c>
      <c r="DN36" s="281">
        <v>0</v>
      </c>
      <c r="DO36" s="281">
        <v>0</v>
      </c>
      <c r="DP36" s="281">
        <v>0</v>
      </c>
      <c r="DQ36" s="281">
        <v>0</v>
      </c>
      <c r="DR36" s="278">
        <v>0</v>
      </c>
      <c r="DS36" s="283">
        <v>0</v>
      </c>
      <c r="DT36" s="277">
        <v>0</v>
      </c>
      <c r="DU36" s="281">
        <v>0</v>
      </c>
      <c r="DV36" s="278">
        <v>0</v>
      </c>
      <c r="DW36" s="280">
        <v>0</v>
      </c>
      <c r="DX36" s="281">
        <v>2</v>
      </c>
      <c r="DY36" s="281">
        <v>1</v>
      </c>
      <c r="DZ36" s="281">
        <v>3</v>
      </c>
      <c r="EA36" s="281">
        <v>0</v>
      </c>
      <c r="EB36" s="281">
        <v>0</v>
      </c>
      <c r="EC36" s="278">
        <v>6</v>
      </c>
      <c r="ED36" s="283">
        <v>6</v>
      </c>
      <c r="EE36" s="277">
        <v>0</v>
      </c>
      <c r="EF36" s="281">
        <v>0</v>
      </c>
      <c r="EG36" s="278">
        <v>0</v>
      </c>
      <c r="EH36" s="280">
        <v>0</v>
      </c>
      <c r="EI36" s="281">
        <v>0</v>
      </c>
      <c r="EJ36" s="281">
        <v>1</v>
      </c>
      <c r="EK36" s="281">
        <v>1</v>
      </c>
      <c r="EL36" s="281">
        <v>0</v>
      </c>
      <c r="EM36" s="281">
        <v>1</v>
      </c>
      <c r="EN36" s="278">
        <v>3</v>
      </c>
      <c r="EO36" s="283">
        <v>3</v>
      </c>
      <c r="EP36" s="277">
        <v>0</v>
      </c>
      <c r="EQ36" s="281">
        <v>1</v>
      </c>
      <c r="ER36" s="278">
        <v>1</v>
      </c>
      <c r="ES36" s="280">
        <v>0</v>
      </c>
      <c r="ET36" s="281">
        <v>5</v>
      </c>
      <c r="EU36" s="281">
        <v>2</v>
      </c>
      <c r="EV36" s="281">
        <v>2</v>
      </c>
      <c r="EW36" s="281">
        <v>0</v>
      </c>
      <c r="EX36" s="281">
        <v>0</v>
      </c>
      <c r="EY36" s="278">
        <v>9</v>
      </c>
      <c r="EZ36" s="283">
        <v>10</v>
      </c>
    </row>
    <row r="37" spans="2:156" ht="19.8" customHeight="1" x14ac:dyDescent="0.2">
      <c r="B37" s="262" t="s">
        <v>35</v>
      </c>
      <c r="C37" s="277">
        <v>0</v>
      </c>
      <c r="D37" s="281">
        <v>0</v>
      </c>
      <c r="E37" s="385">
        <v>0</v>
      </c>
      <c r="F37" s="280">
        <v>0</v>
      </c>
      <c r="G37" s="281">
        <v>3</v>
      </c>
      <c r="H37" s="281">
        <v>2</v>
      </c>
      <c r="I37" s="281">
        <v>1</v>
      </c>
      <c r="J37" s="281">
        <v>0</v>
      </c>
      <c r="K37" s="281">
        <v>1</v>
      </c>
      <c r="L37" s="282">
        <v>7</v>
      </c>
      <c r="M37" s="283">
        <v>7</v>
      </c>
      <c r="N37" s="277">
        <v>0</v>
      </c>
      <c r="O37" s="281">
        <v>0</v>
      </c>
      <c r="P37" s="278">
        <v>0</v>
      </c>
      <c r="Q37" s="280">
        <v>0</v>
      </c>
      <c r="R37" s="281">
        <v>0</v>
      </c>
      <c r="S37" s="281">
        <v>0</v>
      </c>
      <c r="T37" s="281">
        <v>0</v>
      </c>
      <c r="U37" s="281">
        <v>0</v>
      </c>
      <c r="V37" s="281">
        <v>1</v>
      </c>
      <c r="W37" s="278">
        <v>1</v>
      </c>
      <c r="X37" s="283">
        <v>1</v>
      </c>
      <c r="Y37" s="277">
        <v>0</v>
      </c>
      <c r="Z37" s="281">
        <v>0</v>
      </c>
      <c r="AA37" s="278">
        <v>0</v>
      </c>
      <c r="AB37" s="280">
        <v>0</v>
      </c>
      <c r="AC37" s="281">
        <v>0</v>
      </c>
      <c r="AD37" s="281">
        <v>3</v>
      </c>
      <c r="AE37" s="281">
        <v>0</v>
      </c>
      <c r="AF37" s="281">
        <v>0</v>
      </c>
      <c r="AG37" s="281">
        <v>0</v>
      </c>
      <c r="AH37" s="278">
        <v>3</v>
      </c>
      <c r="AI37" s="283">
        <v>3</v>
      </c>
      <c r="AJ37" s="277">
        <v>0</v>
      </c>
      <c r="AK37" s="281">
        <v>0</v>
      </c>
      <c r="AL37" s="278">
        <v>0</v>
      </c>
      <c r="AM37" s="280">
        <v>0</v>
      </c>
      <c r="AN37" s="281">
        <v>3</v>
      </c>
      <c r="AO37" s="281">
        <v>1</v>
      </c>
      <c r="AP37" s="281">
        <v>1</v>
      </c>
      <c r="AQ37" s="281">
        <v>0</v>
      </c>
      <c r="AR37" s="281">
        <v>0</v>
      </c>
      <c r="AS37" s="278">
        <v>5</v>
      </c>
      <c r="AT37" s="283">
        <v>5</v>
      </c>
      <c r="AU37" s="277">
        <v>3</v>
      </c>
      <c r="AV37" s="281">
        <v>1</v>
      </c>
      <c r="AW37" s="278">
        <v>4</v>
      </c>
      <c r="AX37" s="280">
        <v>0</v>
      </c>
      <c r="AY37" s="281">
        <v>7</v>
      </c>
      <c r="AZ37" s="281">
        <v>8</v>
      </c>
      <c r="BA37" s="281">
        <v>4</v>
      </c>
      <c r="BB37" s="281">
        <v>3</v>
      </c>
      <c r="BC37" s="281">
        <v>2</v>
      </c>
      <c r="BD37" s="282">
        <v>24</v>
      </c>
      <c r="BE37" s="283">
        <v>28</v>
      </c>
      <c r="BF37" s="277">
        <v>0</v>
      </c>
      <c r="BG37" s="281">
        <v>0</v>
      </c>
      <c r="BH37" s="278">
        <v>0</v>
      </c>
      <c r="BI37" s="280">
        <v>0</v>
      </c>
      <c r="BJ37" s="281">
        <v>4</v>
      </c>
      <c r="BK37" s="281">
        <v>5</v>
      </c>
      <c r="BL37" s="281">
        <v>2</v>
      </c>
      <c r="BM37" s="281">
        <v>0</v>
      </c>
      <c r="BN37" s="281">
        <v>0</v>
      </c>
      <c r="BO37" s="278">
        <v>11</v>
      </c>
      <c r="BP37" s="283">
        <v>11</v>
      </c>
      <c r="BQ37" s="277">
        <v>0</v>
      </c>
      <c r="BR37" s="281">
        <v>0</v>
      </c>
      <c r="BS37" s="278">
        <v>0</v>
      </c>
      <c r="BT37" s="280">
        <v>0</v>
      </c>
      <c r="BU37" s="281">
        <v>1</v>
      </c>
      <c r="BV37" s="281">
        <v>1</v>
      </c>
      <c r="BW37" s="281">
        <v>0</v>
      </c>
      <c r="BX37" s="281">
        <v>2</v>
      </c>
      <c r="BY37" s="281">
        <v>0</v>
      </c>
      <c r="BZ37" s="278">
        <v>4</v>
      </c>
      <c r="CA37" s="283">
        <v>4</v>
      </c>
      <c r="CB37" s="277">
        <v>0</v>
      </c>
      <c r="CC37" s="281">
        <v>0</v>
      </c>
      <c r="CD37" s="278">
        <v>0</v>
      </c>
      <c r="CE37" s="280">
        <v>0</v>
      </c>
      <c r="CF37" s="281">
        <v>0</v>
      </c>
      <c r="CG37" s="281">
        <v>0</v>
      </c>
      <c r="CH37" s="281">
        <v>1</v>
      </c>
      <c r="CI37" s="281">
        <v>0</v>
      </c>
      <c r="CJ37" s="281">
        <v>0</v>
      </c>
      <c r="CK37" s="278">
        <v>1</v>
      </c>
      <c r="CL37" s="283">
        <v>1</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c r="DI37" s="277">
        <v>0</v>
      </c>
      <c r="DJ37" s="281">
        <v>0</v>
      </c>
      <c r="DK37" s="278">
        <v>0</v>
      </c>
      <c r="DL37" s="280">
        <v>0</v>
      </c>
      <c r="DM37" s="281">
        <v>0</v>
      </c>
      <c r="DN37" s="281">
        <v>0</v>
      </c>
      <c r="DO37" s="281">
        <v>0</v>
      </c>
      <c r="DP37" s="281">
        <v>0</v>
      </c>
      <c r="DQ37" s="281">
        <v>0</v>
      </c>
      <c r="DR37" s="278">
        <v>0</v>
      </c>
      <c r="DS37" s="283">
        <v>0</v>
      </c>
      <c r="DT37" s="277">
        <v>1</v>
      </c>
      <c r="DU37" s="281">
        <v>1</v>
      </c>
      <c r="DV37" s="278">
        <v>2</v>
      </c>
      <c r="DW37" s="280">
        <v>0</v>
      </c>
      <c r="DX37" s="281">
        <v>9</v>
      </c>
      <c r="DY37" s="281">
        <v>7</v>
      </c>
      <c r="DZ37" s="281">
        <v>2</v>
      </c>
      <c r="EA37" s="281">
        <v>3</v>
      </c>
      <c r="EB37" s="281">
        <v>1</v>
      </c>
      <c r="EC37" s="278">
        <v>22</v>
      </c>
      <c r="ED37" s="283">
        <v>24</v>
      </c>
      <c r="EE37" s="277">
        <v>3</v>
      </c>
      <c r="EF37" s="281">
        <v>0</v>
      </c>
      <c r="EG37" s="278">
        <v>3</v>
      </c>
      <c r="EH37" s="280">
        <v>0</v>
      </c>
      <c r="EI37" s="281">
        <v>4</v>
      </c>
      <c r="EJ37" s="281">
        <v>3</v>
      </c>
      <c r="EK37" s="281">
        <v>2</v>
      </c>
      <c r="EL37" s="281">
        <v>3</v>
      </c>
      <c r="EM37" s="281">
        <v>1</v>
      </c>
      <c r="EN37" s="278">
        <v>13</v>
      </c>
      <c r="EO37" s="283">
        <v>16</v>
      </c>
      <c r="EP37" s="277">
        <v>1</v>
      </c>
      <c r="EQ37" s="281">
        <v>1</v>
      </c>
      <c r="ER37" s="278">
        <v>2</v>
      </c>
      <c r="ES37" s="280">
        <v>0</v>
      </c>
      <c r="ET37" s="281">
        <v>13</v>
      </c>
      <c r="EU37" s="281">
        <v>9</v>
      </c>
      <c r="EV37" s="281">
        <v>2</v>
      </c>
      <c r="EW37" s="281">
        <v>3</v>
      </c>
      <c r="EX37" s="281">
        <v>1</v>
      </c>
      <c r="EY37" s="278">
        <v>28</v>
      </c>
      <c r="EZ37" s="283">
        <v>30</v>
      </c>
    </row>
    <row r="38" spans="2:156" ht="19.8" customHeight="1" x14ac:dyDescent="0.2">
      <c r="B38" s="262" t="s">
        <v>36</v>
      </c>
      <c r="C38" s="277">
        <v>0</v>
      </c>
      <c r="D38" s="281">
        <v>0</v>
      </c>
      <c r="E38" s="385">
        <v>0</v>
      </c>
      <c r="F38" s="280">
        <v>0</v>
      </c>
      <c r="G38" s="281">
        <v>2</v>
      </c>
      <c r="H38" s="281">
        <v>1</v>
      </c>
      <c r="I38" s="281">
        <v>0</v>
      </c>
      <c r="J38" s="281">
        <v>0</v>
      </c>
      <c r="K38" s="281">
        <v>0</v>
      </c>
      <c r="L38" s="282">
        <v>3</v>
      </c>
      <c r="M38" s="283">
        <v>3</v>
      </c>
      <c r="N38" s="277">
        <v>0</v>
      </c>
      <c r="O38" s="281">
        <v>0</v>
      </c>
      <c r="P38" s="278">
        <v>0</v>
      </c>
      <c r="Q38" s="280">
        <v>0</v>
      </c>
      <c r="R38" s="281">
        <v>0</v>
      </c>
      <c r="S38" s="281">
        <v>0</v>
      </c>
      <c r="T38" s="281">
        <v>0</v>
      </c>
      <c r="U38" s="281">
        <v>2</v>
      </c>
      <c r="V38" s="281">
        <v>0</v>
      </c>
      <c r="W38" s="278">
        <v>2</v>
      </c>
      <c r="X38" s="283">
        <v>2</v>
      </c>
      <c r="Y38" s="277">
        <v>0</v>
      </c>
      <c r="Z38" s="281">
        <v>0</v>
      </c>
      <c r="AA38" s="278">
        <v>0</v>
      </c>
      <c r="AB38" s="280">
        <v>0</v>
      </c>
      <c r="AC38" s="281">
        <v>3</v>
      </c>
      <c r="AD38" s="281">
        <v>1</v>
      </c>
      <c r="AE38" s="281">
        <v>2</v>
      </c>
      <c r="AF38" s="281">
        <v>1</v>
      </c>
      <c r="AG38" s="281">
        <v>0</v>
      </c>
      <c r="AH38" s="278">
        <v>7</v>
      </c>
      <c r="AI38" s="283">
        <v>7</v>
      </c>
      <c r="AJ38" s="277">
        <v>0</v>
      </c>
      <c r="AK38" s="281">
        <v>0</v>
      </c>
      <c r="AL38" s="278">
        <v>0</v>
      </c>
      <c r="AM38" s="280">
        <v>0</v>
      </c>
      <c r="AN38" s="281">
        <v>0</v>
      </c>
      <c r="AO38" s="281">
        <v>0</v>
      </c>
      <c r="AP38" s="281">
        <v>0</v>
      </c>
      <c r="AQ38" s="281">
        <v>0</v>
      </c>
      <c r="AR38" s="281">
        <v>0</v>
      </c>
      <c r="AS38" s="278">
        <v>0</v>
      </c>
      <c r="AT38" s="283">
        <v>0</v>
      </c>
      <c r="AU38" s="277">
        <v>0</v>
      </c>
      <c r="AV38" s="281">
        <v>1</v>
      </c>
      <c r="AW38" s="278">
        <v>1</v>
      </c>
      <c r="AX38" s="280">
        <v>0</v>
      </c>
      <c r="AY38" s="281">
        <v>1</v>
      </c>
      <c r="AZ38" s="281">
        <v>2</v>
      </c>
      <c r="BA38" s="281">
        <v>3</v>
      </c>
      <c r="BB38" s="281">
        <v>1</v>
      </c>
      <c r="BC38" s="281">
        <v>1</v>
      </c>
      <c r="BD38" s="282">
        <v>8</v>
      </c>
      <c r="BE38" s="283">
        <v>9</v>
      </c>
      <c r="BF38" s="277">
        <v>0</v>
      </c>
      <c r="BG38" s="281">
        <v>0</v>
      </c>
      <c r="BH38" s="278">
        <v>0</v>
      </c>
      <c r="BI38" s="280">
        <v>0</v>
      </c>
      <c r="BJ38" s="281">
        <v>2</v>
      </c>
      <c r="BK38" s="281">
        <v>2</v>
      </c>
      <c r="BL38" s="281">
        <v>0</v>
      </c>
      <c r="BM38" s="281">
        <v>1</v>
      </c>
      <c r="BN38" s="281">
        <v>0</v>
      </c>
      <c r="BO38" s="278">
        <v>5</v>
      </c>
      <c r="BP38" s="283">
        <v>5</v>
      </c>
      <c r="BQ38" s="277">
        <v>0</v>
      </c>
      <c r="BR38" s="281">
        <v>1</v>
      </c>
      <c r="BS38" s="278">
        <v>1</v>
      </c>
      <c r="BT38" s="280">
        <v>0</v>
      </c>
      <c r="BU38" s="281">
        <v>0</v>
      </c>
      <c r="BV38" s="281">
        <v>1</v>
      </c>
      <c r="BW38" s="281">
        <v>0</v>
      </c>
      <c r="BX38" s="281">
        <v>0</v>
      </c>
      <c r="BY38" s="281">
        <v>0</v>
      </c>
      <c r="BZ38" s="278">
        <v>1</v>
      </c>
      <c r="CA38" s="283">
        <v>2</v>
      </c>
      <c r="CB38" s="277">
        <v>0</v>
      </c>
      <c r="CC38" s="281">
        <v>0</v>
      </c>
      <c r="CD38" s="278">
        <v>0</v>
      </c>
      <c r="CE38" s="280">
        <v>0</v>
      </c>
      <c r="CF38" s="281">
        <v>1</v>
      </c>
      <c r="CG38" s="281">
        <v>0</v>
      </c>
      <c r="CH38" s="281">
        <v>0</v>
      </c>
      <c r="CI38" s="281">
        <v>1</v>
      </c>
      <c r="CJ38" s="281">
        <v>0</v>
      </c>
      <c r="CK38" s="278">
        <v>2</v>
      </c>
      <c r="CL38" s="283">
        <v>2</v>
      </c>
      <c r="CM38" s="277">
        <v>0</v>
      </c>
      <c r="CN38" s="281">
        <v>0</v>
      </c>
      <c r="CO38" s="278">
        <v>0</v>
      </c>
      <c r="CP38" s="280">
        <v>0</v>
      </c>
      <c r="CQ38" s="281">
        <v>0</v>
      </c>
      <c r="CR38" s="281">
        <v>1</v>
      </c>
      <c r="CS38" s="281">
        <v>0</v>
      </c>
      <c r="CT38" s="281">
        <v>0</v>
      </c>
      <c r="CU38" s="281">
        <v>0</v>
      </c>
      <c r="CV38" s="278">
        <v>1</v>
      </c>
      <c r="CW38" s="283">
        <v>1</v>
      </c>
      <c r="CX38" s="277">
        <v>0</v>
      </c>
      <c r="CY38" s="281">
        <v>0</v>
      </c>
      <c r="CZ38" s="278">
        <v>0</v>
      </c>
      <c r="DA38" s="280">
        <v>0</v>
      </c>
      <c r="DB38" s="281">
        <v>0</v>
      </c>
      <c r="DC38" s="281">
        <v>0</v>
      </c>
      <c r="DD38" s="281">
        <v>0</v>
      </c>
      <c r="DE38" s="281">
        <v>0</v>
      </c>
      <c r="DF38" s="281">
        <v>0</v>
      </c>
      <c r="DG38" s="278">
        <v>0</v>
      </c>
      <c r="DH38" s="283">
        <v>0</v>
      </c>
      <c r="DI38" s="277">
        <v>0</v>
      </c>
      <c r="DJ38" s="281">
        <v>0</v>
      </c>
      <c r="DK38" s="278">
        <v>0</v>
      </c>
      <c r="DL38" s="280">
        <v>0</v>
      </c>
      <c r="DM38" s="281">
        <v>0</v>
      </c>
      <c r="DN38" s="281">
        <v>0</v>
      </c>
      <c r="DO38" s="281">
        <v>0</v>
      </c>
      <c r="DP38" s="281">
        <v>0</v>
      </c>
      <c r="DQ38" s="281">
        <v>0</v>
      </c>
      <c r="DR38" s="278">
        <v>0</v>
      </c>
      <c r="DS38" s="283">
        <v>0</v>
      </c>
      <c r="DT38" s="277">
        <v>1</v>
      </c>
      <c r="DU38" s="281">
        <v>4</v>
      </c>
      <c r="DV38" s="278">
        <v>5</v>
      </c>
      <c r="DW38" s="280">
        <v>0</v>
      </c>
      <c r="DX38" s="281">
        <v>5</v>
      </c>
      <c r="DY38" s="281">
        <v>3</v>
      </c>
      <c r="DZ38" s="281">
        <v>2</v>
      </c>
      <c r="EA38" s="281">
        <v>4</v>
      </c>
      <c r="EB38" s="281">
        <v>1</v>
      </c>
      <c r="EC38" s="278">
        <v>15</v>
      </c>
      <c r="ED38" s="283">
        <v>20</v>
      </c>
      <c r="EE38" s="277">
        <v>0</v>
      </c>
      <c r="EF38" s="281">
        <v>0</v>
      </c>
      <c r="EG38" s="278">
        <v>0</v>
      </c>
      <c r="EH38" s="280">
        <v>0</v>
      </c>
      <c r="EI38" s="281">
        <v>0</v>
      </c>
      <c r="EJ38" s="281">
        <v>0</v>
      </c>
      <c r="EK38" s="281">
        <v>1</v>
      </c>
      <c r="EL38" s="281">
        <v>0</v>
      </c>
      <c r="EM38" s="281">
        <v>1</v>
      </c>
      <c r="EN38" s="278">
        <v>2</v>
      </c>
      <c r="EO38" s="283">
        <v>2</v>
      </c>
      <c r="EP38" s="277">
        <v>1</v>
      </c>
      <c r="EQ38" s="281">
        <v>5</v>
      </c>
      <c r="ER38" s="278">
        <v>6</v>
      </c>
      <c r="ES38" s="280">
        <v>0</v>
      </c>
      <c r="ET38" s="281">
        <v>10</v>
      </c>
      <c r="EU38" s="281">
        <v>5</v>
      </c>
      <c r="EV38" s="281">
        <v>2</v>
      </c>
      <c r="EW38" s="281">
        <v>4</v>
      </c>
      <c r="EX38" s="281">
        <v>1</v>
      </c>
      <c r="EY38" s="278">
        <v>22</v>
      </c>
      <c r="EZ38" s="283">
        <v>28</v>
      </c>
    </row>
    <row r="39" spans="2:156" ht="19.8" customHeight="1" thickBot="1" x14ac:dyDescent="0.25">
      <c r="B39" s="263" t="s">
        <v>37</v>
      </c>
      <c r="C39" s="284">
        <v>0</v>
      </c>
      <c r="D39" s="288">
        <v>0</v>
      </c>
      <c r="E39" s="386">
        <v>0</v>
      </c>
      <c r="F39" s="287">
        <v>0</v>
      </c>
      <c r="G39" s="288">
        <v>0</v>
      </c>
      <c r="H39" s="288">
        <v>0</v>
      </c>
      <c r="I39" s="288">
        <v>0</v>
      </c>
      <c r="J39" s="288">
        <v>0</v>
      </c>
      <c r="K39" s="288">
        <v>1</v>
      </c>
      <c r="L39" s="289">
        <v>1</v>
      </c>
      <c r="M39" s="290">
        <v>1</v>
      </c>
      <c r="N39" s="284">
        <v>0</v>
      </c>
      <c r="O39" s="288">
        <v>0</v>
      </c>
      <c r="P39" s="285">
        <v>0</v>
      </c>
      <c r="Q39" s="287">
        <v>0</v>
      </c>
      <c r="R39" s="288">
        <v>0</v>
      </c>
      <c r="S39" s="288">
        <v>0</v>
      </c>
      <c r="T39" s="288">
        <v>0</v>
      </c>
      <c r="U39" s="288">
        <v>0</v>
      </c>
      <c r="V39" s="288">
        <v>1</v>
      </c>
      <c r="W39" s="285">
        <v>1</v>
      </c>
      <c r="X39" s="290">
        <v>1</v>
      </c>
      <c r="Y39" s="284">
        <v>0</v>
      </c>
      <c r="Z39" s="288">
        <v>0</v>
      </c>
      <c r="AA39" s="285">
        <v>0</v>
      </c>
      <c r="AB39" s="287">
        <v>0</v>
      </c>
      <c r="AC39" s="288">
        <v>0</v>
      </c>
      <c r="AD39" s="288">
        <v>0</v>
      </c>
      <c r="AE39" s="288">
        <v>0</v>
      </c>
      <c r="AF39" s="288">
        <v>0</v>
      </c>
      <c r="AG39" s="288">
        <v>0</v>
      </c>
      <c r="AH39" s="285">
        <v>0</v>
      </c>
      <c r="AI39" s="290">
        <v>0</v>
      </c>
      <c r="AJ39" s="284">
        <v>0</v>
      </c>
      <c r="AK39" s="288">
        <v>0</v>
      </c>
      <c r="AL39" s="285">
        <v>0</v>
      </c>
      <c r="AM39" s="287">
        <v>0</v>
      </c>
      <c r="AN39" s="288">
        <v>1</v>
      </c>
      <c r="AO39" s="288">
        <v>1</v>
      </c>
      <c r="AP39" s="288">
        <v>0</v>
      </c>
      <c r="AQ39" s="288">
        <v>0</v>
      </c>
      <c r="AR39" s="288">
        <v>0</v>
      </c>
      <c r="AS39" s="285">
        <v>2</v>
      </c>
      <c r="AT39" s="290">
        <v>2</v>
      </c>
      <c r="AU39" s="284">
        <v>0</v>
      </c>
      <c r="AV39" s="288">
        <v>0</v>
      </c>
      <c r="AW39" s="285">
        <v>0</v>
      </c>
      <c r="AX39" s="287">
        <v>0</v>
      </c>
      <c r="AY39" s="288">
        <v>0</v>
      </c>
      <c r="AZ39" s="288">
        <v>0</v>
      </c>
      <c r="BA39" s="288">
        <v>0</v>
      </c>
      <c r="BB39" s="288">
        <v>0</v>
      </c>
      <c r="BC39" s="288">
        <v>2</v>
      </c>
      <c r="BD39" s="289">
        <v>2</v>
      </c>
      <c r="BE39" s="290">
        <v>2</v>
      </c>
      <c r="BF39" s="284">
        <v>0</v>
      </c>
      <c r="BG39" s="288">
        <v>0</v>
      </c>
      <c r="BH39" s="285">
        <v>0</v>
      </c>
      <c r="BI39" s="287">
        <v>0</v>
      </c>
      <c r="BJ39" s="288">
        <v>1</v>
      </c>
      <c r="BK39" s="288">
        <v>1</v>
      </c>
      <c r="BL39" s="288">
        <v>0</v>
      </c>
      <c r="BM39" s="288">
        <v>0</v>
      </c>
      <c r="BN39" s="288">
        <v>0</v>
      </c>
      <c r="BO39" s="285">
        <v>2</v>
      </c>
      <c r="BP39" s="290">
        <v>2</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c r="DI39" s="284">
        <v>0</v>
      </c>
      <c r="DJ39" s="288">
        <v>0</v>
      </c>
      <c r="DK39" s="285">
        <v>0</v>
      </c>
      <c r="DL39" s="287">
        <v>0</v>
      </c>
      <c r="DM39" s="288">
        <v>0</v>
      </c>
      <c r="DN39" s="288">
        <v>0</v>
      </c>
      <c r="DO39" s="288">
        <v>0</v>
      </c>
      <c r="DP39" s="288">
        <v>0</v>
      </c>
      <c r="DQ39" s="288">
        <v>0</v>
      </c>
      <c r="DR39" s="285">
        <v>0</v>
      </c>
      <c r="DS39" s="290">
        <v>0</v>
      </c>
      <c r="DT39" s="284">
        <v>0</v>
      </c>
      <c r="DU39" s="288">
        <v>0</v>
      </c>
      <c r="DV39" s="285">
        <v>0</v>
      </c>
      <c r="DW39" s="287">
        <v>0</v>
      </c>
      <c r="DX39" s="288">
        <v>1</v>
      </c>
      <c r="DY39" s="288">
        <v>1</v>
      </c>
      <c r="DZ39" s="288">
        <v>0</v>
      </c>
      <c r="EA39" s="288">
        <v>0</v>
      </c>
      <c r="EB39" s="288">
        <v>1</v>
      </c>
      <c r="EC39" s="285">
        <v>3</v>
      </c>
      <c r="ED39" s="290">
        <v>3</v>
      </c>
      <c r="EE39" s="284">
        <v>0</v>
      </c>
      <c r="EF39" s="288">
        <v>0</v>
      </c>
      <c r="EG39" s="285">
        <v>0</v>
      </c>
      <c r="EH39" s="287">
        <v>0</v>
      </c>
      <c r="EI39" s="288">
        <v>0</v>
      </c>
      <c r="EJ39" s="288">
        <v>0</v>
      </c>
      <c r="EK39" s="288">
        <v>0</v>
      </c>
      <c r="EL39" s="288">
        <v>0</v>
      </c>
      <c r="EM39" s="288">
        <v>1</v>
      </c>
      <c r="EN39" s="285">
        <v>1</v>
      </c>
      <c r="EO39" s="290">
        <v>1</v>
      </c>
      <c r="EP39" s="284">
        <v>0</v>
      </c>
      <c r="EQ39" s="288">
        <v>0</v>
      </c>
      <c r="ER39" s="285">
        <v>0</v>
      </c>
      <c r="ES39" s="287">
        <v>0</v>
      </c>
      <c r="ET39" s="288">
        <v>1</v>
      </c>
      <c r="EU39" s="288">
        <v>2</v>
      </c>
      <c r="EV39" s="288">
        <v>0</v>
      </c>
      <c r="EW39" s="288">
        <v>0</v>
      </c>
      <c r="EX39" s="288">
        <v>1</v>
      </c>
      <c r="EY39" s="285">
        <v>4</v>
      </c>
      <c r="EZ39" s="290">
        <v>4</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6"/>
    <col min="5" max="5" width="10.33203125" style="256" customWidth="1"/>
    <col min="6" max="6" width="7.6640625" style="256" customWidth="1"/>
    <col min="7" max="7" width="10.21875" style="256" customWidth="1"/>
    <col min="8" max="8" width="10.44140625" style="256" customWidth="1"/>
    <col min="9" max="16" width="9" style="256"/>
    <col min="17" max="17" width="7.21875" style="256" customWidth="1"/>
    <col min="18" max="27" width="9" style="256"/>
    <col min="28" max="28" width="7.6640625" style="256" customWidth="1"/>
    <col min="29" max="38" width="9" style="256"/>
    <col min="39" max="39" width="7.6640625" style="256" customWidth="1"/>
    <col min="40" max="49" width="9" style="256"/>
    <col min="50" max="50" width="7.21875" style="256" customWidth="1"/>
    <col min="51" max="60" width="9" style="256"/>
    <col min="61" max="61" width="7.21875" style="256" customWidth="1"/>
    <col min="62" max="71" width="9" style="256"/>
    <col min="72" max="72" width="7.33203125" style="256" customWidth="1"/>
    <col min="73" max="82" width="9" style="256"/>
    <col min="83" max="83" width="7.44140625" style="256" customWidth="1"/>
    <col min="84" max="93" width="9" style="256"/>
    <col min="94" max="94" width="7.6640625" style="256" customWidth="1"/>
    <col min="95" max="104" width="9" style="256"/>
    <col min="105" max="105" width="7.44140625" style="256" customWidth="1"/>
    <col min="106" max="115" width="9" style="256"/>
    <col min="116" max="116" width="7.44140625" style="256" customWidth="1"/>
    <col min="117" max="126" width="9" style="256"/>
    <col min="127" max="127" width="7.44140625" style="256" customWidth="1"/>
    <col min="128" max="137" width="9" style="256"/>
    <col min="138" max="138" width="7.33203125" style="256" customWidth="1"/>
    <col min="139" max="148" width="9" style="256"/>
    <col min="149" max="149" width="7.77734375" style="256" customWidth="1"/>
    <col min="150" max="16384" width="9" style="256"/>
  </cols>
  <sheetData>
    <row r="1" spans="2:156" ht="24" customHeight="1" x14ac:dyDescent="0.2">
      <c r="B1" s="291" t="s">
        <v>122</v>
      </c>
      <c r="I1" s="528">
        <f>第１表!F2</f>
        <v>4</v>
      </c>
      <c r="J1" s="528"/>
      <c r="K1" s="248">
        <f>第１表!G2</f>
        <v>8</v>
      </c>
      <c r="L1" s="529">
        <f>IF(K1&lt;3,K1+12-2,K1-2)</f>
        <v>6</v>
      </c>
      <c r="M1" s="529"/>
    </row>
    <row r="2" spans="2:156" ht="24" customHeight="1" thickBot="1" x14ac:dyDescent="0.25">
      <c r="B2" s="291" t="s">
        <v>154</v>
      </c>
      <c r="G2" s="247"/>
      <c r="H2" s="248"/>
      <c r="J2" s="350"/>
      <c r="K2" s="350"/>
    </row>
    <row r="3" spans="2:156" ht="23.25" customHeight="1" thickBot="1" x14ac:dyDescent="0.25">
      <c r="B3" s="542"/>
      <c r="C3" s="533" t="s">
        <v>70</v>
      </c>
      <c r="D3" s="534"/>
      <c r="E3" s="534"/>
      <c r="F3" s="534"/>
      <c r="G3" s="534"/>
      <c r="H3" s="534"/>
      <c r="I3" s="534"/>
      <c r="J3" s="534"/>
      <c r="K3" s="534"/>
      <c r="L3" s="534"/>
      <c r="M3" s="535"/>
      <c r="N3" s="533" t="s">
        <v>71</v>
      </c>
      <c r="O3" s="534"/>
      <c r="P3" s="534"/>
      <c r="Q3" s="534"/>
      <c r="R3" s="534"/>
      <c r="S3" s="534"/>
      <c r="T3" s="534"/>
      <c r="U3" s="534"/>
      <c r="V3" s="534"/>
      <c r="W3" s="534"/>
      <c r="X3" s="535"/>
      <c r="Y3" s="533" t="s">
        <v>72</v>
      </c>
      <c r="Z3" s="534"/>
      <c r="AA3" s="534"/>
      <c r="AB3" s="534"/>
      <c r="AC3" s="534"/>
      <c r="AD3" s="534"/>
      <c r="AE3" s="534"/>
      <c r="AF3" s="534"/>
      <c r="AG3" s="534"/>
      <c r="AH3" s="534"/>
      <c r="AI3" s="535"/>
      <c r="AJ3" s="533" t="s">
        <v>73</v>
      </c>
      <c r="AK3" s="534"/>
      <c r="AL3" s="534"/>
      <c r="AM3" s="534"/>
      <c r="AN3" s="534"/>
      <c r="AO3" s="534"/>
      <c r="AP3" s="534"/>
      <c r="AQ3" s="534"/>
      <c r="AR3" s="534"/>
      <c r="AS3" s="534"/>
      <c r="AT3" s="535"/>
      <c r="AU3" s="533" t="s">
        <v>74</v>
      </c>
      <c r="AV3" s="534"/>
      <c r="AW3" s="534"/>
      <c r="AX3" s="534"/>
      <c r="AY3" s="534"/>
      <c r="AZ3" s="534"/>
      <c r="BA3" s="534"/>
      <c r="BB3" s="534"/>
      <c r="BC3" s="534"/>
      <c r="BD3" s="534"/>
      <c r="BE3" s="535"/>
      <c r="BF3" s="533" t="s">
        <v>75</v>
      </c>
      <c r="BG3" s="534"/>
      <c r="BH3" s="534"/>
      <c r="BI3" s="534"/>
      <c r="BJ3" s="534"/>
      <c r="BK3" s="534"/>
      <c r="BL3" s="534"/>
      <c r="BM3" s="534"/>
      <c r="BN3" s="534"/>
      <c r="BO3" s="534"/>
      <c r="BP3" s="535"/>
      <c r="BQ3" s="533" t="s">
        <v>76</v>
      </c>
      <c r="BR3" s="534"/>
      <c r="BS3" s="534"/>
      <c r="BT3" s="534"/>
      <c r="BU3" s="534"/>
      <c r="BV3" s="534"/>
      <c r="BW3" s="534"/>
      <c r="BX3" s="534"/>
      <c r="BY3" s="534"/>
      <c r="BZ3" s="534"/>
      <c r="CA3" s="535"/>
      <c r="CB3" s="533" t="s">
        <v>77</v>
      </c>
      <c r="CC3" s="534"/>
      <c r="CD3" s="534"/>
      <c r="CE3" s="534"/>
      <c r="CF3" s="534"/>
      <c r="CG3" s="534"/>
      <c r="CH3" s="534"/>
      <c r="CI3" s="534"/>
      <c r="CJ3" s="534"/>
      <c r="CK3" s="534"/>
      <c r="CL3" s="535"/>
      <c r="CM3" s="533" t="s">
        <v>78</v>
      </c>
      <c r="CN3" s="534"/>
      <c r="CO3" s="534"/>
      <c r="CP3" s="534"/>
      <c r="CQ3" s="534"/>
      <c r="CR3" s="534"/>
      <c r="CS3" s="534"/>
      <c r="CT3" s="534"/>
      <c r="CU3" s="534"/>
      <c r="CV3" s="534"/>
      <c r="CW3" s="535"/>
      <c r="CX3" s="533" t="s">
        <v>79</v>
      </c>
      <c r="CY3" s="534"/>
      <c r="CZ3" s="534"/>
      <c r="DA3" s="534"/>
      <c r="DB3" s="534"/>
      <c r="DC3" s="534"/>
      <c r="DD3" s="534"/>
      <c r="DE3" s="534"/>
      <c r="DF3" s="534"/>
      <c r="DG3" s="534"/>
      <c r="DH3" s="535"/>
      <c r="DI3" s="533" t="s">
        <v>152</v>
      </c>
      <c r="DJ3" s="534"/>
      <c r="DK3" s="534"/>
      <c r="DL3" s="534"/>
      <c r="DM3" s="534"/>
      <c r="DN3" s="534"/>
      <c r="DO3" s="534"/>
      <c r="DP3" s="534"/>
      <c r="DQ3" s="534"/>
      <c r="DR3" s="534"/>
      <c r="DS3" s="535"/>
      <c r="DT3" s="533" t="s">
        <v>80</v>
      </c>
      <c r="DU3" s="534"/>
      <c r="DV3" s="534"/>
      <c r="DW3" s="534"/>
      <c r="DX3" s="534"/>
      <c r="DY3" s="534"/>
      <c r="DZ3" s="534"/>
      <c r="EA3" s="534"/>
      <c r="EB3" s="534"/>
      <c r="EC3" s="534"/>
      <c r="ED3" s="535"/>
      <c r="EE3" s="533" t="s">
        <v>68</v>
      </c>
      <c r="EF3" s="534"/>
      <c r="EG3" s="534"/>
      <c r="EH3" s="534"/>
      <c r="EI3" s="534"/>
      <c r="EJ3" s="534"/>
      <c r="EK3" s="534"/>
      <c r="EL3" s="534"/>
      <c r="EM3" s="534"/>
      <c r="EN3" s="534"/>
      <c r="EO3" s="535"/>
      <c r="EP3" s="530" t="s">
        <v>69</v>
      </c>
      <c r="EQ3" s="531"/>
      <c r="ER3" s="531"/>
      <c r="ES3" s="531"/>
      <c r="ET3" s="531"/>
      <c r="EU3" s="531"/>
      <c r="EV3" s="531"/>
      <c r="EW3" s="531"/>
      <c r="EX3" s="531"/>
      <c r="EY3" s="531"/>
      <c r="EZ3" s="532"/>
    </row>
    <row r="4" spans="2:156" ht="22.5" customHeight="1" x14ac:dyDescent="0.2">
      <c r="B4" s="543"/>
      <c r="C4" s="541" t="s">
        <v>61</v>
      </c>
      <c r="D4" s="537"/>
      <c r="E4" s="538"/>
      <c r="F4" s="536" t="s">
        <v>62</v>
      </c>
      <c r="G4" s="537"/>
      <c r="H4" s="537"/>
      <c r="I4" s="537"/>
      <c r="J4" s="537"/>
      <c r="K4" s="537"/>
      <c r="L4" s="545"/>
      <c r="M4" s="539" t="s">
        <v>52</v>
      </c>
      <c r="N4" s="541" t="s">
        <v>61</v>
      </c>
      <c r="O4" s="537"/>
      <c r="P4" s="538"/>
      <c r="Q4" s="536" t="s">
        <v>62</v>
      </c>
      <c r="R4" s="537"/>
      <c r="S4" s="537"/>
      <c r="T4" s="537"/>
      <c r="U4" s="537"/>
      <c r="V4" s="537"/>
      <c r="W4" s="538"/>
      <c r="X4" s="539" t="s">
        <v>52</v>
      </c>
      <c r="Y4" s="541" t="s">
        <v>61</v>
      </c>
      <c r="Z4" s="537"/>
      <c r="AA4" s="538"/>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38"/>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c r="DI4" s="541" t="s">
        <v>61</v>
      </c>
      <c r="DJ4" s="537"/>
      <c r="DK4" s="538"/>
      <c r="DL4" s="536" t="s">
        <v>62</v>
      </c>
      <c r="DM4" s="537"/>
      <c r="DN4" s="537"/>
      <c r="DO4" s="537"/>
      <c r="DP4" s="537"/>
      <c r="DQ4" s="537"/>
      <c r="DR4" s="538"/>
      <c r="DS4" s="539" t="s">
        <v>52</v>
      </c>
      <c r="DT4" s="541" t="s">
        <v>61</v>
      </c>
      <c r="DU4" s="537"/>
      <c r="DV4" s="538"/>
      <c r="DW4" s="536" t="s">
        <v>62</v>
      </c>
      <c r="DX4" s="537"/>
      <c r="DY4" s="537"/>
      <c r="DZ4" s="537"/>
      <c r="EA4" s="537"/>
      <c r="EB4" s="537"/>
      <c r="EC4" s="538"/>
      <c r="ED4" s="539" t="s">
        <v>52</v>
      </c>
      <c r="EE4" s="541" t="s">
        <v>61</v>
      </c>
      <c r="EF4" s="537"/>
      <c r="EG4" s="538"/>
      <c r="EH4" s="536" t="s">
        <v>62</v>
      </c>
      <c r="EI4" s="537"/>
      <c r="EJ4" s="537"/>
      <c r="EK4" s="537"/>
      <c r="EL4" s="537"/>
      <c r="EM4" s="537"/>
      <c r="EN4" s="538"/>
      <c r="EO4" s="539" t="s">
        <v>52</v>
      </c>
      <c r="EP4" s="541" t="s">
        <v>61</v>
      </c>
      <c r="EQ4" s="537"/>
      <c r="ER4" s="538"/>
      <c r="ES4" s="536" t="s">
        <v>62</v>
      </c>
      <c r="ET4" s="537"/>
      <c r="EU4" s="537"/>
      <c r="EV4" s="537"/>
      <c r="EW4" s="537"/>
      <c r="EX4" s="537"/>
      <c r="EY4" s="538"/>
      <c r="EZ4" s="539" t="s">
        <v>52</v>
      </c>
    </row>
    <row r="5" spans="2:156" ht="34.5" customHeight="1" thickBot="1" x14ac:dyDescent="0.25">
      <c r="B5" s="544"/>
      <c r="C5" s="351" t="s">
        <v>43</v>
      </c>
      <c r="D5" s="260" t="s">
        <v>162</v>
      </c>
      <c r="E5" s="383" t="s">
        <v>45</v>
      </c>
      <c r="F5" s="268" t="s">
        <v>83</v>
      </c>
      <c r="G5" s="260" t="s">
        <v>47</v>
      </c>
      <c r="H5" s="260" t="s">
        <v>48</v>
      </c>
      <c r="I5" s="260" t="s">
        <v>49</v>
      </c>
      <c r="J5" s="260" t="s">
        <v>50</v>
      </c>
      <c r="K5" s="260" t="s">
        <v>51</v>
      </c>
      <c r="L5" s="269" t="s">
        <v>45</v>
      </c>
      <c r="M5" s="540"/>
      <c r="N5" s="351" t="s">
        <v>43</v>
      </c>
      <c r="O5" s="260" t="s">
        <v>44</v>
      </c>
      <c r="P5" s="266" t="s">
        <v>45</v>
      </c>
      <c r="Q5" s="268" t="s">
        <v>83</v>
      </c>
      <c r="R5" s="260" t="s">
        <v>47</v>
      </c>
      <c r="S5" s="260" t="s">
        <v>48</v>
      </c>
      <c r="T5" s="260" t="s">
        <v>49</v>
      </c>
      <c r="U5" s="260" t="s">
        <v>50</v>
      </c>
      <c r="V5" s="260" t="s">
        <v>51</v>
      </c>
      <c r="W5" s="266" t="s">
        <v>45</v>
      </c>
      <c r="X5" s="540"/>
      <c r="Y5" s="351" t="s">
        <v>43</v>
      </c>
      <c r="Z5" s="260" t="s">
        <v>44</v>
      </c>
      <c r="AA5" s="266" t="s">
        <v>45</v>
      </c>
      <c r="AB5" s="268" t="s">
        <v>83</v>
      </c>
      <c r="AC5" s="260" t="s">
        <v>47</v>
      </c>
      <c r="AD5" s="260" t="s">
        <v>48</v>
      </c>
      <c r="AE5" s="260" t="s">
        <v>49</v>
      </c>
      <c r="AF5" s="260" t="s">
        <v>50</v>
      </c>
      <c r="AG5" s="260" t="s">
        <v>51</v>
      </c>
      <c r="AH5" s="266" t="s">
        <v>45</v>
      </c>
      <c r="AI5" s="540"/>
      <c r="AJ5" s="351" t="s">
        <v>43</v>
      </c>
      <c r="AK5" s="260" t="s">
        <v>44</v>
      </c>
      <c r="AL5" s="266" t="s">
        <v>45</v>
      </c>
      <c r="AM5" s="268" t="s">
        <v>83</v>
      </c>
      <c r="AN5" s="260" t="s">
        <v>47</v>
      </c>
      <c r="AO5" s="260" t="s">
        <v>48</v>
      </c>
      <c r="AP5" s="260" t="s">
        <v>49</v>
      </c>
      <c r="AQ5" s="260" t="s">
        <v>50</v>
      </c>
      <c r="AR5" s="260" t="s">
        <v>51</v>
      </c>
      <c r="AS5" s="266" t="s">
        <v>45</v>
      </c>
      <c r="AT5" s="540"/>
      <c r="AU5" s="351" t="s">
        <v>43</v>
      </c>
      <c r="AV5" s="260" t="s">
        <v>44</v>
      </c>
      <c r="AW5" s="266" t="s">
        <v>45</v>
      </c>
      <c r="AX5" s="268" t="s">
        <v>83</v>
      </c>
      <c r="AY5" s="260" t="s">
        <v>47</v>
      </c>
      <c r="AZ5" s="260" t="s">
        <v>48</v>
      </c>
      <c r="BA5" s="260" t="s">
        <v>49</v>
      </c>
      <c r="BB5" s="260" t="s">
        <v>50</v>
      </c>
      <c r="BC5" s="260" t="s">
        <v>51</v>
      </c>
      <c r="BD5" s="269" t="s">
        <v>45</v>
      </c>
      <c r="BE5" s="540"/>
      <c r="BF5" s="351" t="s">
        <v>43</v>
      </c>
      <c r="BG5" s="260" t="s">
        <v>44</v>
      </c>
      <c r="BH5" s="266" t="s">
        <v>45</v>
      </c>
      <c r="BI5" s="268" t="s">
        <v>83</v>
      </c>
      <c r="BJ5" s="260" t="s">
        <v>47</v>
      </c>
      <c r="BK5" s="260" t="s">
        <v>48</v>
      </c>
      <c r="BL5" s="260" t="s">
        <v>49</v>
      </c>
      <c r="BM5" s="260" t="s">
        <v>50</v>
      </c>
      <c r="BN5" s="260" t="s">
        <v>51</v>
      </c>
      <c r="BO5" s="266" t="s">
        <v>45</v>
      </c>
      <c r="BP5" s="540"/>
      <c r="BQ5" s="351" t="s">
        <v>43</v>
      </c>
      <c r="BR5" s="260" t="s">
        <v>44</v>
      </c>
      <c r="BS5" s="266" t="s">
        <v>45</v>
      </c>
      <c r="BT5" s="268" t="s">
        <v>83</v>
      </c>
      <c r="BU5" s="260" t="s">
        <v>47</v>
      </c>
      <c r="BV5" s="260" t="s">
        <v>48</v>
      </c>
      <c r="BW5" s="260" t="s">
        <v>49</v>
      </c>
      <c r="BX5" s="260" t="s">
        <v>50</v>
      </c>
      <c r="BY5" s="260" t="s">
        <v>51</v>
      </c>
      <c r="BZ5" s="266" t="s">
        <v>45</v>
      </c>
      <c r="CA5" s="540"/>
      <c r="CB5" s="351" t="s">
        <v>43</v>
      </c>
      <c r="CC5" s="260" t="s">
        <v>44</v>
      </c>
      <c r="CD5" s="266" t="s">
        <v>45</v>
      </c>
      <c r="CE5" s="268" t="s">
        <v>83</v>
      </c>
      <c r="CF5" s="260" t="s">
        <v>47</v>
      </c>
      <c r="CG5" s="260" t="s">
        <v>48</v>
      </c>
      <c r="CH5" s="260" t="s">
        <v>49</v>
      </c>
      <c r="CI5" s="260" t="s">
        <v>50</v>
      </c>
      <c r="CJ5" s="260" t="s">
        <v>51</v>
      </c>
      <c r="CK5" s="266" t="s">
        <v>45</v>
      </c>
      <c r="CL5" s="540"/>
      <c r="CM5" s="351" t="s">
        <v>43</v>
      </c>
      <c r="CN5" s="260" t="s">
        <v>44</v>
      </c>
      <c r="CO5" s="266" t="s">
        <v>45</v>
      </c>
      <c r="CP5" s="268" t="s">
        <v>83</v>
      </c>
      <c r="CQ5" s="260" t="s">
        <v>47</v>
      </c>
      <c r="CR5" s="260" t="s">
        <v>48</v>
      </c>
      <c r="CS5" s="260" t="s">
        <v>49</v>
      </c>
      <c r="CT5" s="260" t="s">
        <v>50</v>
      </c>
      <c r="CU5" s="260" t="s">
        <v>51</v>
      </c>
      <c r="CV5" s="266" t="s">
        <v>45</v>
      </c>
      <c r="CW5" s="540"/>
      <c r="CX5" s="351" t="s">
        <v>43</v>
      </c>
      <c r="CY5" s="260" t="s">
        <v>44</v>
      </c>
      <c r="CZ5" s="266" t="s">
        <v>45</v>
      </c>
      <c r="DA5" s="268" t="s">
        <v>83</v>
      </c>
      <c r="DB5" s="260" t="s">
        <v>47</v>
      </c>
      <c r="DC5" s="260" t="s">
        <v>48</v>
      </c>
      <c r="DD5" s="260" t="s">
        <v>49</v>
      </c>
      <c r="DE5" s="260" t="s">
        <v>50</v>
      </c>
      <c r="DF5" s="260" t="s">
        <v>51</v>
      </c>
      <c r="DG5" s="266" t="s">
        <v>45</v>
      </c>
      <c r="DH5" s="540"/>
      <c r="DI5" s="351" t="s">
        <v>43</v>
      </c>
      <c r="DJ5" s="260" t="s">
        <v>44</v>
      </c>
      <c r="DK5" s="266" t="s">
        <v>45</v>
      </c>
      <c r="DL5" s="268" t="s">
        <v>83</v>
      </c>
      <c r="DM5" s="260" t="s">
        <v>47</v>
      </c>
      <c r="DN5" s="260" t="s">
        <v>48</v>
      </c>
      <c r="DO5" s="260" t="s">
        <v>49</v>
      </c>
      <c r="DP5" s="260" t="s">
        <v>50</v>
      </c>
      <c r="DQ5" s="260" t="s">
        <v>51</v>
      </c>
      <c r="DR5" s="266" t="s">
        <v>45</v>
      </c>
      <c r="DS5" s="540"/>
      <c r="DT5" s="351" t="s">
        <v>43</v>
      </c>
      <c r="DU5" s="260" t="s">
        <v>44</v>
      </c>
      <c r="DV5" s="266" t="s">
        <v>45</v>
      </c>
      <c r="DW5" s="268" t="s">
        <v>83</v>
      </c>
      <c r="DX5" s="260" t="s">
        <v>47</v>
      </c>
      <c r="DY5" s="260" t="s">
        <v>48</v>
      </c>
      <c r="DZ5" s="260" t="s">
        <v>49</v>
      </c>
      <c r="EA5" s="260" t="s">
        <v>50</v>
      </c>
      <c r="EB5" s="260" t="s">
        <v>51</v>
      </c>
      <c r="EC5" s="266" t="s">
        <v>45</v>
      </c>
      <c r="ED5" s="540"/>
      <c r="EE5" s="351" t="s">
        <v>43</v>
      </c>
      <c r="EF5" s="260" t="s">
        <v>44</v>
      </c>
      <c r="EG5" s="266" t="s">
        <v>45</v>
      </c>
      <c r="EH5" s="268" t="s">
        <v>83</v>
      </c>
      <c r="EI5" s="260" t="s">
        <v>47</v>
      </c>
      <c r="EJ5" s="260" t="s">
        <v>48</v>
      </c>
      <c r="EK5" s="260" t="s">
        <v>49</v>
      </c>
      <c r="EL5" s="260" t="s">
        <v>50</v>
      </c>
      <c r="EM5" s="260" t="s">
        <v>51</v>
      </c>
      <c r="EN5" s="266" t="s">
        <v>45</v>
      </c>
      <c r="EO5" s="540"/>
      <c r="EP5" s="351" t="s">
        <v>43</v>
      </c>
      <c r="EQ5" s="260" t="s">
        <v>44</v>
      </c>
      <c r="ER5" s="266" t="s">
        <v>45</v>
      </c>
      <c r="ES5" s="268" t="s">
        <v>83</v>
      </c>
      <c r="ET5" s="260" t="s">
        <v>47</v>
      </c>
      <c r="EU5" s="260" t="s">
        <v>48</v>
      </c>
      <c r="EV5" s="260" t="s">
        <v>49</v>
      </c>
      <c r="EW5" s="260" t="s">
        <v>50</v>
      </c>
      <c r="EX5" s="260" t="s">
        <v>51</v>
      </c>
      <c r="EY5" s="266" t="s">
        <v>45</v>
      </c>
      <c r="EZ5" s="540"/>
    </row>
    <row r="6" spans="2:156" ht="19.8" customHeight="1" x14ac:dyDescent="0.2">
      <c r="B6" s="261" t="s">
        <v>4</v>
      </c>
      <c r="C6" s="270">
        <v>0</v>
      </c>
      <c r="D6" s="274">
        <v>0</v>
      </c>
      <c r="E6" s="384">
        <v>0</v>
      </c>
      <c r="F6" s="273">
        <v>0</v>
      </c>
      <c r="G6" s="274">
        <v>1159</v>
      </c>
      <c r="H6" s="274">
        <v>1286</v>
      </c>
      <c r="I6" s="274">
        <v>670</v>
      </c>
      <c r="J6" s="274">
        <v>582</v>
      </c>
      <c r="K6" s="274">
        <v>483</v>
      </c>
      <c r="L6" s="275">
        <v>4180</v>
      </c>
      <c r="M6" s="276">
        <v>4180</v>
      </c>
      <c r="N6" s="270">
        <v>0</v>
      </c>
      <c r="O6" s="274">
        <v>2</v>
      </c>
      <c r="P6" s="271">
        <v>2</v>
      </c>
      <c r="Q6" s="273">
        <v>0</v>
      </c>
      <c r="R6" s="274">
        <v>9</v>
      </c>
      <c r="S6" s="274">
        <v>36</v>
      </c>
      <c r="T6" s="274">
        <v>51</v>
      </c>
      <c r="U6" s="274">
        <v>136</v>
      </c>
      <c r="V6" s="274">
        <v>233</v>
      </c>
      <c r="W6" s="271">
        <v>465</v>
      </c>
      <c r="X6" s="276">
        <v>467</v>
      </c>
      <c r="Y6" s="270">
        <v>202</v>
      </c>
      <c r="Z6" s="274">
        <v>395</v>
      </c>
      <c r="AA6" s="271">
        <v>597</v>
      </c>
      <c r="AB6" s="273">
        <v>0</v>
      </c>
      <c r="AC6" s="274">
        <v>845</v>
      </c>
      <c r="AD6" s="274">
        <v>1160</v>
      </c>
      <c r="AE6" s="274">
        <v>653</v>
      </c>
      <c r="AF6" s="274">
        <v>601</v>
      </c>
      <c r="AG6" s="274">
        <v>446</v>
      </c>
      <c r="AH6" s="271">
        <v>3705</v>
      </c>
      <c r="AI6" s="276">
        <v>4302</v>
      </c>
      <c r="AJ6" s="270">
        <v>20</v>
      </c>
      <c r="AK6" s="274">
        <v>50</v>
      </c>
      <c r="AL6" s="271">
        <v>70</v>
      </c>
      <c r="AM6" s="273">
        <v>0</v>
      </c>
      <c r="AN6" s="274">
        <v>95</v>
      </c>
      <c r="AO6" s="274">
        <v>142</v>
      </c>
      <c r="AP6" s="274">
        <v>92</v>
      </c>
      <c r="AQ6" s="274">
        <v>98</v>
      </c>
      <c r="AR6" s="274">
        <v>51</v>
      </c>
      <c r="AS6" s="271">
        <v>478</v>
      </c>
      <c r="AT6" s="276">
        <v>548</v>
      </c>
      <c r="AU6" s="270">
        <v>324</v>
      </c>
      <c r="AV6" s="274">
        <v>333</v>
      </c>
      <c r="AW6" s="271">
        <v>657</v>
      </c>
      <c r="AX6" s="273">
        <v>0</v>
      </c>
      <c r="AY6" s="274">
        <v>1223</v>
      </c>
      <c r="AZ6" s="274">
        <v>1532</v>
      </c>
      <c r="BA6" s="274">
        <v>1276</v>
      </c>
      <c r="BB6" s="274">
        <v>1429</v>
      </c>
      <c r="BC6" s="274">
        <v>1087</v>
      </c>
      <c r="BD6" s="275">
        <v>6547</v>
      </c>
      <c r="BE6" s="276">
        <v>7204</v>
      </c>
      <c r="BF6" s="270">
        <v>0</v>
      </c>
      <c r="BG6" s="274">
        <v>0</v>
      </c>
      <c r="BH6" s="271">
        <v>0</v>
      </c>
      <c r="BI6" s="273">
        <v>0</v>
      </c>
      <c r="BJ6" s="274">
        <v>1386</v>
      </c>
      <c r="BK6" s="274">
        <v>1182</v>
      </c>
      <c r="BL6" s="274">
        <v>577</v>
      </c>
      <c r="BM6" s="274">
        <v>372</v>
      </c>
      <c r="BN6" s="274">
        <v>156</v>
      </c>
      <c r="BO6" s="271">
        <v>3673</v>
      </c>
      <c r="BP6" s="276">
        <v>3673</v>
      </c>
      <c r="BQ6" s="270">
        <v>118</v>
      </c>
      <c r="BR6" s="274">
        <v>147</v>
      </c>
      <c r="BS6" s="271">
        <v>265</v>
      </c>
      <c r="BT6" s="273">
        <v>0</v>
      </c>
      <c r="BU6" s="274">
        <v>328</v>
      </c>
      <c r="BV6" s="274">
        <v>445</v>
      </c>
      <c r="BW6" s="274">
        <v>278</v>
      </c>
      <c r="BX6" s="274">
        <v>195</v>
      </c>
      <c r="BY6" s="274">
        <v>66</v>
      </c>
      <c r="BZ6" s="271">
        <v>1312</v>
      </c>
      <c r="CA6" s="276">
        <v>1577</v>
      </c>
      <c r="CB6" s="270">
        <v>4</v>
      </c>
      <c r="CC6" s="274">
        <v>17</v>
      </c>
      <c r="CD6" s="271">
        <v>21</v>
      </c>
      <c r="CE6" s="273">
        <v>0</v>
      </c>
      <c r="CF6" s="274">
        <v>156</v>
      </c>
      <c r="CG6" s="274">
        <v>194</v>
      </c>
      <c r="CH6" s="274">
        <v>238</v>
      </c>
      <c r="CI6" s="274">
        <v>185</v>
      </c>
      <c r="CJ6" s="274">
        <v>99</v>
      </c>
      <c r="CK6" s="271">
        <v>872</v>
      </c>
      <c r="CL6" s="276">
        <v>893</v>
      </c>
      <c r="CM6" s="270">
        <v>1</v>
      </c>
      <c r="CN6" s="274">
        <v>1</v>
      </c>
      <c r="CO6" s="271">
        <v>2</v>
      </c>
      <c r="CP6" s="273">
        <v>0</v>
      </c>
      <c r="CQ6" s="274">
        <v>23</v>
      </c>
      <c r="CR6" s="274">
        <v>53</v>
      </c>
      <c r="CS6" s="274">
        <v>45</v>
      </c>
      <c r="CT6" s="274">
        <v>36</v>
      </c>
      <c r="CU6" s="274">
        <v>27</v>
      </c>
      <c r="CV6" s="271">
        <v>184</v>
      </c>
      <c r="CW6" s="276">
        <v>186</v>
      </c>
      <c r="CX6" s="270">
        <v>0</v>
      </c>
      <c r="CY6" s="274">
        <v>0</v>
      </c>
      <c r="CZ6" s="271">
        <v>0</v>
      </c>
      <c r="DA6" s="273">
        <v>0</v>
      </c>
      <c r="DB6" s="274">
        <v>0</v>
      </c>
      <c r="DC6" s="274">
        <v>0</v>
      </c>
      <c r="DD6" s="274">
        <v>0</v>
      </c>
      <c r="DE6" s="274">
        <v>0</v>
      </c>
      <c r="DF6" s="274">
        <v>0</v>
      </c>
      <c r="DG6" s="271">
        <v>0</v>
      </c>
      <c r="DH6" s="276">
        <v>0</v>
      </c>
      <c r="DI6" s="270">
        <v>0</v>
      </c>
      <c r="DJ6" s="274">
        <v>0</v>
      </c>
      <c r="DK6" s="271">
        <v>0</v>
      </c>
      <c r="DL6" s="273">
        <v>0</v>
      </c>
      <c r="DM6" s="274">
        <v>0</v>
      </c>
      <c r="DN6" s="274">
        <v>0</v>
      </c>
      <c r="DO6" s="274">
        <v>0</v>
      </c>
      <c r="DP6" s="274">
        <v>0</v>
      </c>
      <c r="DQ6" s="274">
        <v>0</v>
      </c>
      <c r="DR6" s="271">
        <v>0</v>
      </c>
      <c r="DS6" s="276">
        <v>0</v>
      </c>
      <c r="DT6" s="270">
        <v>591</v>
      </c>
      <c r="DU6" s="274">
        <v>1151</v>
      </c>
      <c r="DV6" s="271">
        <v>1742</v>
      </c>
      <c r="DW6" s="273">
        <v>0</v>
      </c>
      <c r="DX6" s="274">
        <v>1618</v>
      </c>
      <c r="DY6" s="274">
        <v>2727</v>
      </c>
      <c r="DZ6" s="274">
        <v>1595</v>
      </c>
      <c r="EA6" s="274">
        <v>1251</v>
      </c>
      <c r="EB6" s="274">
        <v>829</v>
      </c>
      <c r="EC6" s="271">
        <v>8020</v>
      </c>
      <c r="ED6" s="276">
        <v>9762</v>
      </c>
      <c r="EE6" s="270">
        <v>220</v>
      </c>
      <c r="EF6" s="274">
        <v>168</v>
      </c>
      <c r="EG6" s="271">
        <v>388</v>
      </c>
      <c r="EH6" s="273">
        <v>0</v>
      </c>
      <c r="EI6" s="274">
        <v>610</v>
      </c>
      <c r="EJ6" s="274">
        <v>635</v>
      </c>
      <c r="EK6" s="274">
        <v>537</v>
      </c>
      <c r="EL6" s="274">
        <v>628</v>
      </c>
      <c r="EM6" s="274">
        <v>395</v>
      </c>
      <c r="EN6" s="271">
        <v>2805</v>
      </c>
      <c r="EO6" s="276">
        <v>3193</v>
      </c>
      <c r="EP6" s="270">
        <v>850</v>
      </c>
      <c r="EQ6" s="274">
        <v>1489</v>
      </c>
      <c r="ER6" s="271">
        <v>2339</v>
      </c>
      <c r="ES6" s="273">
        <v>0</v>
      </c>
      <c r="ET6" s="274">
        <v>3765</v>
      </c>
      <c r="EU6" s="274">
        <v>3819</v>
      </c>
      <c r="EV6" s="274">
        <v>1921</v>
      </c>
      <c r="EW6" s="274">
        <v>1382</v>
      </c>
      <c r="EX6" s="274">
        <v>888</v>
      </c>
      <c r="EY6" s="271">
        <v>11775</v>
      </c>
      <c r="EZ6" s="276">
        <v>14114</v>
      </c>
    </row>
    <row r="7" spans="2:156" ht="19.8" customHeight="1" x14ac:dyDescent="0.2">
      <c r="B7" s="262" t="s">
        <v>5</v>
      </c>
      <c r="C7" s="277">
        <v>0</v>
      </c>
      <c r="D7" s="281">
        <v>0</v>
      </c>
      <c r="E7" s="385">
        <v>0</v>
      </c>
      <c r="F7" s="280">
        <v>0</v>
      </c>
      <c r="G7" s="281">
        <v>450</v>
      </c>
      <c r="H7" s="281">
        <v>715</v>
      </c>
      <c r="I7" s="281">
        <v>288</v>
      </c>
      <c r="J7" s="281">
        <v>251</v>
      </c>
      <c r="K7" s="281">
        <v>201</v>
      </c>
      <c r="L7" s="282">
        <v>1905</v>
      </c>
      <c r="M7" s="283">
        <v>1905</v>
      </c>
      <c r="N7" s="277">
        <v>0</v>
      </c>
      <c r="O7" s="281">
        <v>1</v>
      </c>
      <c r="P7" s="278">
        <v>1</v>
      </c>
      <c r="Q7" s="280">
        <v>0</v>
      </c>
      <c r="R7" s="281">
        <v>2</v>
      </c>
      <c r="S7" s="281">
        <v>18</v>
      </c>
      <c r="T7" s="281">
        <v>22</v>
      </c>
      <c r="U7" s="281">
        <v>63</v>
      </c>
      <c r="V7" s="281">
        <v>90</v>
      </c>
      <c r="W7" s="278">
        <v>195</v>
      </c>
      <c r="X7" s="283">
        <v>196</v>
      </c>
      <c r="Y7" s="277">
        <v>97</v>
      </c>
      <c r="Z7" s="281">
        <v>203</v>
      </c>
      <c r="AA7" s="278">
        <v>300</v>
      </c>
      <c r="AB7" s="280">
        <v>0</v>
      </c>
      <c r="AC7" s="281">
        <v>321</v>
      </c>
      <c r="AD7" s="281">
        <v>657</v>
      </c>
      <c r="AE7" s="281">
        <v>313</v>
      </c>
      <c r="AF7" s="281">
        <v>277</v>
      </c>
      <c r="AG7" s="281">
        <v>198</v>
      </c>
      <c r="AH7" s="278">
        <v>1766</v>
      </c>
      <c r="AI7" s="283">
        <v>2066</v>
      </c>
      <c r="AJ7" s="277">
        <v>9</v>
      </c>
      <c r="AK7" s="281">
        <v>29</v>
      </c>
      <c r="AL7" s="278">
        <v>38</v>
      </c>
      <c r="AM7" s="280">
        <v>0</v>
      </c>
      <c r="AN7" s="281">
        <v>33</v>
      </c>
      <c r="AO7" s="281">
        <v>69</v>
      </c>
      <c r="AP7" s="281">
        <v>35</v>
      </c>
      <c r="AQ7" s="281">
        <v>41</v>
      </c>
      <c r="AR7" s="281">
        <v>20</v>
      </c>
      <c r="AS7" s="278">
        <v>198</v>
      </c>
      <c r="AT7" s="283">
        <v>236</v>
      </c>
      <c r="AU7" s="277">
        <v>139</v>
      </c>
      <c r="AV7" s="281">
        <v>178</v>
      </c>
      <c r="AW7" s="278">
        <v>317</v>
      </c>
      <c r="AX7" s="280">
        <v>0</v>
      </c>
      <c r="AY7" s="281">
        <v>478</v>
      </c>
      <c r="AZ7" s="281">
        <v>763</v>
      </c>
      <c r="BA7" s="281">
        <v>581</v>
      </c>
      <c r="BB7" s="281">
        <v>611</v>
      </c>
      <c r="BC7" s="281">
        <v>463</v>
      </c>
      <c r="BD7" s="282">
        <v>2896</v>
      </c>
      <c r="BE7" s="283">
        <v>3213</v>
      </c>
      <c r="BF7" s="277">
        <v>0</v>
      </c>
      <c r="BG7" s="281">
        <v>0</v>
      </c>
      <c r="BH7" s="278">
        <v>0</v>
      </c>
      <c r="BI7" s="280">
        <v>0</v>
      </c>
      <c r="BJ7" s="281">
        <v>469</v>
      </c>
      <c r="BK7" s="281">
        <v>520</v>
      </c>
      <c r="BL7" s="281">
        <v>246</v>
      </c>
      <c r="BM7" s="281">
        <v>147</v>
      </c>
      <c r="BN7" s="281">
        <v>66</v>
      </c>
      <c r="BO7" s="278">
        <v>1448</v>
      </c>
      <c r="BP7" s="283">
        <v>1448</v>
      </c>
      <c r="BQ7" s="277">
        <v>59</v>
      </c>
      <c r="BR7" s="281">
        <v>70</v>
      </c>
      <c r="BS7" s="278">
        <v>129</v>
      </c>
      <c r="BT7" s="280">
        <v>0</v>
      </c>
      <c r="BU7" s="281">
        <v>107</v>
      </c>
      <c r="BV7" s="281">
        <v>237</v>
      </c>
      <c r="BW7" s="281">
        <v>126</v>
      </c>
      <c r="BX7" s="281">
        <v>85</v>
      </c>
      <c r="BY7" s="281">
        <v>33</v>
      </c>
      <c r="BZ7" s="278">
        <v>588</v>
      </c>
      <c r="CA7" s="283">
        <v>717</v>
      </c>
      <c r="CB7" s="277">
        <v>0</v>
      </c>
      <c r="CC7" s="281">
        <v>7</v>
      </c>
      <c r="CD7" s="278">
        <v>7</v>
      </c>
      <c r="CE7" s="280">
        <v>0</v>
      </c>
      <c r="CF7" s="281">
        <v>57</v>
      </c>
      <c r="CG7" s="281">
        <v>78</v>
      </c>
      <c r="CH7" s="281">
        <v>96</v>
      </c>
      <c r="CI7" s="281">
        <v>70</v>
      </c>
      <c r="CJ7" s="281">
        <v>43</v>
      </c>
      <c r="CK7" s="278">
        <v>344</v>
      </c>
      <c r="CL7" s="283">
        <v>351</v>
      </c>
      <c r="CM7" s="277">
        <v>0</v>
      </c>
      <c r="CN7" s="281">
        <v>1</v>
      </c>
      <c r="CO7" s="278">
        <v>1</v>
      </c>
      <c r="CP7" s="280">
        <v>0</v>
      </c>
      <c r="CQ7" s="281">
        <v>13</v>
      </c>
      <c r="CR7" s="281">
        <v>33</v>
      </c>
      <c r="CS7" s="281">
        <v>30</v>
      </c>
      <c r="CT7" s="281">
        <v>22</v>
      </c>
      <c r="CU7" s="281">
        <v>17</v>
      </c>
      <c r="CV7" s="278">
        <v>115</v>
      </c>
      <c r="CW7" s="283">
        <v>116</v>
      </c>
      <c r="CX7" s="277">
        <v>0</v>
      </c>
      <c r="CY7" s="281">
        <v>0</v>
      </c>
      <c r="CZ7" s="278">
        <v>0</v>
      </c>
      <c r="DA7" s="280">
        <v>0</v>
      </c>
      <c r="DB7" s="281">
        <v>0</v>
      </c>
      <c r="DC7" s="281">
        <v>0</v>
      </c>
      <c r="DD7" s="281">
        <v>0</v>
      </c>
      <c r="DE7" s="281">
        <v>0</v>
      </c>
      <c r="DF7" s="281">
        <v>0</v>
      </c>
      <c r="DG7" s="278">
        <v>0</v>
      </c>
      <c r="DH7" s="283">
        <v>0</v>
      </c>
      <c r="DI7" s="277">
        <v>0</v>
      </c>
      <c r="DJ7" s="281">
        <v>0</v>
      </c>
      <c r="DK7" s="278">
        <v>0</v>
      </c>
      <c r="DL7" s="280">
        <v>0</v>
      </c>
      <c r="DM7" s="281">
        <v>0</v>
      </c>
      <c r="DN7" s="281">
        <v>0</v>
      </c>
      <c r="DO7" s="281">
        <v>0</v>
      </c>
      <c r="DP7" s="281">
        <v>0</v>
      </c>
      <c r="DQ7" s="281">
        <v>0</v>
      </c>
      <c r="DR7" s="278">
        <v>0</v>
      </c>
      <c r="DS7" s="283">
        <v>0</v>
      </c>
      <c r="DT7" s="277">
        <v>222</v>
      </c>
      <c r="DU7" s="281">
        <v>525</v>
      </c>
      <c r="DV7" s="278">
        <v>747</v>
      </c>
      <c r="DW7" s="280">
        <v>0</v>
      </c>
      <c r="DX7" s="281">
        <v>493</v>
      </c>
      <c r="DY7" s="281">
        <v>1339</v>
      </c>
      <c r="DZ7" s="281">
        <v>671</v>
      </c>
      <c r="EA7" s="281">
        <v>520</v>
      </c>
      <c r="EB7" s="281">
        <v>343</v>
      </c>
      <c r="EC7" s="278">
        <v>3366</v>
      </c>
      <c r="ED7" s="283">
        <v>4113</v>
      </c>
      <c r="EE7" s="277">
        <v>91</v>
      </c>
      <c r="EF7" s="281">
        <v>85</v>
      </c>
      <c r="EG7" s="278">
        <v>176</v>
      </c>
      <c r="EH7" s="280">
        <v>0</v>
      </c>
      <c r="EI7" s="281">
        <v>257</v>
      </c>
      <c r="EJ7" s="281">
        <v>333</v>
      </c>
      <c r="EK7" s="281">
        <v>264</v>
      </c>
      <c r="EL7" s="281">
        <v>279</v>
      </c>
      <c r="EM7" s="281">
        <v>171</v>
      </c>
      <c r="EN7" s="278">
        <v>1304</v>
      </c>
      <c r="EO7" s="283">
        <v>1480</v>
      </c>
      <c r="EP7" s="277">
        <v>353</v>
      </c>
      <c r="EQ7" s="281">
        <v>707</v>
      </c>
      <c r="ER7" s="278">
        <v>1060</v>
      </c>
      <c r="ES7" s="280">
        <v>0</v>
      </c>
      <c r="ET7" s="281">
        <v>1357</v>
      </c>
      <c r="EU7" s="281">
        <v>1918</v>
      </c>
      <c r="EV7" s="281">
        <v>812</v>
      </c>
      <c r="EW7" s="281">
        <v>604</v>
      </c>
      <c r="EX7" s="281">
        <v>382</v>
      </c>
      <c r="EY7" s="278">
        <v>5073</v>
      </c>
      <c r="EZ7" s="283">
        <v>6133</v>
      </c>
    </row>
    <row r="8" spans="2:156" ht="19.8" customHeight="1" x14ac:dyDescent="0.2">
      <c r="B8" s="262" t="s">
        <v>6</v>
      </c>
      <c r="C8" s="277">
        <v>0</v>
      </c>
      <c r="D8" s="281">
        <v>0</v>
      </c>
      <c r="E8" s="385">
        <v>0</v>
      </c>
      <c r="F8" s="280">
        <v>0</v>
      </c>
      <c r="G8" s="281">
        <v>229</v>
      </c>
      <c r="H8" s="281">
        <v>167</v>
      </c>
      <c r="I8" s="281">
        <v>111</v>
      </c>
      <c r="J8" s="281">
        <v>106</v>
      </c>
      <c r="K8" s="281">
        <v>80</v>
      </c>
      <c r="L8" s="282">
        <v>693</v>
      </c>
      <c r="M8" s="283">
        <v>693</v>
      </c>
      <c r="N8" s="277">
        <v>0</v>
      </c>
      <c r="O8" s="281">
        <v>1</v>
      </c>
      <c r="P8" s="278">
        <v>1</v>
      </c>
      <c r="Q8" s="280">
        <v>0</v>
      </c>
      <c r="R8" s="281">
        <v>1</v>
      </c>
      <c r="S8" s="281">
        <v>3</v>
      </c>
      <c r="T8" s="281">
        <v>10</v>
      </c>
      <c r="U8" s="281">
        <v>27</v>
      </c>
      <c r="V8" s="281">
        <v>39</v>
      </c>
      <c r="W8" s="278">
        <v>80</v>
      </c>
      <c r="X8" s="283">
        <v>81</v>
      </c>
      <c r="Y8" s="277">
        <v>32</v>
      </c>
      <c r="Z8" s="281">
        <v>60</v>
      </c>
      <c r="AA8" s="278">
        <v>92</v>
      </c>
      <c r="AB8" s="280">
        <v>0</v>
      </c>
      <c r="AC8" s="281">
        <v>192</v>
      </c>
      <c r="AD8" s="281">
        <v>154</v>
      </c>
      <c r="AE8" s="281">
        <v>111</v>
      </c>
      <c r="AF8" s="281">
        <v>104</v>
      </c>
      <c r="AG8" s="281">
        <v>69</v>
      </c>
      <c r="AH8" s="278">
        <v>630</v>
      </c>
      <c r="AI8" s="283">
        <v>722</v>
      </c>
      <c r="AJ8" s="277">
        <v>3</v>
      </c>
      <c r="AK8" s="281">
        <v>3</v>
      </c>
      <c r="AL8" s="278">
        <v>6</v>
      </c>
      <c r="AM8" s="280">
        <v>0</v>
      </c>
      <c r="AN8" s="281">
        <v>20</v>
      </c>
      <c r="AO8" s="281">
        <v>18</v>
      </c>
      <c r="AP8" s="281">
        <v>12</v>
      </c>
      <c r="AQ8" s="281">
        <v>16</v>
      </c>
      <c r="AR8" s="281">
        <v>4</v>
      </c>
      <c r="AS8" s="278">
        <v>70</v>
      </c>
      <c r="AT8" s="283">
        <v>76</v>
      </c>
      <c r="AU8" s="277">
        <v>49</v>
      </c>
      <c r="AV8" s="281">
        <v>53</v>
      </c>
      <c r="AW8" s="278">
        <v>102</v>
      </c>
      <c r="AX8" s="280">
        <v>0</v>
      </c>
      <c r="AY8" s="281">
        <v>242</v>
      </c>
      <c r="AZ8" s="281">
        <v>253</v>
      </c>
      <c r="BA8" s="281">
        <v>234</v>
      </c>
      <c r="BB8" s="281">
        <v>277</v>
      </c>
      <c r="BC8" s="281">
        <v>194</v>
      </c>
      <c r="BD8" s="282">
        <v>1200</v>
      </c>
      <c r="BE8" s="283">
        <v>1302</v>
      </c>
      <c r="BF8" s="277">
        <v>0</v>
      </c>
      <c r="BG8" s="281">
        <v>0</v>
      </c>
      <c r="BH8" s="278">
        <v>0</v>
      </c>
      <c r="BI8" s="280">
        <v>0</v>
      </c>
      <c r="BJ8" s="281">
        <v>281</v>
      </c>
      <c r="BK8" s="281">
        <v>176</v>
      </c>
      <c r="BL8" s="281">
        <v>79</v>
      </c>
      <c r="BM8" s="281">
        <v>70</v>
      </c>
      <c r="BN8" s="281">
        <v>26</v>
      </c>
      <c r="BO8" s="278">
        <v>632</v>
      </c>
      <c r="BP8" s="283">
        <v>632</v>
      </c>
      <c r="BQ8" s="277">
        <v>7</v>
      </c>
      <c r="BR8" s="281">
        <v>13</v>
      </c>
      <c r="BS8" s="278">
        <v>20</v>
      </c>
      <c r="BT8" s="280">
        <v>0</v>
      </c>
      <c r="BU8" s="281">
        <v>53</v>
      </c>
      <c r="BV8" s="281">
        <v>53</v>
      </c>
      <c r="BW8" s="281">
        <v>34</v>
      </c>
      <c r="BX8" s="281">
        <v>41</v>
      </c>
      <c r="BY8" s="281">
        <v>6</v>
      </c>
      <c r="BZ8" s="278">
        <v>187</v>
      </c>
      <c r="CA8" s="283">
        <v>207</v>
      </c>
      <c r="CB8" s="277">
        <v>0</v>
      </c>
      <c r="CC8" s="281">
        <v>1</v>
      </c>
      <c r="CD8" s="278">
        <v>1</v>
      </c>
      <c r="CE8" s="280">
        <v>0</v>
      </c>
      <c r="CF8" s="281">
        <v>20</v>
      </c>
      <c r="CG8" s="281">
        <v>24</v>
      </c>
      <c r="CH8" s="281">
        <v>30</v>
      </c>
      <c r="CI8" s="281">
        <v>26</v>
      </c>
      <c r="CJ8" s="281">
        <v>15</v>
      </c>
      <c r="CK8" s="278">
        <v>115</v>
      </c>
      <c r="CL8" s="283">
        <v>116</v>
      </c>
      <c r="CM8" s="277">
        <v>0</v>
      </c>
      <c r="CN8" s="281">
        <v>0</v>
      </c>
      <c r="CO8" s="278">
        <v>0</v>
      </c>
      <c r="CP8" s="280">
        <v>0</v>
      </c>
      <c r="CQ8" s="281">
        <v>4</v>
      </c>
      <c r="CR8" s="281">
        <v>8</v>
      </c>
      <c r="CS8" s="281">
        <v>5</v>
      </c>
      <c r="CT8" s="281">
        <v>5</v>
      </c>
      <c r="CU8" s="281">
        <v>3</v>
      </c>
      <c r="CV8" s="278">
        <v>25</v>
      </c>
      <c r="CW8" s="283">
        <v>25</v>
      </c>
      <c r="CX8" s="277">
        <v>0</v>
      </c>
      <c r="CY8" s="281">
        <v>0</v>
      </c>
      <c r="CZ8" s="278">
        <v>0</v>
      </c>
      <c r="DA8" s="280">
        <v>0</v>
      </c>
      <c r="DB8" s="281">
        <v>0</v>
      </c>
      <c r="DC8" s="281">
        <v>0</v>
      </c>
      <c r="DD8" s="281">
        <v>0</v>
      </c>
      <c r="DE8" s="281">
        <v>0</v>
      </c>
      <c r="DF8" s="281">
        <v>0</v>
      </c>
      <c r="DG8" s="278">
        <v>0</v>
      </c>
      <c r="DH8" s="283">
        <v>0</v>
      </c>
      <c r="DI8" s="277">
        <v>0</v>
      </c>
      <c r="DJ8" s="281">
        <v>0</v>
      </c>
      <c r="DK8" s="278">
        <v>0</v>
      </c>
      <c r="DL8" s="280">
        <v>0</v>
      </c>
      <c r="DM8" s="281">
        <v>0</v>
      </c>
      <c r="DN8" s="281">
        <v>0</v>
      </c>
      <c r="DO8" s="281">
        <v>0</v>
      </c>
      <c r="DP8" s="281">
        <v>0</v>
      </c>
      <c r="DQ8" s="281">
        <v>0</v>
      </c>
      <c r="DR8" s="278">
        <v>0</v>
      </c>
      <c r="DS8" s="283">
        <v>0</v>
      </c>
      <c r="DT8" s="277">
        <v>104</v>
      </c>
      <c r="DU8" s="281">
        <v>163</v>
      </c>
      <c r="DV8" s="278">
        <v>267</v>
      </c>
      <c r="DW8" s="280">
        <v>0</v>
      </c>
      <c r="DX8" s="281">
        <v>341</v>
      </c>
      <c r="DY8" s="281">
        <v>395</v>
      </c>
      <c r="DZ8" s="281">
        <v>276</v>
      </c>
      <c r="EA8" s="281">
        <v>239</v>
      </c>
      <c r="EB8" s="281">
        <v>130</v>
      </c>
      <c r="EC8" s="278">
        <v>1381</v>
      </c>
      <c r="ED8" s="283">
        <v>1648</v>
      </c>
      <c r="EE8" s="277">
        <v>33</v>
      </c>
      <c r="EF8" s="281">
        <v>20</v>
      </c>
      <c r="EG8" s="278">
        <v>53</v>
      </c>
      <c r="EH8" s="280">
        <v>0</v>
      </c>
      <c r="EI8" s="281">
        <v>106</v>
      </c>
      <c r="EJ8" s="281">
        <v>93</v>
      </c>
      <c r="EK8" s="281">
        <v>88</v>
      </c>
      <c r="EL8" s="281">
        <v>114</v>
      </c>
      <c r="EM8" s="281">
        <v>74</v>
      </c>
      <c r="EN8" s="278">
        <v>475</v>
      </c>
      <c r="EO8" s="283">
        <v>528</v>
      </c>
      <c r="EP8" s="277">
        <v>133</v>
      </c>
      <c r="EQ8" s="281">
        <v>209</v>
      </c>
      <c r="ER8" s="278">
        <v>342</v>
      </c>
      <c r="ES8" s="280">
        <v>0</v>
      </c>
      <c r="ET8" s="281">
        <v>751</v>
      </c>
      <c r="EU8" s="281">
        <v>530</v>
      </c>
      <c r="EV8" s="281">
        <v>318</v>
      </c>
      <c r="EW8" s="281">
        <v>254</v>
      </c>
      <c r="EX8" s="281">
        <v>139</v>
      </c>
      <c r="EY8" s="278">
        <v>1992</v>
      </c>
      <c r="EZ8" s="283">
        <v>2334</v>
      </c>
    </row>
    <row r="9" spans="2:156" ht="19.8" customHeight="1" x14ac:dyDescent="0.2">
      <c r="B9" s="262" t="s">
        <v>14</v>
      </c>
      <c r="C9" s="277">
        <v>0</v>
      </c>
      <c r="D9" s="281">
        <v>0</v>
      </c>
      <c r="E9" s="385">
        <v>0</v>
      </c>
      <c r="F9" s="280">
        <v>0</v>
      </c>
      <c r="G9" s="281">
        <v>58</v>
      </c>
      <c r="H9" s="281">
        <v>58</v>
      </c>
      <c r="I9" s="281">
        <v>48</v>
      </c>
      <c r="J9" s="281">
        <v>36</v>
      </c>
      <c r="K9" s="281">
        <v>31</v>
      </c>
      <c r="L9" s="282">
        <v>231</v>
      </c>
      <c r="M9" s="283">
        <v>231</v>
      </c>
      <c r="N9" s="277">
        <v>0</v>
      </c>
      <c r="O9" s="281">
        <v>0</v>
      </c>
      <c r="P9" s="278">
        <v>0</v>
      </c>
      <c r="Q9" s="280">
        <v>0</v>
      </c>
      <c r="R9" s="281">
        <v>0</v>
      </c>
      <c r="S9" s="281">
        <v>1</v>
      </c>
      <c r="T9" s="281">
        <v>1</v>
      </c>
      <c r="U9" s="281">
        <v>10</v>
      </c>
      <c r="V9" s="281">
        <v>17</v>
      </c>
      <c r="W9" s="278">
        <v>29</v>
      </c>
      <c r="X9" s="283">
        <v>29</v>
      </c>
      <c r="Y9" s="277">
        <v>3</v>
      </c>
      <c r="Z9" s="281">
        <v>28</v>
      </c>
      <c r="AA9" s="278">
        <v>31</v>
      </c>
      <c r="AB9" s="280">
        <v>0</v>
      </c>
      <c r="AC9" s="281">
        <v>36</v>
      </c>
      <c r="AD9" s="281">
        <v>61</v>
      </c>
      <c r="AE9" s="281">
        <v>40</v>
      </c>
      <c r="AF9" s="281">
        <v>45</v>
      </c>
      <c r="AG9" s="281">
        <v>37</v>
      </c>
      <c r="AH9" s="278">
        <v>219</v>
      </c>
      <c r="AI9" s="283">
        <v>250</v>
      </c>
      <c r="AJ9" s="277">
        <v>0</v>
      </c>
      <c r="AK9" s="281">
        <v>3</v>
      </c>
      <c r="AL9" s="278">
        <v>3</v>
      </c>
      <c r="AM9" s="280">
        <v>0</v>
      </c>
      <c r="AN9" s="281">
        <v>2</v>
      </c>
      <c r="AO9" s="281">
        <v>4</v>
      </c>
      <c r="AP9" s="281">
        <v>2</v>
      </c>
      <c r="AQ9" s="281">
        <v>4</v>
      </c>
      <c r="AR9" s="281">
        <v>1</v>
      </c>
      <c r="AS9" s="278">
        <v>13</v>
      </c>
      <c r="AT9" s="283">
        <v>16</v>
      </c>
      <c r="AU9" s="277">
        <v>11</v>
      </c>
      <c r="AV9" s="281">
        <v>23</v>
      </c>
      <c r="AW9" s="278">
        <v>34</v>
      </c>
      <c r="AX9" s="280">
        <v>0</v>
      </c>
      <c r="AY9" s="281">
        <v>74</v>
      </c>
      <c r="AZ9" s="281">
        <v>85</v>
      </c>
      <c r="BA9" s="281">
        <v>73</v>
      </c>
      <c r="BB9" s="281">
        <v>85</v>
      </c>
      <c r="BC9" s="281">
        <v>70</v>
      </c>
      <c r="BD9" s="282">
        <v>387</v>
      </c>
      <c r="BE9" s="283">
        <v>421</v>
      </c>
      <c r="BF9" s="277">
        <v>0</v>
      </c>
      <c r="BG9" s="281">
        <v>0</v>
      </c>
      <c r="BH9" s="278">
        <v>0</v>
      </c>
      <c r="BI9" s="280">
        <v>0</v>
      </c>
      <c r="BJ9" s="281">
        <v>100</v>
      </c>
      <c r="BK9" s="281">
        <v>65</v>
      </c>
      <c r="BL9" s="281">
        <v>57</v>
      </c>
      <c r="BM9" s="281">
        <v>28</v>
      </c>
      <c r="BN9" s="281">
        <v>15</v>
      </c>
      <c r="BO9" s="278">
        <v>265</v>
      </c>
      <c r="BP9" s="283">
        <v>265</v>
      </c>
      <c r="BQ9" s="277">
        <v>2</v>
      </c>
      <c r="BR9" s="281">
        <v>4</v>
      </c>
      <c r="BS9" s="278">
        <v>6</v>
      </c>
      <c r="BT9" s="280">
        <v>0</v>
      </c>
      <c r="BU9" s="281">
        <v>11</v>
      </c>
      <c r="BV9" s="281">
        <v>14</v>
      </c>
      <c r="BW9" s="281">
        <v>11</v>
      </c>
      <c r="BX9" s="281">
        <v>10</v>
      </c>
      <c r="BY9" s="281">
        <v>3</v>
      </c>
      <c r="BZ9" s="278">
        <v>49</v>
      </c>
      <c r="CA9" s="283">
        <v>55</v>
      </c>
      <c r="CB9" s="277">
        <v>1</v>
      </c>
      <c r="CC9" s="281">
        <v>1</v>
      </c>
      <c r="CD9" s="278">
        <v>2</v>
      </c>
      <c r="CE9" s="280">
        <v>0</v>
      </c>
      <c r="CF9" s="281">
        <v>14</v>
      </c>
      <c r="CG9" s="281">
        <v>15</v>
      </c>
      <c r="CH9" s="281">
        <v>16</v>
      </c>
      <c r="CI9" s="281">
        <v>18</v>
      </c>
      <c r="CJ9" s="281">
        <v>8</v>
      </c>
      <c r="CK9" s="278">
        <v>71</v>
      </c>
      <c r="CL9" s="283">
        <v>73</v>
      </c>
      <c r="CM9" s="277">
        <v>0</v>
      </c>
      <c r="CN9" s="281">
        <v>0</v>
      </c>
      <c r="CO9" s="278">
        <v>0</v>
      </c>
      <c r="CP9" s="280">
        <v>0</v>
      </c>
      <c r="CQ9" s="281">
        <v>0</v>
      </c>
      <c r="CR9" s="281">
        <v>1</v>
      </c>
      <c r="CS9" s="281">
        <v>0</v>
      </c>
      <c r="CT9" s="281">
        <v>1</v>
      </c>
      <c r="CU9" s="281">
        <v>0</v>
      </c>
      <c r="CV9" s="278">
        <v>2</v>
      </c>
      <c r="CW9" s="283">
        <v>2</v>
      </c>
      <c r="CX9" s="277">
        <v>0</v>
      </c>
      <c r="CY9" s="281">
        <v>0</v>
      </c>
      <c r="CZ9" s="278">
        <v>0</v>
      </c>
      <c r="DA9" s="280">
        <v>0</v>
      </c>
      <c r="DB9" s="281">
        <v>0</v>
      </c>
      <c r="DC9" s="281">
        <v>0</v>
      </c>
      <c r="DD9" s="281">
        <v>0</v>
      </c>
      <c r="DE9" s="281">
        <v>0</v>
      </c>
      <c r="DF9" s="281">
        <v>0</v>
      </c>
      <c r="DG9" s="278">
        <v>0</v>
      </c>
      <c r="DH9" s="283">
        <v>0</v>
      </c>
      <c r="DI9" s="277">
        <v>0</v>
      </c>
      <c r="DJ9" s="281">
        <v>0</v>
      </c>
      <c r="DK9" s="278">
        <v>0</v>
      </c>
      <c r="DL9" s="280">
        <v>0</v>
      </c>
      <c r="DM9" s="281">
        <v>0</v>
      </c>
      <c r="DN9" s="281">
        <v>0</v>
      </c>
      <c r="DO9" s="281">
        <v>0</v>
      </c>
      <c r="DP9" s="281">
        <v>0</v>
      </c>
      <c r="DQ9" s="281">
        <v>0</v>
      </c>
      <c r="DR9" s="278">
        <v>0</v>
      </c>
      <c r="DS9" s="283">
        <v>0</v>
      </c>
      <c r="DT9" s="277">
        <v>27</v>
      </c>
      <c r="DU9" s="281">
        <v>77</v>
      </c>
      <c r="DV9" s="278">
        <v>104</v>
      </c>
      <c r="DW9" s="280">
        <v>0</v>
      </c>
      <c r="DX9" s="281">
        <v>94</v>
      </c>
      <c r="DY9" s="281">
        <v>150</v>
      </c>
      <c r="DZ9" s="281">
        <v>108</v>
      </c>
      <c r="EA9" s="281">
        <v>84</v>
      </c>
      <c r="EB9" s="281">
        <v>66</v>
      </c>
      <c r="EC9" s="278">
        <v>502</v>
      </c>
      <c r="ED9" s="283">
        <v>606</v>
      </c>
      <c r="EE9" s="277">
        <v>9</v>
      </c>
      <c r="EF9" s="281">
        <v>16</v>
      </c>
      <c r="EG9" s="278">
        <v>25</v>
      </c>
      <c r="EH9" s="280">
        <v>0</v>
      </c>
      <c r="EI9" s="281">
        <v>29</v>
      </c>
      <c r="EJ9" s="281">
        <v>33</v>
      </c>
      <c r="EK9" s="281">
        <v>29</v>
      </c>
      <c r="EL9" s="281">
        <v>32</v>
      </c>
      <c r="EM9" s="281">
        <v>18</v>
      </c>
      <c r="EN9" s="278">
        <v>141</v>
      </c>
      <c r="EO9" s="283">
        <v>166</v>
      </c>
      <c r="EP9" s="277">
        <v>33</v>
      </c>
      <c r="EQ9" s="281">
        <v>93</v>
      </c>
      <c r="ER9" s="278">
        <v>126</v>
      </c>
      <c r="ES9" s="280">
        <v>0</v>
      </c>
      <c r="ET9" s="281">
        <v>213</v>
      </c>
      <c r="EU9" s="281">
        <v>214</v>
      </c>
      <c r="EV9" s="281">
        <v>134</v>
      </c>
      <c r="EW9" s="281">
        <v>93</v>
      </c>
      <c r="EX9" s="281">
        <v>68</v>
      </c>
      <c r="EY9" s="278">
        <v>722</v>
      </c>
      <c r="EZ9" s="283">
        <v>848</v>
      </c>
    </row>
    <row r="10" spans="2:156" ht="19.8" customHeight="1" x14ac:dyDescent="0.2">
      <c r="B10" s="262" t="s">
        <v>7</v>
      </c>
      <c r="C10" s="277">
        <v>0</v>
      </c>
      <c r="D10" s="281">
        <v>0</v>
      </c>
      <c r="E10" s="385">
        <v>0</v>
      </c>
      <c r="F10" s="280">
        <v>0</v>
      </c>
      <c r="G10" s="281">
        <v>48</v>
      </c>
      <c r="H10" s="281">
        <v>44</v>
      </c>
      <c r="I10" s="281">
        <v>21</v>
      </c>
      <c r="J10" s="281">
        <v>12</v>
      </c>
      <c r="K10" s="281">
        <v>17</v>
      </c>
      <c r="L10" s="282">
        <v>142</v>
      </c>
      <c r="M10" s="283">
        <v>142</v>
      </c>
      <c r="N10" s="277">
        <v>0</v>
      </c>
      <c r="O10" s="281">
        <v>0</v>
      </c>
      <c r="P10" s="278">
        <v>0</v>
      </c>
      <c r="Q10" s="280">
        <v>0</v>
      </c>
      <c r="R10" s="281">
        <v>2</v>
      </c>
      <c r="S10" s="281">
        <v>4</v>
      </c>
      <c r="T10" s="281">
        <v>3</v>
      </c>
      <c r="U10" s="281">
        <v>1</v>
      </c>
      <c r="V10" s="281">
        <v>9</v>
      </c>
      <c r="W10" s="278">
        <v>19</v>
      </c>
      <c r="X10" s="283">
        <v>19</v>
      </c>
      <c r="Y10" s="277">
        <v>0</v>
      </c>
      <c r="Z10" s="281">
        <v>3</v>
      </c>
      <c r="AA10" s="278">
        <v>3</v>
      </c>
      <c r="AB10" s="280">
        <v>0</v>
      </c>
      <c r="AC10" s="281">
        <v>29</v>
      </c>
      <c r="AD10" s="281">
        <v>28</v>
      </c>
      <c r="AE10" s="281">
        <v>14</v>
      </c>
      <c r="AF10" s="281">
        <v>9</v>
      </c>
      <c r="AG10" s="281">
        <v>15</v>
      </c>
      <c r="AH10" s="278">
        <v>95</v>
      </c>
      <c r="AI10" s="283">
        <v>98</v>
      </c>
      <c r="AJ10" s="277">
        <v>0</v>
      </c>
      <c r="AK10" s="281">
        <v>0</v>
      </c>
      <c r="AL10" s="278">
        <v>0</v>
      </c>
      <c r="AM10" s="280">
        <v>0</v>
      </c>
      <c r="AN10" s="281">
        <v>3</v>
      </c>
      <c r="AO10" s="281">
        <v>6</v>
      </c>
      <c r="AP10" s="281">
        <v>5</v>
      </c>
      <c r="AQ10" s="281">
        <v>2</v>
      </c>
      <c r="AR10" s="281">
        <v>1</v>
      </c>
      <c r="AS10" s="278">
        <v>17</v>
      </c>
      <c r="AT10" s="283">
        <v>17</v>
      </c>
      <c r="AU10" s="277">
        <v>15</v>
      </c>
      <c r="AV10" s="281">
        <v>6</v>
      </c>
      <c r="AW10" s="278">
        <v>21</v>
      </c>
      <c r="AX10" s="280">
        <v>0</v>
      </c>
      <c r="AY10" s="281">
        <v>63</v>
      </c>
      <c r="AZ10" s="281">
        <v>50</v>
      </c>
      <c r="BA10" s="281">
        <v>35</v>
      </c>
      <c r="BB10" s="281">
        <v>31</v>
      </c>
      <c r="BC10" s="281">
        <v>34</v>
      </c>
      <c r="BD10" s="282">
        <v>213</v>
      </c>
      <c r="BE10" s="283">
        <v>234</v>
      </c>
      <c r="BF10" s="277">
        <v>0</v>
      </c>
      <c r="BG10" s="281">
        <v>0</v>
      </c>
      <c r="BH10" s="278">
        <v>0</v>
      </c>
      <c r="BI10" s="280">
        <v>0</v>
      </c>
      <c r="BJ10" s="281">
        <v>65</v>
      </c>
      <c r="BK10" s="281">
        <v>46</v>
      </c>
      <c r="BL10" s="281">
        <v>10</v>
      </c>
      <c r="BM10" s="281">
        <v>9</v>
      </c>
      <c r="BN10" s="281">
        <v>7</v>
      </c>
      <c r="BO10" s="278">
        <v>137</v>
      </c>
      <c r="BP10" s="283">
        <v>137</v>
      </c>
      <c r="BQ10" s="277">
        <v>3</v>
      </c>
      <c r="BR10" s="281">
        <v>2</v>
      </c>
      <c r="BS10" s="278">
        <v>5</v>
      </c>
      <c r="BT10" s="280">
        <v>0</v>
      </c>
      <c r="BU10" s="281">
        <v>23</v>
      </c>
      <c r="BV10" s="281">
        <v>9</v>
      </c>
      <c r="BW10" s="281">
        <v>12</v>
      </c>
      <c r="BX10" s="281">
        <v>1</v>
      </c>
      <c r="BY10" s="281">
        <v>2</v>
      </c>
      <c r="BZ10" s="278">
        <v>47</v>
      </c>
      <c r="CA10" s="283">
        <v>52</v>
      </c>
      <c r="CB10" s="277">
        <v>0</v>
      </c>
      <c r="CC10" s="281">
        <v>0</v>
      </c>
      <c r="CD10" s="278">
        <v>0</v>
      </c>
      <c r="CE10" s="280">
        <v>0</v>
      </c>
      <c r="CF10" s="281">
        <v>7</v>
      </c>
      <c r="CG10" s="281">
        <v>7</v>
      </c>
      <c r="CH10" s="281">
        <v>10</v>
      </c>
      <c r="CI10" s="281">
        <v>4</v>
      </c>
      <c r="CJ10" s="281">
        <v>3</v>
      </c>
      <c r="CK10" s="278">
        <v>31</v>
      </c>
      <c r="CL10" s="283">
        <v>31</v>
      </c>
      <c r="CM10" s="277">
        <v>0</v>
      </c>
      <c r="CN10" s="281">
        <v>0</v>
      </c>
      <c r="CO10" s="278">
        <v>0</v>
      </c>
      <c r="CP10" s="280">
        <v>0</v>
      </c>
      <c r="CQ10" s="281">
        <v>0</v>
      </c>
      <c r="CR10" s="281">
        <v>1</v>
      </c>
      <c r="CS10" s="281">
        <v>0</v>
      </c>
      <c r="CT10" s="281">
        <v>0</v>
      </c>
      <c r="CU10" s="281">
        <v>1</v>
      </c>
      <c r="CV10" s="278">
        <v>2</v>
      </c>
      <c r="CW10" s="283">
        <v>2</v>
      </c>
      <c r="CX10" s="277">
        <v>0</v>
      </c>
      <c r="CY10" s="281">
        <v>0</v>
      </c>
      <c r="CZ10" s="278">
        <v>0</v>
      </c>
      <c r="DA10" s="280">
        <v>0</v>
      </c>
      <c r="DB10" s="281">
        <v>0</v>
      </c>
      <c r="DC10" s="281">
        <v>0</v>
      </c>
      <c r="DD10" s="281">
        <v>0</v>
      </c>
      <c r="DE10" s="281">
        <v>0</v>
      </c>
      <c r="DF10" s="281">
        <v>0</v>
      </c>
      <c r="DG10" s="278">
        <v>0</v>
      </c>
      <c r="DH10" s="283">
        <v>0</v>
      </c>
      <c r="DI10" s="277">
        <v>0</v>
      </c>
      <c r="DJ10" s="281">
        <v>0</v>
      </c>
      <c r="DK10" s="278">
        <v>0</v>
      </c>
      <c r="DL10" s="280">
        <v>0</v>
      </c>
      <c r="DM10" s="281">
        <v>0</v>
      </c>
      <c r="DN10" s="281">
        <v>0</v>
      </c>
      <c r="DO10" s="281">
        <v>0</v>
      </c>
      <c r="DP10" s="281">
        <v>0</v>
      </c>
      <c r="DQ10" s="281">
        <v>0</v>
      </c>
      <c r="DR10" s="278">
        <v>0</v>
      </c>
      <c r="DS10" s="283">
        <v>0</v>
      </c>
      <c r="DT10" s="277">
        <v>16</v>
      </c>
      <c r="DU10" s="281">
        <v>22</v>
      </c>
      <c r="DV10" s="278">
        <v>38</v>
      </c>
      <c r="DW10" s="280">
        <v>0</v>
      </c>
      <c r="DX10" s="281">
        <v>82</v>
      </c>
      <c r="DY10" s="281">
        <v>107</v>
      </c>
      <c r="DZ10" s="281">
        <v>53</v>
      </c>
      <c r="EA10" s="281">
        <v>24</v>
      </c>
      <c r="EB10" s="281">
        <v>30</v>
      </c>
      <c r="EC10" s="278">
        <v>296</v>
      </c>
      <c r="ED10" s="283">
        <v>334</v>
      </c>
      <c r="EE10" s="277">
        <v>12</v>
      </c>
      <c r="EF10" s="281">
        <v>4</v>
      </c>
      <c r="EG10" s="278">
        <v>16</v>
      </c>
      <c r="EH10" s="280">
        <v>0</v>
      </c>
      <c r="EI10" s="281">
        <v>33</v>
      </c>
      <c r="EJ10" s="281">
        <v>22</v>
      </c>
      <c r="EK10" s="281">
        <v>17</v>
      </c>
      <c r="EL10" s="281">
        <v>20</v>
      </c>
      <c r="EM10" s="281">
        <v>9</v>
      </c>
      <c r="EN10" s="278">
        <v>101</v>
      </c>
      <c r="EO10" s="283">
        <v>117</v>
      </c>
      <c r="EP10" s="277">
        <v>18</v>
      </c>
      <c r="EQ10" s="281">
        <v>23</v>
      </c>
      <c r="ER10" s="278">
        <v>41</v>
      </c>
      <c r="ES10" s="280">
        <v>0</v>
      </c>
      <c r="ET10" s="281">
        <v>171</v>
      </c>
      <c r="EU10" s="281">
        <v>131</v>
      </c>
      <c r="EV10" s="281">
        <v>66</v>
      </c>
      <c r="EW10" s="281">
        <v>24</v>
      </c>
      <c r="EX10" s="281">
        <v>35</v>
      </c>
      <c r="EY10" s="278">
        <v>427</v>
      </c>
      <c r="EZ10" s="283">
        <v>468</v>
      </c>
    </row>
    <row r="11" spans="2:156" ht="19.8" customHeight="1" x14ac:dyDescent="0.2">
      <c r="B11" s="262" t="s">
        <v>8</v>
      </c>
      <c r="C11" s="277">
        <v>0</v>
      </c>
      <c r="D11" s="281">
        <v>0</v>
      </c>
      <c r="E11" s="385">
        <v>0</v>
      </c>
      <c r="F11" s="280">
        <v>0</v>
      </c>
      <c r="G11" s="281">
        <v>21</v>
      </c>
      <c r="H11" s="281">
        <v>28</v>
      </c>
      <c r="I11" s="281">
        <v>9</v>
      </c>
      <c r="J11" s="281">
        <v>9</v>
      </c>
      <c r="K11" s="281">
        <v>11</v>
      </c>
      <c r="L11" s="282">
        <v>78</v>
      </c>
      <c r="M11" s="283">
        <v>78</v>
      </c>
      <c r="N11" s="277">
        <v>0</v>
      </c>
      <c r="O11" s="281">
        <v>0</v>
      </c>
      <c r="P11" s="278">
        <v>0</v>
      </c>
      <c r="Q11" s="280">
        <v>0</v>
      </c>
      <c r="R11" s="281">
        <v>0</v>
      </c>
      <c r="S11" s="281">
        <v>0</v>
      </c>
      <c r="T11" s="281">
        <v>0</v>
      </c>
      <c r="U11" s="281">
        <v>6</v>
      </c>
      <c r="V11" s="281">
        <v>3</v>
      </c>
      <c r="W11" s="278">
        <v>9</v>
      </c>
      <c r="X11" s="283">
        <v>9</v>
      </c>
      <c r="Y11" s="277">
        <v>3</v>
      </c>
      <c r="Z11" s="281">
        <v>1</v>
      </c>
      <c r="AA11" s="278">
        <v>4</v>
      </c>
      <c r="AB11" s="280">
        <v>0</v>
      </c>
      <c r="AC11" s="281">
        <v>12</v>
      </c>
      <c r="AD11" s="281">
        <v>13</v>
      </c>
      <c r="AE11" s="281">
        <v>4</v>
      </c>
      <c r="AF11" s="281">
        <v>12</v>
      </c>
      <c r="AG11" s="281">
        <v>6</v>
      </c>
      <c r="AH11" s="278">
        <v>47</v>
      </c>
      <c r="AI11" s="283">
        <v>51</v>
      </c>
      <c r="AJ11" s="277">
        <v>0</v>
      </c>
      <c r="AK11" s="281">
        <v>2</v>
      </c>
      <c r="AL11" s="278">
        <v>2</v>
      </c>
      <c r="AM11" s="280">
        <v>0</v>
      </c>
      <c r="AN11" s="281">
        <v>1</v>
      </c>
      <c r="AO11" s="281">
        <v>4</v>
      </c>
      <c r="AP11" s="281">
        <v>4</v>
      </c>
      <c r="AQ11" s="281">
        <v>5</v>
      </c>
      <c r="AR11" s="281">
        <v>3</v>
      </c>
      <c r="AS11" s="278">
        <v>17</v>
      </c>
      <c r="AT11" s="283">
        <v>19</v>
      </c>
      <c r="AU11" s="277">
        <v>5</v>
      </c>
      <c r="AV11" s="281">
        <v>3</v>
      </c>
      <c r="AW11" s="278">
        <v>8</v>
      </c>
      <c r="AX11" s="280">
        <v>0</v>
      </c>
      <c r="AY11" s="281">
        <v>13</v>
      </c>
      <c r="AZ11" s="281">
        <v>26</v>
      </c>
      <c r="BA11" s="281">
        <v>15</v>
      </c>
      <c r="BB11" s="281">
        <v>29</v>
      </c>
      <c r="BC11" s="281">
        <v>16</v>
      </c>
      <c r="BD11" s="282">
        <v>99</v>
      </c>
      <c r="BE11" s="283">
        <v>107</v>
      </c>
      <c r="BF11" s="277">
        <v>0</v>
      </c>
      <c r="BG11" s="281">
        <v>0</v>
      </c>
      <c r="BH11" s="278">
        <v>0</v>
      </c>
      <c r="BI11" s="280">
        <v>0</v>
      </c>
      <c r="BJ11" s="281">
        <v>25</v>
      </c>
      <c r="BK11" s="281">
        <v>29</v>
      </c>
      <c r="BL11" s="281">
        <v>8</v>
      </c>
      <c r="BM11" s="281">
        <v>10</v>
      </c>
      <c r="BN11" s="281">
        <v>3</v>
      </c>
      <c r="BO11" s="278">
        <v>75</v>
      </c>
      <c r="BP11" s="283">
        <v>75</v>
      </c>
      <c r="BQ11" s="277">
        <v>2</v>
      </c>
      <c r="BR11" s="281">
        <v>2</v>
      </c>
      <c r="BS11" s="278">
        <v>4</v>
      </c>
      <c r="BT11" s="280">
        <v>0</v>
      </c>
      <c r="BU11" s="281">
        <v>12</v>
      </c>
      <c r="BV11" s="281">
        <v>9</v>
      </c>
      <c r="BW11" s="281">
        <v>5</v>
      </c>
      <c r="BX11" s="281">
        <v>5</v>
      </c>
      <c r="BY11" s="281">
        <v>1</v>
      </c>
      <c r="BZ11" s="278">
        <v>32</v>
      </c>
      <c r="CA11" s="283">
        <v>36</v>
      </c>
      <c r="CB11" s="277">
        <v>0</v>
      </c>
      <c r="CC11" s="281">
        <v>0</v>
      </c>
      <c r="CD11" s="278">
        <v>0</v>
      </c>
      <c r="CE11" s="280">
        <v>0</v>
      </c>
      <c r="CF11" s="281">
        <v>4</v>
      </c>
      <c r="CG11" s="281">
        <v>5</v>
      </c>
      <c r="CH11" s="281">
        <v>4</v>
      </c>
      <c r="CI11" s="281">
        <v>5</v>
      </c>
      <c r="CJ11" s="281">
        <v>0</v>
      </c>
      <c r="CK11" s="278">
        <v>18</v>
      </c>
      <c r="CL11" s="283">
        <v>18</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c r="DI11" s="277">
        <v>0</v>
      </c>
      <c r="DJ11" s="281">
        <v>0</v>
      </c>
      <c r="DK11" s="278">
        <v>0</v>
      </c>
      <c r="DL11" s="280">
        <v>0</v>
      </c>
      <c r="DM11" s="281">
        <v>0</v>
      </c>
      <c r="DN11" s="281">
        <v>0</v>
      </c>
      <c r="DO11" s="281">
        <v>0</v>
      </c>
      <c r="DP11" s="281">
        <v>0</v>
      </c>
      <c r="DQ11" s="281">
        <v>0</v>
      </c>
      <c r="DR11" s="278">
        <v>0</v>
      </c>
      <c r="DS11" s="283">
        <v>0</v>
      </c>
      <c r="DT11" s="277">
        <v>12</v>
      </c>
      <c r="DU11" s="281">
        <v>15</v>
      </c>
      <c r="DV11" s="278">
        <v>27</v>
      </c>
      <c r="DW11" s="280">
        <v>0</v>
      </c>
      <c r="DX11" s="281">
        <v>49</v>
      </c>
      <c r="DY11" s="281">
        <v>62</v>
      </c>
      <c r="DZ11" s="281">
        <v>27</v>
      </c>
      <c r="EA11" s="281">
        <v>26</v>
      </c>
      <c r="EB11" s="281">
        <v>14</v>
      </c>
      <c r="EC11" s="278">
        <v>178</v>
      </c>
      <c r="ED11" s="283">
        <v>205</v>
      </c>
      <c r="EE11" s="277">
        <v>6</v>
      </c>
      <c r="EF11" s="281">
        <v>0</v>
      </c>
      <c r="EG11" s="278">
        <v>6</v>
      </c>
      <c r="EH11" s="280">
        <v>0</v>
      </c>
      <c r="EI11" s="281">
        <v>9</v>
      </c>
      <c r="EJ11" s="281">
        <v>11</v>
      </c>
      <c r="EK11" s="281">
        <v>10</v>
      </c>
      <c r="EL11" s="281">
        <v>8</v>
      </c>
      <c r="EM11" s="281">
        <v>8</v>
      </c>
      <c r="EN11" s="278">
        <v>46</v>
      </c>
      <c r="EO11" s="283">
        <v>52</v>
      </c>
      <c r="EP11" s="277">
        <v>17</v>
      </c>
      <c r="EQ11" s="281">
        <v>18</v>
      </c>
      <c r="ER11" s="278">
        <v>35</v>
      </c>
      <c r="ES11" s="280">
        <v>0</v>
      </c>
      <c r="ET11" s="281">
        <v>95</v>
      </c>
      <c r="EU11" s="281">
        <v>83</v>
      </c>
      <c r="EV11" s="281">
        <v>31</v>
      </c>
      <c r="EW11" s="281">
        <v>29</v>
      </c>
      <c r="EX11" s="281">
        <v>14</v>
      </c>
      <c r="EY11" s="278">
        <v>252</v>
      </c>
      <c r="EZ11" s="283">
        <v>287</v>
      </c>
    </row>
    <row r="12" spans="2:156" ht="19.8" customHeight="1" x14ac:dyDescent="0.2">
      <c r="B12" s="262" t="s">
        <v>9</v>
      </c>
      <c r="C12" s="277">
        <v>0</v>
      </c>
      <c r="D12" s="281">
        <v>0</v>
      </c>
      <c r="E12" s="385">
        <v>0</v>
      </c>
      <c r="F12" s="280">
        <v>0</v>
      </c>
      <c r="G12" s="281">
        <v>74</v>
      </c>
      <c r="H12" s="281">
        <v>44</v>
      </c>
      <c r="I12" s="281">
        <v>37</v>
      </c>
      <c r="J12" s="281">
        <v>37</v>
      </c>
      <c r="K12" s="281">
        <v>32</v>
      </c>
      <c r="L12" s="282">
        <v>224</v>
      </c>
      <c r="M12" s="283">
        <v>224</v>
      </c>
      <c r="N12" s="277">
        <v>0</v>
      </c>
      <c r="O12" s="281">
        <v>0</v>
      </c>
      <c r="P12" s="278">
        <v>0</v>
      </c>
      <c r="Q12" s="280">
        <v>0</v>
      </c>
      <c r="R12" s="281">
        <v>2</v>
      </c>
      <c r="S12" s="281">
        <v>0</v>
      </c>
      <c r="T12" s="281">
        <v>3</v>
      </c>
      <c r="U12" s="281">
        <v>4</v>
      </c>
      <c r="V12" s="281">
        <v>12</v>
      </c>
      <c r="W12" s="278">
        <v>21</v>
      </c>
      <c r="X12" s="283">
        <v>21</v>
      </c>
      <c r="Y12" s="277">
        <v>7</v>
      </c>
      <c r="Z12" s="281">
        <v>14</v>
      </c>
      <c r="AA12" s="278">
        <v>21</v>
      </c>
      <c r="AB12" s="280">
        <v>0</v>
      </c>
      <c r="AC12" s="281">
        <v>52</v>
      </c>
      <c r="AD12" s="281">
        <v>31</v>
      </c>
      <c r="AE12" s="281">
        <v>24</v>
      </c>
      <c r="AF12" s="281">
        <v>32</v>
      </c>
      <c r="AG12" s="281">
        <v>20</v>
      </c>
      <c r="AH12" s="278">
        <v>159</v>
      </c>
      <c r="AI12" s="283">
        <v>180</v>
      </c>
      <c r="AJ12" s="277">
        <v>0</v>
      </c>
      <c r="AK12" s="281">
        <v>2</v>
      </c>
      <c r="AL12" s="278">
        <v>2</v>
      </c>
      <c r="AM12" s="280">
        <v>0</v>
      </c>
      <c r="AN12" s="281">
        <v>7</v>
      </c>
      <c r="AO12" s="281">
        <v>7</v>
      </c>
      <c r="AP12" s="281">
        <v>8</v>
      </c>
      <c r="AQ12" s="281">
        <v>6</v>
      </c>
      <c r="AR12" s="281">
        <v>6</v>
      </c>
      <c r="AS12" s="278">
        <v>34</v>
      </c>
      <c r="AT12" s="283">
        <v>36</v>
      </c>
      <c r="AU12" s="277">
        <v>16</v>
      </c>
      <c r="AV12" s="281">
        <v>8</v>
      </c>
      <c r="AW12" s="278">
        <v>24</v>
      </c>
      <c r="AX12" s="280">
        <v>0</v>
      </c>
      <c r="AY12" s="281">
        <v>55</v>
      </c>
      <c r="AZ12" s="281">
        <v>64</v>
      </c>
      <c r="BA12" s="281">
        <v>66</v>
      </c>
      <c r="BB12" s="281">
        <v>71</v>
      </c>
      <c r="BC12" s="281">
        <v>50</v>
      </c>
      <c r="BD12" s="282">
        <v>306</v>
      </c>
      <c r="BE12" s="283">
        <v>330</v>
      </c>
      <c r="BF12" s="277">
        <v>0</v>
      </c>
      <c r="BG12" s="281">
        <v>0</v>
      </c>
      <c r="BH12" s="278">
        <v>0</v>
      </c>
      <c r="BI12" s="280">
        <v>0</v>
      </c>
      <c r="BJ12" s="281">
        <v>49</v>
      </c>
      <c r="BK12" s="281">
        <v>37</v>
      </c>
      <c r="BL12" s="281">
        <v>26</v>
      </c>
      <c r="BM12" s="281">
        <v>13</v>
      </c>
      <c r="BN12" s="281">
        <v>5</v>
      </c>
      <c r="BO12" s="278">
        <v>130</v>
      </c>
      <c r="BP12" s="283">
        <v>130</v>
      </c>
      <c r="BQ12" s="277">
        <v>4</v>
      </c>
      <c r="BR12" s="281">
        <v>7</v>
      </c>
      <c r="BS12" s="278">
        <v>11</v>
      </c>
      <c r="BT12" s="280">
        <v>0</v>
      </c>
      <c r="BU12" s="281">
        <v>13</v>
      </c>
      <c r="BV12" s="281">
        <v>12</v>
      </c>
      <c r="BW12" s="281">
        <v>8</v>
      </c>
      <c r="BX12" s="281">
        <v>8</v>
      </c>
      <c r="BY12" s="281">
        <v>1</v>
      </c>
      <c r="BZ12" s="278">
        <v>42</v>
      </c>
      <c r="CA12" s="283">
        <v>53</v>
      </c>
      <c r="CB12" s="277">
        <v>0</v>
      </c>
      <c r="CC12" s="281">
        <v>0</v>
      </c>
      <c r="CD12" s="278">
        <v>0</v>
      </c>
      <c r="CE12" s="280">
        <v>0</v>
      </c>
      <c r="CF12" s="281">
        <v>7</v>
      </c>
      <c r="CG12" s="281">
        <v>12</v>
      </c>
      <c r="CH12" s="281">
        <v>13</v>
      </c>
      <c r="CI12" s="281">
        <v>10</v>
      </c>
      <c r="CJ12" s="281">
        <v>5</v>
      </c>
      <c r="CK12" s="278">
        <v>47</v>
      </c>
      <c r="CL12" s="283">
        <v>47</v>
      </c>
      <c r="CM12" s="277">
        <v>1</v>
      </c>
      <c r="CN12" s="281">
        <v>0</v>
      </c>
      <c r="CO12" s="278">
        <v>1</v>
      </c>
      <c r="CP12" s="280">
        <v>0</v>
      </c>
      <c r="CQ12" s="281">
        <v>0</v>
      </c>
      <c r="CR12" s="281">
        <v>1</v>
      </c>
      <c r="CS12" s="281">
        <v>3</v>
      </c>
      <c r="CT12" s="281">
        <v>1</v>
      </c>
      <c r="CU12" s="281">
        <v>2</v>
      </c>
      <c r="CV12" s="278">
        <v>7</v>
      </c>
      <c r="CW12" s="283">
        <v>8</v>
      </c>
      <c r="CX12" s="277">
        <v>0</v>
      </c>
      <c r="CY12" s="281">
        <v>0</v>
      </c>
      <c r="CZ12" s="278">
        <v>0</v>
      </c>
      <c r="DA12" s="280">
        <v>0</v>
      </c>
      <c r="DB12" s="281">
        <v>0</v>
      </c>
      <c r="DC12" s="281">
        <v>0</v>
      </c>
      <c r="DD12" s="281">
        <v>0</v>
      </c>
      <c r="DE12" s="281">
        <v>0</v>
      </c>
      <c r="DF12" s="281">
        <v>0</v>
      </c>
      <c r="DG12" s="278">
        <v>0</v>
      </c>
      <c r="DH12" s="283">
        <v>0</v>
      </c>
      <c r="DI12" s="277">
        <v>0</v>
      </c>
      <c r="DJ12" s="281">
        <v>0</v>
      </c>
      <c r="DK12" s="278">
        <v>0</v>
      </c>
      <c r="DL12" s="280">
        <v>0</v>
      </c>
      <c r="DM12" s="281">
        <v>0</v>
      </c>
      <c r="DN12" s="281">
        <v>0</v>
      </c>
      <c r="DO12" s="281">
        <v>0</v>
      </c>
      <c r="DP12" s="281">
        <v>0</v>
      </c>
      <c r="DQ12" s="281">
        <v>0</v>
      </c>
      <c r="DR12" s="278">
        <v>0</v>
      </c>
      <c r="DS12" s="283">
        <v>0</v>
      </c>
      <c r="DT12" s="277">
        <v>30</v>
      </c>
      <c r="DU12" s="281">
        <v>44</v>
      </c>
      <c r="DV12" s="278">
        <v>74</v>
      </c>
      <c r="DW12" s="280">
        <v>0</v>
      </c>
      <c r="DX12" s="281">
        <v>100</v>
      </c>
      <c r="DY12" s="281">
        <v>95</v>
      </c>
      <c r="DZ12" s="281">
        <v>69</v>
      </c>
      <c r="EA12" s="281">
        <v>57</v>
      </c>
      <c r="EB12" s="281">
        <v>42</v>
      </c>
      <c r="EC12" s="278">
        <v>363</v>
      </c>
      <c r="ED12" s="283">
        <v>437</v>
      </c>
      <c r="EE12" s="277">
        <v>13</v>
      </c>
      <c r="EF12" s="281">
        <v>7</v>
      </c>
      <c r="EG12" s="278">
        <v>20</v>
      </c>
      <c r="EH12" s="280">
        <v>0</v>
      </c>
      <c r="EI12" s="281">
        <v>29</v>
      </c>
      <c r="EJ12" s="281">
        <v>22</v>
      </c>
      <c r="EK12" s="281">
        <v>21</v>
      </c>
      <c r="EL12" s="281">
        <v>26</v>
      </c>
      <c r="EM12" s="281">
        <v>18</v>
      </c>
      <c r="EN12" s="278">
        <v>116</v>
      </c>
      <c r="EO12" s="283">
        <v>136</v>
      </c>
      <c r="EP12" s="277">
        <v>37</v>
      </c>
      <c r="EQ12" s="281">
        <v>53</v>
      </c>
      <c r="ER12" s="278">
        <v>90</v>
      </c>
      <c r="ES12" s="280">
        <v>0</v>
      </c>
      <c r="ET12" s="281">
        <v>192</v>
      </c>
      <c r="EU12" s="281">
        <v>124</v>
      </c>
      <c r="EV12" s="281">
        <v>88</v>
      </c>
      <c r="EW12" s="281">
        <v>58</v>
      </c>
      <c r="EX12" s="281">
        <v>42</v>
      </c>
      <c r="EY12" s="278">
        <v>504</v>
      </c>
      <c r="EZ12" s="283">
        <v>594</v>
      </c>
    </row>
    <row r="13" spans="2:156" ht="19.8" customHeight="1" x14ac:dyDescent="0.2">
      <c r="B13" s="262" t="s">
        <v>10</v>
      </c>
      <c r="C13" s="277">
        <v>0</v>
      </c>
      <c r="D13" s="281">
        <v>0</v>
      </c>
      <c r="E13" s="385">
        <v>0</v>
      </c>
      <c r="F13" s="280">
        <v>0</v>
      </c>
      <c r="G13" s="281">
        <v>93</v>
      </c>
      <c r="H13" s="281">
        <v>57</v>
      </c>
      <c r="I13" s="281">
        <v>26</v>
      </c>
      <c r="J13" s="281">
        <v>31</v>
      </c>
      <c r="K13" s="281">
        <v>28</v>
      </c>
      <c r="L13" s="282">
        <v>235</v>
      </c>
      <c r="M13" s="283">
        <v>235</v>
      </c>
      <c r="N13" s="277">
        <v>0</v>
      </c>
      <c r="O13" s="281">
        <v>0</v>
      </c>
      <c r="P13" s="278">
        <v>0</v>
      </c>
      <c r="Q13" s="280">
        <v>0</v>
      </c>
      <c r="R13" s="281">
        <v>2</v>
      </c>
      <c r="S13" s="281">
        <v>2</v>
      </c>
      <c r="T13" s="281">
        <v>0</v>
      </c>
      <c r="U13" s="281">
        <v>3</v>
      </c>
      <c r="V13" s="281">
        <v>12</v>
      </c>
      <c r="W13" s="278">
        <v>19</v>
      </c>
      <c r="X13" s="283">
        <v>19</v>
      </c>
      <c r="Y13" s="277">
        <v>16</v>
      </c>
      <c r="Z13" s="281">
        <v>25</v>
      </c>
      <c r="AA13" s="278">
        <v>41</v>
      </c>
      <c r="AB13" s="280">
        <v>0</v>
      </c>
      <c r="AC13" s="281">
        <v>56</v>
      </c>
      <c r="AD13" s="281">
        <v>42</v>
      </c>
      <c r="AE13" s="281">
        <v>19</v>
      </c>
      <c r="AF13" s="281">
        <v>16</v>
      </c>
      <c r="AG13" s="281">
        <v>19</v>
      </c>
      <c r="AH13" s="278">
        <v>152</v>
      </c>
      <c r="AI13" s="283">
        <v>193</v>
      </c>
      <c r="AJ13" s="277">
        <v>3</v>
      </c>
      <c r="AK13" s="281">
        <v>5</v>
      </c>
      <c r="AL13" s="278">
        <v>8</v>
      </c>
      <c r="AM13" s="280">
        <v>0</v>
      </c>
      <c r="AN13" s="281">
        <v>5</v>
      </c>
      <c r="AO13" s="281">
        <v>7</v>
      </c>
      <c r="AP13" s="281">
        <v>6</v>
      </c>
      <c r="AQ13" s="281">
        <v>8</v>
      </c>
      <c r="AR13" s="281">
        <v>6</v>
      </c>
      <c r="AS13" s="278">
        <v>32</v>
      </c>
      <c r="AT13" s="283">
        <v>40</v>
      </c>
      <c r="AU13" s="277">
        <v>25</v>
      </c>
      <c r="AV13" s="281">
        <v>20</v>
      </c>
      <c r="AW13" s="278">
        <v>45</v>
      </c>
      <c r="AX13" s="280">
        <v>0</v>
      </c>
      <c r="AY13" s="281">
        <v>96</v>
      </c>
      <c r="AZ13" s="281">
        <v>77</v>
      </c>
      <c r="BA13" s="281">
        <v>68</v>
      </c>
      <c r="BB13" s="281">
        <v>79</v>
      </c>
      <c r="BC13" s="281">
        <v>74</v>
      </c>
      <c r="BD13" s="282">
        <v>394</v>
      </c>
      <c r="BE13" s="283">
        <v>439</v>
      </c>
      <c r="BF13" s="277">
        <v>0</v>
      </c>
      <c r="BG13" s="281">
        <v>0</v>
      </c>
      <c r="BH13" s="278">
        <v>0</v>
      </c>
      <c r="BI13" s="280">
        <v>0</v>
      </c>
      <c r="BJ13" s="281">
        <v>128</v>
      </c>
      <c r="BK13" s="281">
        <v>66</v>
      </c>
      <c r="BL13" s="281">
        <v>28</v>
      </c>
      <c r="BM13" s="281">
        <v>13</v>
      </c>
      <c r="BN13" s="281">
        <v>4</v>
      </c>
      <c r="BO13" s="278">
        <v>239</v>
      </c>
      <c r="BP13" s="283">
        <v>239</v>
      </c>
      <c r="BQ13" s="277">
        <v>4</v>
      </c>
      <c r="BR13" s="281">
        <v>4</v>
      </c>
      <c r="BS13" s="278">
        <v>8</v>
      </c>
      <c r="BT13" s="280">
        <v>0</v>
      </c>
      <c r="BU13" s="281">
        <v>20</v>
      </c>
      <c r="BV13" s="281">
        <v>10</v>
      </c>
      <c r="BW13" s="281">
        <v>9</v>
      </c>
      <c r="BX13" s="281">
        <v>5</v>
      </c>
      <c r="BY13" s="281">
        <v>2</v>
      </c>
      <c r="BZ13" s="278">
        <v>46</v>
      </c>
      <c r="CA13" s="283">
        <v>54</v>
      </c>
      <c r="CB13" s="277">
        <v>1</v>
      </c>
      <c r="CC13" s="281">
        <v>3</v>
      </c>
      <c r="CD13" s="278">
        <v>4</v>
      </c>
      <c r="CE13" s="280">
        <v>0</v>
      </c>
      <c r="CF13" s="281">
        <v>17</v>
      </c>
      <c r="CG13" s="281">
        <v>6</v>
      </c>
      <c r="CH13" s="281">
        <v>13</v>
      </c>
      <c r="CI13" s="281">
        <v>5</v>
      </c>
      <c r="CJ13" s="281">
        <v>5</v>
      </c>
      <c r="CK13" s="278">
        <v>46</v>
      </c>
      <c r="CL13" s="283">
        <v>50</v>
      </c>
      <c r="CM13" s="277">
        <v>0</v>
      </c>
      <c r="CN13" s="281">
        <v>0</v>
      </c>
      <c r="CO13" s="278">
        <v>0</v>
      </c>
      <c r="CP13" s="280">
        <v>0</v>
      </c>
      <c r="CQ13" s="281">
        <v>2</v>
      </c>
      <c r="CR13" s="281">
        <v>1</v>
      </c>
      <c r="CS13" s="281">
        <v>0</v>
      </c>
      <c r="CT13" s="281">
        <v>0</v>
      </c>
      <c r="CU13" s="281">
        <v>0</v>
      </c>
      <c r="CV13" s="278">
        <v>3</v>
      </c>
      <c r="CW13" s="283">
        <v>3</v>
      </c>
      <c r="CX13" s="277">
        <v>0</v>
      </c>
      <c r="CY13" s="281">
        <v>0</v>
      </c>
      <c r="CZ13" s="278">
        <v>0</v>
      </c>
      <c r="DA13" s="280">
        <v>0</v>
      </c>
      <c r="DB13" s="281">
        <v>0</v>
      </c>
      <c r="DC13" s="281">
        <v>0</v>
      </c>
      <c r="DD13" s="281">
        <v>0</v>
      </c>
      <c r="DE13" s="281">
        <v>0</v>
      </c>
      <c r="DF13" s="281">
        <v>0</v>
      </c>
      <c r="DG13" s="278">
        <v>0</v>
      </c>
      <c r="DH13" s="283">
        <v>0</v>
      </c>
      <c r="DI13" s="277">
        <v>0</v>
      </c>
      <c r="DJ13" s="281">
        <v>0</v>
      </c>
      <c r="DK13" s="278">
        <v>0</v>
      </c>
      <c r="DL13" s="280">
        <v>0</v>
      </c>
      <c r="DM13" s="281">
        <v>0</v>
      </c>
      <c r="DN13" s="281">
        <v>0</v>
      </c>
      <c r="DO13" s="281">
        <v>0</v>
      </c>
      <c r="DP13" s="281">
        <v>0</v>
      </c>
      <c r="DQ13" s="281">
        <v>0</v>
      </c>
      <c r="DR13" s="278">
        <v>0</v>
      </c>
      <c r="DS13" s="283">
        <v>0</v>
      </c>
      <c r="DT13" s="277">
        <v>51</v>
      </c>
      <c r="DU13" s="281">
        <v>79</v>
      </c>
      <c r="DV13" s="278">
        <v>130</v>
      </c>
      <c r="DW13" s="280">
        <v>0</v>
      </c>
      <c r="DX13" s="281">
        <v>144</v>
      </c>
      <c r="DY13" s="281">
        <v>109</v>
      </c>
      <c r="DZ13" s="281">
        <v>59</v>
      </c>
      <c r="EA13" s="281">
        <v>55</v>
      </c>
      <c r="EB13" s="281">
        <v>44</v>
      </c>
      <c r="EC13" s="278">
        <v>411</v>
      </c>
      <c r="ED13" s="283">
        <v>541</v>
      </c>
      <c r="EE13" s="277">
        <v>9</v>
      </c>
      <c r="EF13" s="281">
        <v>7</v>
      </c>
      <c r="EG13" s="278">
        <v>16</v>
      </c>
      <c r="EH13" s="280">
        <v>0</v>
      </c>
      <c r="EI13" s="281">
        <v>28</v>
      </c>
      <c r="EJ13" s="281">
        <v>26</v>
      </c>
      <c r="EK13" s="281">
        <v>24</v>
      </c>
      <c r="EL13" s="281">
        <v>28</v>
      </c>
      <c r="EM13" s="281">
        <v>23</v>
      </c>
      <c r="EN13" s="278">
        <v>129</v>
      </c>
      <c r="EO13" s="283">
        <v>145</v>
      </c>
      <c r="EP13" s="277">
        <v>66</v>
      </c>
      <c r="EQ13" s="281">
        <v>95</v>
      </c>
      <c r="ER13" s="278">
        <v>161</v>
      </c>
      <c r="ES13" s="280">
        <v>0</v>
      </c>
      <c r="ET13" s="281">
        <v>250</v>
      </c>
      <c r="EU13" s="281">
        <v>148</v>
      </c>
      <c r="EV13" s="281">
        <v>72</v>
      </c>
      <c r="EW13" s="281">
        <v>57</v>
      </c>
      <c r="EX13" s="281">
        <v>43</v>
      </c>
      <c r="EY13" s="278">
        <v>570</v>
      </c>
      <c r="EZ13" s="283">
        <v>731</v>
      </c>
    </row>
    <row r="14" spans="2:156" ht="19.8" customHeight="1" x14ac:dyDescent="0.2">
      <c r="B14" s="262" t="s">
        <v>11</v>
      </c>
      <c r="C14" s="277">
        <v>0</v>
      </c>
      <c r="D14" s="281">
        <v>0</v>
      </c>
      <c r="E14" s="385">
        <v>0</v>
      </c>
      <c r="F14" s="280">
        <v>0</v>
      </c>
      <c r="G14" s="281">
        <v>11</v>
      </c>
      <c r="H14" s="281">
        <v>7</v>
      </c>
      <c r="I14" s="281">
        <v>11</v>
      </c>
      <c r="J14" s="281">
        <v>10</v>
      </c>
      <c r="K14" s="281">
        <v>8</v>
      </c>
      <c r="L14" s="282">
        <v>47</v>
      </c>
      <c r="M14" s="283">
        <v>47</v>
      </c>
      <c r="N14" s="277">
        <v>0</v>
      </c>
      <c r="O14" s="281">
        <v>0</v>
      </c>
      <c r="P14" s="278">
        <v>0</v>
      </c>
      <c r="Q14" s="280">
        <v>0</v>
      </c>
      <c r="R14" s="281">
        <v>0</v>
      </c>
      <c r="S14" s="281">
        <v>0</v>
      </c>
      <c r="T14" s="281">
        <v>0</v>
      </c>
      <c r="U14" s="281">
        <v>3</v>
      </c>
      <c r="V14" s="281">
        <v>3</v>
      </c>
      <c r="W14" s="278">
        <v>6</v>
      </c>
      <c r="X14" s="283">
        <v>6</v>
      </c>
      <c r="Y14" s="277">
        <v>4</v>
      </c>
      <c r="Z14" s="281">
        <v>3</v>
      </c>
      <c r="AA14" s="278">
        <v>7</v>
      </c>
      <c r="AB14" s="280">
        <v>0</v>
      </c>
      <c r="AC14" s="281">
        <v>19</v>
      </c>
      <c r="AD14" s="281">
        <v>11</v>
      </c>
      <c r="AE14" s="281">
        <v>9</v>
      </c>
      <c r="AF14" s="281">
        <v>9</v>
      </c>
      <c r="AG14" s="281">
        <v>8</v>
      </c>
      <c r="AH14" s="278">
        <v>56</v>
      </c>
      <c r="AI14" s="283">
        <v>63</v>
      </c>
      <c r="AJ14" s="277">
        <v>0</v>
      </c>
      <c r="AK14" s="281">
        <v>1</v>
      </c>
      <c r="AL14" s="278">
        <v>1</v>
      </c>
      <c r="AM14" s="280">
        <v>0</v>
      </c>
      <c r="AN14" s="281">
        <v>3</v>
      </c>
      <c r="AO14" s="281">
        <v>2</v>
      </c>
      <c r="AP14" s="281">
        <v>0</v>
      </c>
      <c r="AQ14" s="281">
        <v>0</v>
      </c>
      <c r="AR14" s="281">
        <v>1</v>
      </c>
      <c r="AS14" s="278">
        <v>6</v>
      </c>
      <c r="AT14" s="283">
        <v>7</v>
      </c>
      <c r="AU14" s="277">
        <v>3</v>
      </c>
      <c r="AV14" s="281">
        <v>1</v>
      </c>
      <c r="AW14" s="278">
        <v>4</v>
      </c>
      <c r="AX14" s="280">
        <v>0</v>
      </c>
      <c r="AY14" s="281">
        <v>20</v>
      </c>
      <c r="AZ14" s="281">
        <v>12</v>
      </c>
      <c r="BA14" s="281">
        <v>18</v>
      </c>
      <c r="BB14" s="281">
        <v>22</v>
      </c>
      <c r="BC14" s="281">
        <v>17</v>
      </c>
      <c r="BD14" s="282">
        <v>89</v>
      </c>
      <c r="BE14" s="283">
        <v>93</v>
      </c>
      <c r="BF14" s="277">
        <v>0</v>
      </c>
      <c r="BG14" s="281">
        <v>0</v>
      </c>
      <c r="BH14" s="278">
        <v>0</v>
      </c>
      <c r="BI14" s="280">
        <v>0</v>
      </c>
      <c r="BJ14" s="281">
        <v>23</v>
      </c>
      <c r="BK14" s="281">
        <v>13</v>
      </c>
      <c r="BL14" s="281">
        <v>11</v>
      </c>
      <c r="BM14" s="281">
        <v>7</v>
      </c>
      <c r="BN14" s="281">
        <v>4</v>
      </c>
      <c r="BO14" s="278">
        <v>58</v>
      </c>
      <c r="BP14" s="283">
        <v>58</v>
      </c>
      <c r="BQ14" s="277">
        <v>3</v>
      </c>
      <c r="BR14" s="281">
        <v>3</v>
      </c>
      <c r="BS14" s="278">
        <v>6</v>
      </c>
      <c r="BT14" s="280">
        <v>0</v>
      </c>
      <c r="BU14" s="281">
        <v>11</v>
      </c>
      <c r="BV14" s="281">
        <v>5</v>
      </c>
      <c r="BW14" s="281">
        <v>6</v>
      </c>
      <c r="BX14" s="281">
        <v>3</v>
      </c>
      <c r="BY14" s="281">
        <v>2</v>
      </c>
      <c r="BZ14" s="278">
        <v>27</v>
      </c>
      <c r="CA14" s="283">
        <v>33</v>
      </c>
      <c r="CB14" s="277">
        <v>1</v>
      </c>
      <c r="CC14" s="281">
        <v>1</v>
      </c>
      <c r="CD14" s="278">
        <v>2</v>
      </c>
      <c r="CE14" s="280">
        <v>0</v>
      </c>
      <c r="CF14" s="281">
        <v>1</v>
      </c>
      <c r="CG14" s="281">
        <v>3</v>
      </c>
      <c r="CH14" s="281">
        <v>3</v>
      </c>
      <c r="CI14" s="281">
        <v>3</v>
      </c>
      <c r="CJ14" s="281">
        <v>1</v>
      </c>
      <c r="CK14" s="278">
        <v>11</v>
      </c>
      <c r="CL14" s="283">
        <v>13</v>
      </c>
      <c r="CM14" s="277">
        <v>0</v>
      </c>
      <c r="CN14" s="281">
        <v>0</v>
      </c>
      <c r="CO14" s="278">
        <v>0</v>
      </c>
      <c r="CP14" s="280">
        <v>0</v>
      </c>
      <c r="CQ14" s="281">
        <v>0</v>
      </c>
      <c r="CR14" s="281">
        <v>0</v>
      </c>
      <c r="CS14" s="281">
        <v>3</v>
      </c>
      <c r="CT14" s="281">
        <v>1</v>
      </c>
      <c r="CU14" s="281">
        <v>0</v>
      </c>
      <c r="CV14" s="278">
        <v>4</v>
      </c>
      <c r="CW14" s="283">
        <v>4</v>
      </c>
      <c r="CX14" s="277">
        <v>0</v>
      </c>
      <c r="CY14" s="281">
        <v>0</v>
      </c>
      <c r="CZ14" s="278">
        <v>0</v>
      </c>
      <c r="DA14" s="280">
        <v>0</v>
      </c>
      <c r="DB14" s="281">
        <v>0</v>
      </c>
      <c r="DC14" s="281">
        <v>0</v>
      </c>
      <c r="DD14" s="281">
        <v>0</v>
      </c>
      <c r="DE14" s="281">
        <v>0</v>
      </c>
      <c r="DF14" s="281">
        <v>0</v>
      </c>
      <c r="DG14" s="278">
        <v>0</v>
      </c>
      <c r="DH14" s="283">
        <v>0</v>
      </c>
      <c r="DI14" s="277">
        <v>0</v>
      </c>
      <c r="DJ14" s="281">
        <v>0</v>
      </c>
      <c r="DK14" s="278">
        <v>0</v>
      </c>
      <c r="DL14" s="280">
        <v>0</v>
      </c>
      <c r="DM14" s="281">
        <v>0</v>
      </c>
      <c r="DN14" s="281">
        <v>0</v>
      </c>
      <c r="DO14" s="281">
        <v>0</v>
      </c>
      <c r="DP14" s="281">
        <v>0</v>
      </c>
      <c r="DQ14" s="281">
        <v>0</v>
      </c>
      <c r="DR14" s="278">
        <v>0</v>
      </c>
      <c r="DS14" s="283">
        <v>0</v>
      </c>
      <c r="DT14" s="277">
        <v>13</v>
      </c>
      <c r="DU14" s="281">
        <v>19</v>
      </c>
      <c r="DV14" s="278">
        <v>32</v>
      </c>
      <c r="DW14" s="280">
        <v>0</v>
      </c>
      <c r="DX14" s="281">
        <v>41</v>
      </c>
      <c r="DY14" s="281">
        <v>26</v>
      </c>
      <c r="DZ14" s="281">
        <v>30</v>
      </c>
      <c r="EA14" s="281">
        <v>19</v>
      </c>
      <c r="EB14" s="281">
        <v>13</v>
      </c>
      <c r="EC14" s="278">
        <v>129</v>
      </c>
      <c r="ED14" s="283">
        <v>161</v>
      </c>
      <c r="EE14" s="277">
        <v>3</v>
      </c>
      <c r="EF14" s="281">
        <v>3</v>
      </c>
      <c r="EG14" s="278">
        <v>6</v>
      </c>
      <c r="EH14" s="280">
        <v>0</v>
      </c>
      <c r="EI14" s="281">
        <v>18</v>
      </c>
      <c r="EJ14" s="281">
        <v>4</v>
      </c>
      <c r="EK14" s="281">
        <v>10</v>
      </c>
      <c r="EL14" s="281">
        <v>15</v>
      </c>
      <c r="EM14" s="281">
        <v>12</v>
      </c>
      <c r="EN14" s="278">
        <v>59</v>
      </c>
      <c r="EO14" s="283">
        <v>65</v>
      </c>
      <c r="EP14" s="277">
        <v>19</v>
      </c>
      <c r="EQ14" s="281">
        <v>24</v>
      </c>
      <c r="ER14" s="278">
        <v>43</v>
      </c>
      <c r="ES14" s="280">
        <v>0</v>
      </c>
      <c r="ET14" s="281">
        <v>79</v>
      </c>
      <c r="EU14" s="281">
        <v>35</v>
      </c>
      <c r="EV14" s="281">
        <v>32</v>
      </c>
      <c r="EW14" s="281">
        <v>21</v>
      </c>
      <c r="EX14" s="281">
        <v>13</v>
      </c>
      <c r="EY14" s="278">
        <v>180</v>
      </c>
      <c r="EZ14" s="283">
        <v>223</v>
      </c>
    </row>
    <row r="15" spans="2:156" ht="19.8" customHeight="1" x14ac:dyDescent="0.2">
      <c r="B15" s="262" t="s">
        <v>12</v>
      </c>
      <c r="C15" s="277">
        <v>0</v>
      </c>
      <c r="D15" s="281">
        <v>0</v>
      </c>
      <c r="E15" s="385">
        <v>0</v>
      </c>
      <c r="F15" s="280">
        <v>0</v>
      </c>
      <c r="G15" s="281">
        <v>42</v>
      </c>
      <c r="H15" s="281">
        <v>19</v>
      </c>
      <c r="I15" s="281">
        <v>19</v>
      </c>
      <c r="J15" s="281">
        <v>17</v>
      </c>
      <c r="K15" s="281">
        <v>8</v>
      </c>
      <c r="L15" s="282">
        <v>105</v>
      </c>
      <c r="M15" s="283">
        <v>105</v>
      </c>
      <c r="N15" s="277">
        <v>0</v>
      </c>
      <c r="O15" s="281">
        <v>0</v>
      </c>
      <c r="P15" s="278">
        <v>0</v>
      </c>
      <c r="Q15" s="280">
        <v>0</v>
      </c>
      <c r="R15" s="281">
        <v>0</v>
      </c>
      <c r="S15" s="281">
        <v>1</v>
      </c>
      <c r="T15" s="281">
        <v>0</v>
      </c>
      <c r="U15" s="281">
        <v>2</v>
      </c>
      <c r="V15" s="281">
        <v>8</v>
      </c>
      <c r="W15" s="278">
        <v>11</v>
      </c>
      <c r="X15" s="283">
        <v>11</v>
      </c>
      <c r="Y15" s="277">
        <v>9</v>
      </c>
      <c r="Z15" s="281">
        <v>14</v>
      </c>
      <c r="AA15" s="278">
        <v>23</v>
      </c>
      <c r="AB15" s="280">
        <v>0</v>
      </c>
      <c r="AC15" s="281">
        <v>15</v>
      </c>
      <c r="AD15" s="281">
        <v>15</v>
      </c>
      <c r="AE15" s="281">
        <v>16</v>
      </c>
      <c r="AF15" s="281">
        <v>13</v>
      </c>
      <c r="AG15" s="281">
        <v>8</v>
      </c>
      <c r="AH15" s="278">
        <v>67</v>
      </c>
      <c r="AI15" s="283">
        <v>90</v>
      </c>
      <c r="AJ15" s="277">
        <v>0</v>
      </c>
      <c r="AK15" s="281">
        <v>0</v>
      </c>
      <c r="AL15" s="278">
        <v>0</v>
      </c>
      <c r="AM15" s="280">
        <v>0</v>
      </c>
      <c r="AN15" s="281">
        <v>4</v>
      </c>
      <c r="AO15" s="281">
        <v>2</v>
      </c>
      <c r="AP15" s="281">
        <v>0</v>
      </c>
      <c r="AQ15" s="281">
        <v>1</v>
      </c>
      <c r="AR15" s="281">
        <v>0</v>
      </c>
      <c r="AS15" s="278">
        <v>7</v>
      </c>
      <c r="AT15" s="283">
        <v>7</v>
      </c>
      <c r="AU15" s="277">
        <v>12</v>
      </c>
      <c r="AV15" s="281">
        <v>9</v>
      </c>
      <c r="AW15" s="278">
        <v>21</v>
      </c>
      <c r="AX15" s="280">
        <v>0</v>
      </c>
      <c r="AY15" s="281">
        <v>23</v>
      </c>
      <c r="AZ15" s="281">
        <v>18</v>
      </c>
      <c r="BA15" s="281">
        <v>22</v>
      </c>
      <c r="BB15" s="281">
        <v>28</v>
      </c>
      <c r="BC15" s="281">
        <v>19</v>
      </c>
      <c r="BD15" s="282">
        <v>110</v>
      </c>
      <c r="BE15" s="283">
        <v>131</v>
      </c>
      <c r="BF15" s="277">
        <v>0</v>
      </c>
      <c r="BG15" s="281">
        <v>0</v>
      </c>
      <c r="BH15" s="278">
        <v>0</v>
      </c>
      <c r="BI15" s="280">
        <v>0</v>
      </c>
      <c r="BJ15" s="281">
        <v>39</v>
      </c>
      <c r="BK15" s="281">
        <v>21</v>
      </c>
      <c r="BL15" s="281">
        <v>11</v>
      </c>
      <c r="BM15" s="281">
        <v>17</v>
      </c>
      <c r="BN15" s="281">
        <v>4</v>
      </c>
      <c r="BO15" s="278">
        <v>92</v>
      </c>
      <c r="BP15" s="283">
        <v>92</v>
      </c>
      <c r="BQ15" s="277">
        <v>12</v>
      </c>
      <c r="BR15" s="281">
        <v>11</v>
      </c>
      <c r="BS15" s="278">
        <v>23</v>
      </c>
      <c r="BT15" s="280">
        <v>0</v>
      </c>
      <c r="BU15" s="281">
        <v>9</v>
      </c>
      <c r="BV15" s="281">
        <v>10</v>
      </c>
      <c r="BW15" s="281">
        <v>12</v>
      </c>
      <c r="BX15" s="281">
        <v>6</v>
      </c>
      <c r="BY15" s="281">
        <v>1</v>
      </c>
      <c r="BZ15" s="278">
        <v>38</v>
      </c>
      <c r="CA15" s="283">
        <v>61</v>
      </c>
      <c r="CB15" s="277">
        <v>0</v>
      </c>
      <c r="CC15" s="281">
        <v>1</v>
      </c>
      <c r="CD15" s="278">
        <v>1</v>
      </c>
      <c r="CE15" s="280">
        <v>0</v>
      </c>
      <c r="CF15" s="281">
        <v>8</v>
      </c>
      <c r="CG15" s="281">
        <v>2</v>
      </c>
      <c r="CH15" s="281">
        <v>9</v>
      </c>
      <c r="CI15" s="281">
        <v>9</v>
      </c>
      <c r="CJ15" s="281">
        <v>2</v>
      </c>
      <c r="CK15" s="278">
        <v>30</v>
      </c>
      <c r="CL15" s="283">
        <v>31</v>
      </c>
      <c r="CM15" s="277">
        <v>0</v>
      </c>
      <c r="CN15" s="281">
        <v>0</v>
      </c>
      <c r="CO15" s="278">
        <v>0</v>
      </c>
      <c r="CP15" s="280">
        <v>0</v>
      </c>
      <c r="CQ15" s="281">
        <v>0</v>
      </c>
      <c r="CR15" s="281">
        <v>0</v>
      </c>
      <c r="CS15" s="281">
        <v>0</v>
      </c>
      <c r="CT15" s="281">
        <v>0</v>
      </c>
      <c r="CU15" s="281">
        <v>1</v>
      </c>
      <c r="CV15" s="278">
        <v>1</v>
      </c>
      <c r="CW15" s="283">
        <v>1</v>
      </c>
      <c r="CX15" s="277">
        <v>0</v>
      </c>
      <c r="CY15" s="281">
        <v>0</v>
      </c>
      <c r="CZ15" s="278">
        <v>0</v>
      </c>
      <c r="DA15" s="280">
        <v>0</v>
      </c>
      <c r="DB15" s="281">
        <v>0</v>
      </c>
      <c r="DC15" s="281">
        <v>0</v>
      </c>
      <c r="DD15" s="281">
        <v>0</v>
      </c>
      <c r="DE15" s="281">
        <v>0</v>
      </c>
      <c r="DF15" s="281">
        <v>0</v>
      </c>
      <c r="DG15" s="278">
        <v>0</v>
      </c>
      <c r="DH15" s="283">
        <v>0</v>
      </c>
      <c r="DI15" s="277">
        <v>0</v>
      </c>
      <c r="DJ15" s="281">
        <v>0</v>
      </c>
      <c r="DK15" s="278">
        <v>0</v>
      </c>
      <c r="DL15" s="280">
        <v>0</v>
      </c>
      <c r="DM15" s="281">
        <v>0</v>
      </c>
      <c r="DN15" s="281">
        <v>0</v>
      </c>
      <c r="DO15" s="281">
        <v>0</v>
      </c>
      <c r="DP15" s="281">
        <v>0</v>
      </c>
      <c r="DQ15" s="281">
        <v>0</v>
      </c>
      <c r="DR15" s="278">
        <v>0</v>
      </c>
      <c r="DS15" s="283">
        <v>0</v>
      </c>
      <c r="DT15" s="277">
        <v>29</v>
      </c>
      <c r="DU15" s="281">
        <v>42</v>
      </c>
      <c r="DV15" s="278">
        <v>71</v>
      </c>
      <c r="DW15" s="280">
        <v>0</v>
      </c>
      <c r="DX15" s="281">
        <v>34</v>
      </c>
      <c r="DY15" s="281">
        <v>44</v>
      </c>
      <c r="DZ15" s="281">
        <v>44</v>
      </c>
      <c r="EA15" s="281">
        <v>46</v>
      </c>
      <c r="EB15" s="281">
        <v>19</v>
      </c>
      <c r="EC15" s="278">
        <v>187</v>
      </c>
      <c r="ED15" s="283">
        <v>258</v>
      </c>
      <c r="EE15" s="277">
        <v>6</v>
      </c>
      <c r="EF15" s="281">
        <v>5</v>
      </c>
      <c r="EG15" s="278">
        <v>11</v>
      </c>
      <c r="EH15" s="280">
        <v>0</v>
      </c>
      <c r="EI15" s="281">
        <v>7</v>
      </c>
      <c r="EJ15" s="281">
        <v>8</v>
      </c>
      <c r="EK15" s="281">
        <v>8</v>
      </c>
      <c r="EL15" s="281">
        <v>11</v>
      </c>
      <c r="EM15" s="281">
        <v>8</v>
      </c>
      <c r="EN15" s="278">
        <v>42</v>
      </c>
      <c r="EO15" s="283">
        <v>53</v>
      </c>
      <c r="EP15" s="277">
        <v>45</v>
      </c>
      <c r="EQ15" s="281">
        <v>57</v>
      </c>
      <c r="ER15" s="278">
        <v>102</v>
      </c>
      <c r="ES15" s="280">
        <v>0</v>
      </c>
      <c r="ET15" s="281">
        <v>99</v>
      </c>
      <c r="EU15" s="281">
        <v>63</v>
      </c>
      <c r="EV15" s="281">
        <v>53</v>
      </c>
      <c r="EW15" s="281">
        <v>43</v>
      </c>
      <c r="EX15" s="281">
        <v>19</v>
      </c>
      <c r="EY15" s="278">
        <v>277</v>
      </c>
      <c r="EZ15" s="283">
        <v>379</v>
      </c>
    </row>
    <row r="16" spans="2:156" ht="19.8" customHeight="1" x14ac:dyDescent="0.2">
      <c r="B16" s="262" t="s">
        <v>13</v>
      </c>
      <c r="C16" s="277">
        <v>0</v>
      </c>
      <c r="D16" s="281">
        <v>0</v>
      </c>
      <c r="E16" s="385">
        <v>0</v>
      </c>
      <c r="F16" s="280">
        <v>0</v>
      </c>
      <c r="G16" s="281">
        <v>13</v>
      </c>
      <c r="H16" s="281">
        <v>20</v>
      </c>
      <c r="I16" s="281">
        <v>18</v>
      </c>
      <c r="J16" s="281">
        <v>14</v>
      </c>
      <c r="K16" s="281">
        <v>12</v>
      </c>
      <c r="L16" s="282">
        <v>77</v>
      </c>
      <c r="M16" s="283">
        <v>77</v>
      </c>
      <c r="N16" s="277">
        <v>0</v>
      </c>
      <c r="O16" s="281">
        <v>0</v>
      </c>
      <c r="P16" s="278">
        <v>0</v>
      </c>
      <c r="Q16" s="280">
        <v>0</v>
      </c>
      <c r="R16" s="281">
        <v>0</v>
      </c>
      <c r="S16" s="281">
        <v>0</v>
      </c>
      <c r="T16" s="281">
        <v>1</v>
      </c>
      <c r="U16" s="281">
        <v>2</v>
      </c>
      <c r="V16" s="281">
        <v>0</v>
      </c>
      <c r="W16" s="278">
        <v>3</v>
      </c>
      <c r="X16" s="283">
        <v>3</v>
      </c>
      <c r="Y16" s="277">
        <v>0</v>
      </c>
      <c r="Z16" s="281">
        <v>4</v>
      </c>
      <c r="AA16" s="278">
        <v>4</v>
      </c>
      <c r="AB16" s="280">
        <v>0</v>
      </c>
      <c r="AC16" s="281">
        <v>12</v>
      </c>
      <c r="AD16" s="281">
        <v>10</v>
      </c>
      <c r="AE16" s="281">
        <v>11</v>
      </c>
      <c r="AF16" s="281">
        <v>11</v>
      </c>
      <c r="AG16" s="281">
        <v>7</v>
      </c>
      <c r="AH16" s="278">
        <v>51</v>
      </c>
      <c r="AI16" s="283">
        <v>55</v>
      </c>
      <c r="AJ16" s="277">
        <v>0</v>
      </c>
      <c r="AK16" s="281">
        <v>0</v>
      </c>
      <c r="AL16" s="278">
        <v>0</v>
      </c>
      <c r="AM16" s="280">
        <v>0</v>
      </c>
      <c r="AN16" s="281">
        <v>0</v>
      </c>
      <c r="AO16" s="281">
        <v>6</v>
      </c>
      <c r="AP16" s="281">
        <v>1</v>
      </c>
      <c r="AQ16" s="281">
        <v>1</v>
      </c>
      <c r="AR16" s="281">
        <v>2</v>
      </c>
      <c r="AS16" s="278">
        <v>10</v>
      </c>
      <c r="AT16" s="283">
        <v>10</v>
      </c>
      <c r="AU16" s="277">
        <v>9</v>
      </c>
      <c r="AV16" s="281">
        <v>6</v>
      </c>
      <c r="AW16" s="278">
        <v>15</v>
      </c>
      <c r="AX16" s="280">
        <v>0</v>
      </c>
      <c r="AY16" s="281">
        <v>16</v>
      </c>
      <c r="AZ16" s="281">
        <v>19</v>
      </c>
      <c r="BA16" s="281">
        <v>25</v>
      </c>
      <c r="BB16" s="281">
        <v>19</v>
      </c>
      <c r="BC16" s="281">
        <v>14</v>
      </c>
      <c r="BD16" s="282">
        <v>93</v>
      </c>
      <c r="BE16" s="283">
        <v>108</v>
      </c>
      <c r="BF16" s="277">
        <v>0</v>
      </c>
      <c r="BG16" s="281">
        <v>0</v>
      </c>
      <c r="BH16" s="278">
        <v>0</v>
      </c>
      <c r="BI16" s="280">
        <v>0</v>
      </c>
      <c r="BJ16" s="281">
        <v>13</v>
      </c>
      <c r="BK16" s="281">
        <v>18</v>
      </c>
      <c r="BL16" s="281">
        <v>14</v>
      </c>
      <c r="BM16" s="281">
        <v>4</v>
      </c>
      <c r="BN16" s="281">
        <v>3</v>
      </c>
      <c r="BO16" s="278">
        <v>52</v>
      </c>
      <c r="BP16" s="283">
        <v>52</v>
      </c>
      <c r="BQ16" s="277">
        <v>0</v>
      </c>
      <c r="BR16" s="281">
        <v>1</v>
      </c>
      <c r="BS16" s="278">
        <v>1</v>
      </c>
      <c r="BT16" s="280">
        <v>0</v>
      </c>
      <c r="BU16" s="281">
        <v>1</v>
      </c>
      <c r="BV16" s="281">
        <v>3</v>
      </c>
      <c r="BW16" s="281">
        <v>4</v>
      </c>
      <c r="BX16" s="281">
        <v>3</v>
      </c>
      <c r="BY16" s="281">
        <v>1</v>
      </c>
      <c r="BZ16" s="278">
        <v>12</v>
      </c>
      <c r="CA16" s="283">
        <v>13</v>
      </c>
      <c r="CB16" s="277">
        <v>0</v>
      </c>
      <c r="CC16" s="281">
        <v>0</v>
      </c>
      <c r="CD16" s="278">
        <v>0</v>
      </c>
      <c r="CE16" s="280">
        <v>0</v>
      </c>
      <c r="CF16" s="281">
        <v>2</v>
      </c>
      <c r="CG16" s="281">
        <v>4</v>
      </c>
      <c r="CH16" s="281">
        <v>5</v>
      </c>
      <c r="CI16" s="281">
        <v>2</v>
      </c>
      <c r="CJ16" s="281">
        <v>3</v>
      </c>
      <c r="CK16" s="278">
        <v>16</v>
      </c>
      <c r="CL16" s="283">
        <v>16</v>
      </c>
      <c r="CM16" s="277">
        <v>0</v>
      </c>
      <c r="CN16" s="281">
        <v>0</v>
      </c>
      <c r="CO16" s="278">
        <v>0</v>
      </c>
      <c r="CP16" s="280">
        <v>0</v>
      </c>
      <c r="CQ16" s="281">
        <v>0</v>
      </c>
      <c r="CR16" s="281">
        <v>0</v>
      </c>
      <c r="CS16" s="281">
        <v>0</v>
      </c>
      <c r="CT16" s="281">
        <v>1</v>
      </c>
      <c r="CU16" s="281">
        <v>0</v>
      </c>
      <c r="CV16" s="278">
        <v>1</v>
      </c>
      <c r="CW16" s="283">
        <v>1</v>
      </c>
      <c r="CX16" s="277">
        <v>0</v>
      </c>
      <c r="CY16" s="281">
        <v>0</v>
      </c>
      <c r="CZ16" s="278">
        <v>0</v>
      </c>
      <c r="DA16" s="280">
        <v>0</v>
      </c>
      <c r="DB16" s="281">
        <v>0</v>
      </c>
      <c r="DC16" s="281">
        <v>0</v>
      </c>
      <c r="DD16" s="281">
        <v>0</v>
      </c>
      <c r="DE16" s="281">
        <v>0</v>
      </c>
      <c r="DF16" s="281">
        <v>0</v>
      </c>
      <c r="DG16" s="278">
        <v>0</v>
      </c>
      <c r="DH16" s="283">
        <v>0</v>
      </c>
      <c r="DI16" s="277">
        <v>0</v>
      </c>
      <c r="DJ16" s="281">
        <v>0</v>
      </c>
      <c r="DK16" s="278">
        <v>0</v>
      </c>
      <c r="DL16" s="280">
        <v>0</v>
      </c>
      <c r="DM16" s="281">
        <v>0</v>
      </c>
      <c r="DN16" s="281">
        <v>0</v>
      </c>
      <c r="DO16" s="281">
        <v>0</v>
      </c>
      <c r="DP16" s="281">
        <v>0</v>
      </c>
      <c r="DQ16" s="281">
        <v>0</v>
      </c>
      <c r="DR16" s="278">
        <v>0</v>
      </c>
      <c r="DS16" s="283">
        <v>0</v>
      </c>
      <c r="DT16" s="277">
        <v>4</v>
      </c>
      <c r="DU16" s="281">
        <v>16</v>
      </c>
      <c r="DV16" s="278">
        <v>20</v>
      </c>
      <c r="DW16" s="280">
        <v>0</v>
      </c>
      <c r="DX16" s="281">
        <v>17</v>
      </c>
      <c r="DY16" s="281">
        <v>34</v>
      </c>
      <c r="DZ16" s="281">
        <v>21</v>
      </c>
      <c r="EA16" s="281">
        <v>17</v>
      </c>
      <c r="EB16" s="281">
        <v>14</v>
      </c>
      <c r="EC16" s="278">
        <v>103</v>
      </c>
      <c r="ED16" s="283">
        <v>123</v>
      </c>
      <c r="EE16" s="277">
        <v>7</v>
      </c>
      <c r="EF16" s="281">
        <v>3</v>
      </c>
      <c r="EG16" s="278">
        <v>10</v>
      </c>
      <c r="EH16" s="280">
        <v>0</v>
      </c>
      <c r="EI16" s="281">
        <v>12</v>
      </c>
      <c r="EJ16" s="281">
        <v>9</v>
      </c>
      <c r="EK16" s="281">
        <v>12</v>
      </c>
      <c r="EL16" s="281">
        <v>5</v>
      </c>
      <c r="EM16" s="281">
        <v>6</v>
      </c>
      <c r="EN16" s="278">
        <v>44</v>
      </c>
      <c r="EO16" s="283">
        <v>54</v>
      </c>
      <c r="EP16" s="277">
        <v>4</v>
      </c>
      <c r="EQ16" s="281">
        <v>19</v>
      </c>
      <c r="ER16" s="278">
        <v>23</v>
      </c>
      <c r="ES16" s="280">
        <v>0</v>
      </c>
      <c r="ET16" s="281">
        <v>46</v>
      </c>
      <c r="EU16" s="281">
        <v>51</v>
      </c>
      <c r="EV16" s="281">
        <v>34</v>
      </c>
      <c r="EW16" s="281">
        <v>21</v>
      </c>
      <c r="EX16" s="281">
        <v>16</v>
      </c>
      <c r="EY16" s="278">
        <v>168</v>
      </c>
      <c r="EZ16" s="283">
        <v>191</v>
      </c>
    </row>
    <row r="17" spans="2:156" ht="19.8" customHeight="1" x14ac:dyDescent="0.2">
      <c r="B17" s="262" t="s">
        <v>15</v>
      </c>
      <c r="C17" s="277">
        <v>0</v>
      </c>
      <c r="D17" s="281">
        <v>0</v>
      </c>
      <c r="E17" s="385">
        <v>0</v>
      </c>
      <c r="F17" s="280">
        <v>0</v>
      </c>
      <c r="G17" s="281">
        <v>5</v>
      </c>
      <c r="H17" s="281">
        <v>6</v>
      </c>
      <c r="I17" s="281">
        <v>0</v>
      </c>
      <c r="J17" s="281">
        <v>2</v>
      </c>
      <c r="K17" s="281">
        <v>3</v>
      </c>
      <c r="L17" s="282">
        <v>16</v>
      </c>
      <c r="M17" s="283">
        <v>16</v>
      </c>
      <c r="N17" s="277">
        <v>0</v>
      </c>
      <c r="O17" s="281">
        <v>0</v>
      </c>
      <c r="P17" s="278">
        <v>0</v>
      </c>
      <c r="Q17" s="280">
        <v>0</v>
      </c>
      <c r="R17" s="281">
        <v>0</v>
      </c>
      <c r="S17" s="281">
        <v>0</v>
      </c>
      <c r="T17" s="281">
        <v>0</v>
      </c>
      <c r="U17" s="281">
        <v>0</v>
      </c>
      <c r="V17" s="281">
        <v>2</v>
      </c>
      <c r="W17" s="278">
        <v>2</v>
      </c>
      <c r="X17" s="283">
        <v>2</v>
      </c>
      <c r="Y17" s="277">
        <v>0</v>
      </c>
      <c r="Z17" s="281">
        <v>0</v>
      </c>
      <c r="AA17" s="278">
        <v>0</v>
      </c>
      <c r="AB17" s="280">
        <v>0</v>
      </c>
      <c r="AC17" s="281">
        <v>1</v>
      </c>
      <c r="AD17" s="281">
        <v>2</v>
      </c>
      <c r="AE17" s="281">
        <v>2</v>
      </c>
      <c r="AF17" s="281">
        <v>5</v>
      </c>
      <c r="AG17" s="281">
        <v>3</v>
      </c>
      <c r="AH17" s="278">
        <v>13</v>
      </c>
      <c r="AI17" s="283">
        <v>13</v>
      </c>
      <c r="AJ17" s="277">
        <v>0</v>
      </c>
      <c r="AK17" s="281">
        <v>0</v>
      </c>
      <c r="AL17" s="278">
        <v>0</v>
      </c>
      <c r="AM17" s="280">
        <v>0</v>
      </c>
      <c r="AN17" s="281">
        <v>0</v>
      </c>
      <c r="AO17" s="281">
        <v>0</v>
      </c>
      <c r="AP17" s="281">
        <v>1</v>
      </c>
      <c r="AQ17" s="281">
        <v>1</v>
      </c>
      <c r="AR17" s="281">
        <v>1</v>
      </c>
      <c r="AS17" s="278">
        <v>3</v>
      </c>
      <c r="AT17" s="283">
        <v>3</v>
      </c>
      <c r="AU17" s="277">
        <v>0</v>
      </c>
      <c r="AV17" s="281">
        <v>2</v>
      </c>
      <c r="AW17" s="278">
        <v>2</v>
      </c>
      <c r="AX17" s="280">
        <v>0</v>
      </c>
      <c r="AY17" s="281">
        <v>5</v>
      </c>
      <c r="AZ17" s="281">
        <v>7</v>
      </c>
      <c r="BA17" s="281">
        <v>3</v>
      </c>
      <c r="BB17" s="281">
        <v>3</v>
      </c>
      <c r="BC17" s="281">
        <v>4</v>
      </c>
      <c r="BD17" s="282">
        <v>22</v>
      </c>
      <c r="BE17" s="283">
        <v>24</v>
      </c>
      <c r="BF17" s="277">
        <v>0</v>
      </c>
      <c r="BG17" s="281">
        <v>0</v>
      </c>
      <c r="BH17" s="278">
        <v>0</v>
      </c>
      <c r="BI17" s="280">
        <v>0</v>
      </c>
      <c r="BJ17" s="281">
        <v>6</v>
      </c>
      <c r="BK17" s="281">
        <v>2</v>
      </c>
      <c r="BL17" s="281">
        <v>4</v>
      </c>
      <c r="BM17" s="281">
        <v>3</v>
      </c>
      <c r="BN17" s="281">
        <v>1</v>
      </c>
      <c r="BO17" s="278">
        <v>16</v>
      </c>
      <c r="BP17" s="283">
        <v>16</v>
      </c>
      <c r="BQ17" s="277">
        <v>0</v>
      </c>
      <c r="BR17" s="281">
        <v>1</v>
      </c>
      <c r="BS17" s="278">
        <v>1</v>
      </c>
      <c r="BT17" s="280">
        <v>0</v>
      </c>
      <c r="BU17" s="281">
        <v>4</v>
      </c>
      <c r="BV17" s="281">
        <v>2</v>
      </c>
      <c r="BW17" s="281">
        <v>2</v>
      </c>
      <c r="BX17" s="281">
        <v>2</v>
      </c>
      <c r="BY17" s="281">
        <v>2</v>
      </c>
      <c r="BZ17" s="278">
        <v>12</v>
      </c>
      <c r="CA17" s="283">
        <v>13</v>
      </c>
      <c r="CB17" s="277">
        <v>0</v>
      </c>
      <c r="CC17" s="281">
        <v>0</v>
      </c>
      <c r="CD17" s="278">
        <v>0</v>
      </c>
      <c r="CE17" s="280">
        <v>0</v>
      </c>
      <c r="CF17" s="281">
        <v>0</v>
      </c>
      <c r="CG17" s="281">
        <v>2</v>
      </c>
      <c r="CH17" s="281">
        <v>0</v>
      </c>
      <c r="CI17" s="281">
        <v>3</v>
      </c>
      <c r="CJ17" s="281">
        <v>0</v>
      </c>
      <c r="CK17" s="278">
        <v>5</v>
      </c>
      <c r="CL17" s="283">
        <v>5</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c r="DI17" s="277">
        <v>0</v>
      </c>
      <c r="DJ17" s="281">
        <v>0</v>
      </c>
      <c r="DK17" s="278">
        <v>0</v>
      </c>
      <c r="DL17" s="280">
        <v>0</v>
      </c>
      <c r="DM17" s="281">
        <v>0</v>
      </c>
      <c r="DN17" s="281">
        <v>0</v>
      </c>
      <c r="DO17" s="281">
        <v>0</v>
      </c>
      <c r="DP17" s="281">
        <v>0</v>
      </c>
      <c r="DQ17" s="281">
        <v>0</v>
      </c>
      <c r="DR17" s="278">
        <v>0</v>
      </c>
      <c r="DS17" s="283">
        <v>0</v>
      </c>
      <c r="DT17" s="277">
        <v>0</v>
      </c>
      <c r="DU17" s="281">
        <v>4</v>
      </c>
      <c r="DV17" s="278">
        <v>4</v>
      </c>
      <c r="DW17" s="280">
        <v>0</v>
      </c>
      <c r="DX17" s="281">
        <v>7</v>
      </c>
      <c r="DY17" s="281">
        <v>14</v>
      </c>
      <c r="DZ17" s="281">
        <v>4</v>
      </c>
      <c r="EA17" s="281">
        <v>8</v>
      </c>
      <c r="EB17" s="281">
        <v>6</v>
      </c>
      <c r="EC17" s="278">
        <v>39</v>
      </c>
      <c r="ED17" s="283">
        <v>43</v>
      </c>
      <c r="EE17" s="277">
        <v>2</v>
      </c>
      <c r="EF17" s="281">
        <v>1</v>
      </c>
      <c r="EG17" s="278">
        <v>3</v>
      </c>
      <c r="EH17" s="280">
        <v>0</v>
      </c>
      <c r="EI17" s="281">
        <v>8</v>
      </c>
      <c r="EJ17" s="281">
        <v>3</v>
      </c>
      <c r="EK17" s="281">
        <v>3</v>
      </c>
      <c r="EL17" s="281">
        <v>0</v>
      </c>
      <c r="EM17" s="281">
        <v>0</v>
      </c>
      <c r="EN17" s="278">
        <v>14</v>
      </c>
      <c r="EO17" s="283">
        <v>17</v>
      </c>
      <c r="EP17" s="277">
        <v>0</v>
      </c>
      <c r="EQ17" s="281">
        <v>4</v>
      </c>
      <c r="ER17" s="278">
        <v>4</v>
      </c>
      <c r="ES17" s="280">
        <v>0</v>
      </c>
      <c r="ET17" s="281">
        <v>18</v>
      </c>
      <c r="EU17" s="281">
        <v>16</v>
      </c>
      <c r="EV17" s="281">
        <v>6</v>
      </c>
      <c r="EW17" s="281">
        <v>8</v>
      </c>
      <c r="EX17" s="281">
        <v>6</v>
      </c>
      <c r="EY17" s="278">
        <v>54</v>
      </c>
      <c r="EZ17" s="283">
        <v>58</v>
      </c>
    </row>
    <row r="18" spans="2:156" ht="19.8" customHeight="1" x14ac:dyDescent="0.2">
      <c r="B18" s="262" t="s">
        <v>16</v>
      </c>
      <c r="C18" s="277">
        <v>0</v>
      </c>
      <c r="D18" s="281">
        <v>0</v>
      </c>
      <c r="E18" s="385">
        <v>0</v>
      </c>
      <c r="F18" s="280">
        <v>0</v>
      </c>
      <c r="G18" s="281">
        <v>8</v>
      </c>
      <c r="H18" s="281">
        <v>13</v>
      </c>
      <c r="I18" s="281">
        <v>7</v>
      </c>
      <c r="J18" s="281">
        <v>7</v>
      </c>
      <c r="K18" s="281">
        <v>2</v>
      </c>
      <c r="L18" s="282">
        <v>37</v>
      </c>
      <c r="M18" s="283">
        <v>37</v>
      </c>
      <c r="N18" s="277">
        <v>0</v>
      </c>
      <c r="O18" s="281">
        <v>0</v>
      </c>
      <c r="P18" s="278">
        <v>0</v>
      </c>
      <c r="Q18" s="280">
        <v>0</v>
      </c>
      <c r="R18" s="281">
        <v>0</v>
      </c>
      <c r="S18" s="281">
        <v>1</v>
      </c>
      <c r="T18" s="281">
        <v>1</v>
      </c>
      <c r="U18" s="281">
        <v>1</v>
      </c>
      <c r="V18" s="281">
        <v>6</v>
      </c>
      <c r="W18" s="278">
        <v>9</v>
      </c>
      <c r="X18" s="283">
        <v>9</v>
      </c>
      <c r="Y18" s="277">
        <v>2</v>
      </c>
      <c r="Z18" s="281">
        <v>6</v>
      </c>
      <c r="AA18" s="278">
        <v>8</v>
      </c>
      <c r="AB18" s="280">
        <v>0</v>
      </c>
      <c r="AC18" s="281">
        <v>5</v>
      </c>
      <c r="AD18" s="281">
        <v>14</v>
      </c>
      <c r="AE18" s="281">
        <v>9</v>
      </c>
      <c r="AF18" s="281">
        <v>8</v>
      </c>
      <c r="AG18" s="281">
        <v>5</v>
      </c>
      <c r="AH18" s="278">
        <v>41</v>
      </c>
      <c r="AI18" s="283">
        <v>49</v>
      </c>
      <c r="AJ18" s="277">
        <v>0</v>
      </c>
      <c r="AK18" s="281">
        <v>0</v>
      </c>
      <c r="AL18" s="278">
        <v>0</v>
      </c>
      <c r="AM18" s="280">
        <v>0</v>
      </c>
      <c r="AN18" s="281">
        <v>0</v>
      </c>
      <c r="AO18" s="281">
        <v>0</v>
      </c>
      <c r="AP18" s="281">
        <v>3</v>
      </c>
      <c r="AQ18" s="281">
        <v>1</v>
      </c>
      <c r="AR18" s="281">
        <v>1</v>
      </c>
      <c r="AS18" s="278">
        <v>5</v>
      </c>
      <c r="AT18" s="283">
        <v>5</v>
      </c>
      <c r="AU18" s="277">
        <v>4</v>
      </c>
      <c r="AV18" s="281">
        <v>1</v>
      </c>
      <c r="AW18" s="278">
        <v>5</v>
      </c>
      <c r="AX18" s="280">
        <v>0</v>
      </c>
      <c r="AY18" s="281">
        <v>15</v>
      </c>
      <c r="AZ18" s="281">
        <v>11</v>
      </c>
      <c r="BA18" s="281">
        <v>15</v>
      </c>
      <c r="BB18" s="281">
        <v>19</v>
      </c>
      <c r="BC18" s="281">
        <v>15</v>
      </c>
      <c r="BD18" s="282">
        <v>75</v>
      </c>
      <c r="BE18" s="283">
        <v>80</v>
      </c>
      <c r="BF18" s="277">
        <v>0</v>
      </c>
      <c r="BG18" s="281">
        <v>0</v>
      </c>
      <c r="BH18" s="278">
        <v>0</v>
      </c>
      <c r="BI18" s="280">
        <v>0</v>
      </c>
      <c r="BJ18" s="281">
        <v>14</v>
      </c>
      <c r="BK18" s="281">
        <v>21</v>
      </c>
      <c r="BL18" s="281">
        <v>6</v>
      </c>
      <c r="BM18" s="281">
        <v>4</v>
      </c>
      <c r="BN18" s="281">
        <v>2</v>
      </c>
      <c r="BO18" s="278">
        <v>47</v>
      </c>
      <c r="BP18" s="283">
        <v>47</v>
      </c>
      <c r="BQ18" s="277">
        <v>4</v>
      </c>
      <c r="BR18" s="281">
        <v>5</v>
      </c>
      <c r="BS18" s="278">
        <v>9</v>
      </c>
      <c r="BT18" s="280">
        <v>0</v>
      </c>
      <c r="BU18" s="281">
        <v>10</v>
      </c>
      <c r="BV18" s="281">
        <v>15</v>
      </c>
      <c r="BW18" s="281">
        <v>6</v>
      </c>
      <c r="BX18" s="281">
        <v>1</v>
      </c>
      <c r="BY18" s="281">
        <v>0</v>
      </c>
      <c r="BZ18" s="278">
        <v>32</v>
      </c>
      <c r="CA18" s="283">
        <v>41</v>
      </c>
      <c r="CB18" s="277">
        <v>0</v>
      </c>
      <c r="CC18" s="281">
        <v>1</v>
      </c>
      <c r="CD18" s="278">
        <v>1</v>
      </c>
      <c r="CE18" s="280">
        <v>0</v>
      </c>
      <c r="CF18" s="281">
        <v>3</v>
      </c>
      <c r="CG18" s="281">
        <v>4</v>
      </c>
      <c r="CH18" s="281">
        <v>3</v>
      </c>
      <c r="CI18" s="281">
        <v>0</v>
      </c>
      <c r="CJ18" s="281">
        <v>1</v>
      </c>
      <c r="CK18" s="278">
        <v>11</v>
      </c>
      <c r="CL18" s="283">
        <v>12</v>
      </c>
      <c r="CM18" s="277">
        <v>0</v>
      </c>
      <c r="CN18" s="281">
        <v>0</v>
      </c>
      <c r="CO18" s="278">
        <v>0</v>
      </c>
      <c r="CP18" s="280">
        <v>0</v>
      </c>
      <c r="CQ18" s="281">
        <v>2</v>
      </c>
      <c r="CR18" s="281">
        <v>0</v>
      </c>
      <c r="CS18" s="281">
        <v>0</v>
      </c>
      <c r="CT18" s="281">
        <v>0</v>
      </c>
      <c r="CU18" s="281">
        <v>0</v>
      </c>
      <c r="CV18" s="278">
        <v>2</v>
      </c>
      <c r="CW18" s="283">
        <v>2</v>
      </c>
      <c r="CX18" s="277">
        <v>0</v>
      </c>
      <c r="CY18" s="281">
        <v>0</v>
      </c>
      <c r="CZ18" s="278">
        <v>0</v>
      </c>
      <c r="DA18" s="280">
        <v>0</v>
      </c>
      <c r="DB18" s="281">
        <v>0</v>
      </c>
      <c r="DC18" s="281">
        <v>0</v>
      </c>
      <c r="DD18" s="281">
        <v>0</v>
      </c>
      <c r="DE18" s="281">
        <v>0</v>
      </c>
      <c r="DF18" s="281">
        <v>0</v>
      </c>
      <c r="DG18" s="278">
        <v>0</v>
      </c>
      <c r="DH18" s="283">
        <v>0</v>
      </c>
      <c r="DI18" s="277">
        <v>0</v>
      </c>
      <c r="DJ18" s="281">
        <v>0</v>
      </c>
      <c r="DK18" s="278">
        <v>0</v>
      </c>
      <c r="DL18" s="280">
        <v>0</v>
      </c>
      <c r="DM18" s="281">
        <v>0</v>
      </c>
      <c r="DN18" s="281">
        <v>0</v>
      </c>
      <c r="DO18" s="281">
        <v>0</v>
      </c>
      <c r="DP18" s="281">
        <v>0</v>
      </c>
      <c r="DQ18" s="281">
        <v>0</v>
      </c>
      <c r="DR18" s="278">
        <v>0</v>
      </c>
      <c r="DS18" s="283">
        <v>0</v>
      </c>
      <c r="DT18" s="277">
        <v>7</v>
      </c>
      <c r="DU18" s="281">
        <v>16</v>
      </c>
      <c r="DV18" s="278">
        <v>23</v>
      </c>
      <c r="DW18" s="280">
        <v>0</v>
      </c>
      <c r="DX18" s="281">
        <v>15</v>
      </c>
      <c r="DY18" s="281">
        <v>47</v>
      </c>
      <c r="DZ18" s="281">
        <v>25</v>
      </c>
      <c r="EA18" s="281">
        <v>13</v>
      </c>
      <c r="EB18" s="281">
        <v>11</v>
      </c>
      <c r="EC18" s="278">
        <v>111</v>
      </c>
      <c r="ED18" s="283">
        <v>134</v>
      </c>
      <c r="EE18" s="277">
        <v>5</v>
      </c>
      <c r="EF18" s="281">
        <v>1</v>
      </c>
      <c r="EG18" s="278">
        <v>6</v>
      </c>
      <c r="EH18" s="280">
        <v>0</v>
      </c>
      <c r="EI18" s="281">
        <v>11</v>
      </c>
      <c r="EJ18" s="281">
        <v>9</v>
      </c>
      <c r="EK18" s="281">
        <v>7</v>
      </c>
      <c r="EL18" s="281">
        <v>12</v>
      </c>
      <c r="EM18" s="281">
        <v>9</v>
      </c>
      <c r="EN18" s="278">
        <v>48</v>
      </c>
      <c r="EO18" s="283">
        <v>54</v>
      </c>
      <c r="EP18" s="277">
        <v>11</v>
      </c>
      <c r="EQ18" s="281">
        <v>23</v>
      </c>
      <c r="ER18" s="278">
        <v>34</v>
      </c>
      <c r="ES18" s="280">
        <v>0</v>
      </c>
      <c r="ET18" s="281">
        <v>40</v>
      </c>
      <c r="EU18" s="281">
        <v>65</v>
      </c>
      <c r="EV18" s="281">
        <v>27</v>
      </c>
      <c r="EW18" s="281">
        <v>15</v>
      </c>
      <c r="EX18" s="281">
        <v>11</v>
      </c>
      <c r="EY18" s="278">
        <v>158</v>
      </c>
      <c r="EZ18" s="283">
        <v>192</v>
      </c>
    </row>
    <row r="19" spans="2:156" ht="19.8" customHeight="1" x14ac:dyDescent="0.2">
      <c r="B19" s="262" t="s">
        <v>17</v>
      </c>
      <c r="C19" s="277">
        <v>0</v>
      </c>
      <c r="D19" s="281">
        <v>0</v>
      </c>
      <c r="E19" s="385">
        <v>0</v>
      </c>
      <c r="F19" s="280">
        <v>0</v>
      </c>
      <c r="G19" s="281">
        <v>10</v>
      </c>
      <c r="H19" s="281">
        <v>14</v>
      </c>
      <c r="I19" s="281">
        <v>18</v>
      </c>
      <c r="J19" s="281">
        <v>8</v>
      </c>
      <c r="K19" s="281">
        <v>9</v>
      </c>
      <c r="L19" s="282">
        <v>59</v>
      </c>
      <c r="M19" s="283">
        <v>59</v>
      </c>
      <c r="N19" s="277">
        <v>0</v>
      </c>
      <c r="O19" s="281">
        <v>0</v>
      </c>
      <c r="P19" s="278">
        <v>0</v>
      </c>
      <c r="Q19" s="280">
        <v>0</v>
      </c>
      <c r="R19" s="281">
        <v>0</v>
      </c>
      <c r="S19" s="281">
        <v>2</v>
      </c>
      <c r="T19" s="281">
        <v>1</v>
      </c>
      <c r="U19" s="281">
        <v>4</v>
      </c>
      <c r="V19" s="281">
        <v>6</v>
      </c>
      <c r="W19" s="278">
        <v>13</v>
      </c>
      <c r="X19" s="283">
        <v>13</v>
      </c>
      <c r="Y19" s="277">
        <v>4</v>
      </c>
      <c r="Z19" s="281">
        <v>7</v>
      </c>
      <c r="AA19" s="278">
        <v>11</v>
      </c>
      <c r="AB19" s="280">
        <v>0</v>
      </c>
      <c r="AC19" s="281">
        <v>15</v>
      </c>
      <c r="AD19" s="281">
        <v>15</v>
      </c>
      <c r="AE19" s="281">
        <v>14</v>
      </c>
      <c r="AF19" s="281">
        <v>8</v>
      </c>
      <c r="AG19" s="281">
        <v>10</v>
      </c>
      <c r="AH19" s="278">
        <v>62</v>
      </c>
      <c r="AI19" s="283">
        <v>73</v>
      </c>
      <c r="AJ19" s="277">
        <v>0</v>
      </c>
      <c r="AK19" s="281">
        <v>0</v>
      </c>
      <c r="AL19" s="278">
        <v>0</v>
      </c>
      <c r="AM19" s="280">
        <v>0</v>
      </c>
      <c r="AN19" s="281">
        <v>0</v>
      </c>
      <c r="AO19" s="281">
        <v>1</v>
      </c>
      <c r="AP19" s="281">
        <v>2</v>
      </c>
      <c r="AQ19" s="281">
        <v>2</v>
      </c>
      <c r="AR19" s="281">
        <v>0</v>
      </c>
      <c r="AS19" s="278">
        <v>5</v>
      </c>
      <c r="AT19" s="283">
        <v>5</v>
      </c>
      <c r="AU19" s="277">
        <v>2</v>
      </c>
      <c r="AV19" s="281">
        <v>7</v>
      </c>
      <c r="AW19" s="278">
        <v>9</v>
      </c>
      <c r="AX19" s="280">
        <v>0</v>
      </c>
      <c r="AY19" s="281">
        <v>15</v>
      </c>
      <c r="AZ19" s="281">
        <v>24</v>
      </c>
      <c r="BA19" s="281">
        <v>24</v>
      </c>
      <c r="BB19" s="281">
        <v>27</v>
      </c>
      <c r="BC19" s="281">
        <v>24</v>
      </c>
      <c r="BD19" s="282">
        <v>114</v>
      </c>
      <c r="BE19" s="283">
        <v>123</v>
      </c>
      <c r="BF19" s="277">
        <v>0</v>
      </c>
      <c r="BG19" s="281">
        <v>0</v>
      </c>
      <c r="BH19" s="278">
        <v>0</v>
      </c>
      <c r="BI19" s="280">
        <v>0</v>
      </c>
      <c r="BJ19" s="281">
        <v>23</v>
      </c>
      <c r="BK19" s="281">
        <v>35</v>
      </c>
      <c r="BL19" s="281">
        <v>16</v>
      </c>
      <c r="BM19" s="281">
        <v>7</v>
      </c>
      <c r="BN19" s="281">
        <v>1</v>
      </c>
      <c r="BO19" s="278">
        <v>82</v>
      </c>
      <c r="BP19" s="283">
        <v>82</v>
      </c>
      <c r="BQ19" s="277">
        <v>3</v>
      </c>
      <c r="BR19" s="281">
        <v>5</v>
      </c>
      <c r="BS19" s="278">
        <v>8</v>
      </c>
      <c r="BT19" s="280">
        <v>0</v>
      </c>
      <c r="BU19" s="281">
        <v>7</v>
      </c>
      <c r="BV19" s="281">
        <v>5</v>
      </c>
      <c r="BW19" s="281">
        <v>4</v>
      </c>
      <c r="BX19" s="281">
        <v>1</v>
      </c>
      <c r="BY19" s="281">
        <v>1</v>
      </c>
      <c r="BZ19" s="278">
        <v>18</v>
      </c>
      <c r="CA19" s="283">
        <v>26</v>
      </c>
      <c r="CB19" s="277">
        <v>0</v>
      </c>
      <c r="CC19" s="281">
        <v>0</v>
      </c>
      <c r="CD19" s="278">
        <v>0</v>
      </c>
      <c r="CE19" s="280">
        <v>0</v>
      </c>
      <c r="CF19" s="281">
        <v>2</v>
      </c>
      <c r="CG19" s="281">
        <v>6</v>
      </c>
      <c r="CH19" s="281">
        <v>6</v>
      </c>
      <c r="CI19" s="281">
        <v>5</v>
      </c>
      <c r="CJ19" s="281">
        <v>1</v>
      </c>
      <c r="CK19" s="278">
        <v>20</v>
      </c>
      <c r="CL19" s="283">
        <v>20</v>
      </c>
      <c r="CM19" s="277">
        <v>0</v>
      </c>
      <c r="CN19" s="281">
        <v>0</v>
      </c>
      <c r="CO19" s="278">
        <v>0</v>
      </c>
      <c r="CP19" s="280">
        <v>0</v>
      </c>
      <c r="CQ19" s="281">
        <v>2</v>
      </c>
      <c r="CR19" s="281">
        <v>1</v>
      </c>
      <c r="CS19" s="281">
        <v>0</v>
      </c>
      <c r="CT19" s="281">
        <v>2</v>
      </c>
      <c r="CU19" s="281">
        <v>0</v>
      </c>
      <c r="CV19" s="278">
        <v>5</v>
      </c>
      <c r="CW19" s="283">
        <v>5</v>
      </c>
      <c r="CX19" s="277">
        <v>0</v>
      </c>
      <c r="CY19" s="281">
        <v>0</v>
      </c>
      <c r="CZ19" s="278">
        <v>0</v>
      </c>
      <c r="DA19" s="280">
        <v>0</v>
      </c>
      <c r="DB19" s="281">
        <v>0</v>
      </c>
      <c r="DC19" s="281">
        <v>0</v>
      </c>
      <c r="DD19" s="281">
        <v>0</v>
      </c>
      <c r="DE19" s="281">
        <v>0</v>
      </c>
      <c r="DF19" s="281">
        <v>0</v>
      </c>
      <c r="DG19" s="278">
        <v>0</v>
      </c>
      <c r="DH19" s="283">
        <v>0</v>
      </c>
      <c r="DI19" s="277">
        <v>0</v>
      </c>
      <c r="DJ19" s="281">
        <v>0</v>
      </c>
      <c r="DK19" s="278">
        <v>0</v>
      </c>
      <c r="DL19" s="280">
        <v>0</v>
      </c>
      <c r="DM19" s="281">
        <v>0</v>
      </c>
      <c r="DN19" s="281">
        <v>0</v>
      </c>
      <c r="DO19" s="281">
        <v>0</v>
      </c>
      <c r="DP19" s="281">
        <v>0</v>
      </c>
      <c r="DQ19" s="281">
        <v>0</v>
      </c>
      <c r="DR19" s="278">
        <v>0</v>
      </c>
      <c r="DS19" s="283">
        <v>0</v>
      </c>
      <c r="DT19" s="277">
        <v>16</v>
      </c>
      <c r="DU19" s="281">
        <v>18</v>
      </c>
      <c r="DV19" s="278">
        <v>34</v>
      </c>
      <c r="DW19" s="280">
        <v>0</v>
      </c>
      <c r="DX19" s="281">
        <v>23</v>
      </c>
      <c r="DY19" s="281">
        <v>60</v>
      </c>
      <c r="DZ19" s="281">
        <v>48</v>
      </c>
      <c r="EA19" s="281">
        <v>23</v>
      </c>
      <c r="EB19" s="281">
        <v>17</v>
      </c>
      <c r="EC19" s="278">
        <v>171</v>
      </c>
      <c r="ED19" s="283">
        <v>205</v>
      </c>
      <c r="EE19" s="277">
        <v>2</v>
      </c>
      <c r="EF19" s="281">
        <v>4</v>
      </c>
      <c r="EG19" s="278">
        <v>6</v>
      </c>
      <c r="EH19" s="280">
        <v>0</v>
      </c>
      <c r="EI19" s="281">
        <v>10</v>
      </c>
      <c r="EJ19" s="281">
        <v>5</v>
      </c>
      <c r="EK19" s="281">
        <v>5</v>
      </c>
      <c r="EL19" s="281">
        <v>16</v>
      </c>
      <c r="EM19" s="281">
        <v>8</v>
      </c>
      <c r="EN19" s="278">
        <v>44</v>
      </c>
      <c r="EO19" s="283">
        <v>50</v>
      </c>
      <c r="EP19" s="277">
        <v>19</v>
      </c>
      <c r="EQ19" s="281">
        <v>24</v>
      </c>
      <c r="ER19" s="278">
        <v>43</v>
      </c>
      <c r="ES19" s="280">
        <v>0</v>
      </c>
      <c r="ET19" s="281">
        <v>60</v>
      </c>
      <c r="EU19" s="281">
        <v>83</v>
      </c>
      <c r="EV19" s="281">
        <v>52</v>
      </c>
      <c r="EW19" s="281">
        <v>25</v>
      </c>
      <c r="EX19" s="281">
        <v>18</v>
      </c>
      <c r="EY19" s="278">
        <v>238</v>
      </c>
      <c r="EZ19" s="283">
        <v>281</v>
      </c>
    </row>
    <row r="20" spans="2:156" ht="19.8" customHeight="1" x14ac:dyDescent="0.2">
      <c r="B20" s="262" t="s">
        <v>18</v>
      </c>
      <c r="C20" s="277">
        <v>0</v>
      </c>
      <c r="D20" s="281">
        <v>0</v>
      </c>
      <c r="E20" s="385">
        <v>0</v>
      </c>
      <c r="F20" s="280">
        <v>0</v>
      </c>
      <c r="G20" s="281">
        <v>26</v>
      </c>
      <c r="H20" s="281">
        <v>31</v>
      </c>
      <c r="I20" s="281">
        <v>16</v>
      </c>
      <c r="J20" s="281">
        <v>15</v>
      </c>
      <c r="K20" s="281">
        <v>12</v>
      </c>
      <c r="L20" s="282">
        <v>100</v>
      </c>
      <c r="M20" s="283">
        <v>100</v>
      </c>
      <c r="N20" s="277">
        <v>0</v>
      </c>
      <c r="O20" s="281">
        <v>0</v>
      </c>
      <c r="P20" s="278">
        <v>0</v>
      </c>
      <c r="Q20" s="280">
        <v>0</v>
      </c>
      <c r="R20" s="281">
        <v>0</v>
      </c>
      <c r="S20" s="281">
        <v>1</v>
      </c>
      <c r="T20" s="281">
        <v>3</v>
      </c>
      <c r="U20" s="281">
        <v>2</v>
      </c>
      <c r="V20" s="281">
        <v>6</v>
      </c>
      <c r="W20" s="278">
        <v>12</v>
      </c>
      <c r="X20" s="283">
        <v>12</v>
      </c>
      <c r="Y20" s="277">
        <v>7</v>
      </c>
      <c r="Z20" s="281">
        <v>7</v>
      </c>
      <c r="AA20" s="278">
        <v>14</v>
      </c>
      <c r="AB20" s="280">
        <v>0</v>
      </c>
      <c r="AC20" s="281">
        <v>13</v>
      </c>
      <c r="AD20" s="281">
        <v>32</v>
      </c>
      <c r="AE20" s="281">
        <v>16</v>
      </c>
      <c r="AF20" s="281">
        <v>20</v>
      </c>
      <c r="AG20" s="281">
        <v>12</v>
      </c>
      <c r="AH20" s="278">
        <v>93</v>
      </c>
      <c r="AI20" s="283">
        <v>107</v>
      </c>
      <c r="AJ20" s="277">
        <v>1</v>
      </c>
      <c r="AK20" s="281">
        <v>0</v>
      </c>
      <c r="AL20" s="278">
        <v>1</v>
      </c>
      <c r="AM20" s="280">
        <v>0</v>
      </c>
      <c r="AN20" s="281">
        <v>3</v>
      </c>
      <c r="AO20" s="281">
        <v>3</v>
      </c>
      <c r="AP20" s="281">
        <v>4</v>
      </c>
      <c r="AQ20" s="281">
        <v>3</v>
      </c>
      <c r="AR20" s="281">
        <v>1</v>
      </c>
      <c r="AS20" s="278">
        <v>14</v>
      </c>
      <c r="AT20" s="283">
        <v>15</v>
      </c>
      <c r="AU20" s="277">
        <v>7</v>
      </c>
      <c r="AV20" s="281">
        <v>2</v>
      </c>
      <c r="AW20" s="278">
        <v>9</v>
      </c>
      <c r="AX20" s="280">
        <v>0</v>
      </c>
      <c r="AY20" s="281">
        <v>26</v>
      </c>
      <c r="AZ20" s="281">
        <v>32</v>
      </c>
      <c r="BA20" s="281">
        <v>20</v>
      </c>
      <c r="BB20" s="281">
        <v>28</v>
      </c>
      <c r="BC20" s="281">
        <v>35</v>
      </c>
      <c r="BD20" s="282">
        <v>141</v>
      </c>
      <c r="BE20" s="283">
        <v>150</v>
      </c>
      <c r="BF20" s="277">
        <v>0</v>
      </c>
      <c r="BG20" s="281">
        <v>0</v>
      </c>
      <c r="BH20" s="278">
        <v>0</v>
      </c>
      <c r="BI20" s="280">
        <v>0</v>
      </c>
      <c r="BJ20" s="281">
        <v>45</v>
      </c>
      <c r="BK20" s="281">
        <v>49</v>
      </c>
      <c r="BL20" s="281">
        <v>16</v>
      </c>
      <c r="BM20" s="281">
        <v>12</v>
      </c>
      <c r="BN20" s="281">
        <v>5</v>
      </c>
      <c r="BO20" s="278">
        <v>127</v>
      </c>
      <c r="BP20" s="283">
        <v>127</v>
      </c>
      <c r="BQ20" s="277">
        <v>5</v>
      </c>
      <c r="BR20" s="281">
        <v>4</v>
      </c>
      <c r="BS20" s="278">
        <v>9</v>
      </c>
      <c r="BT20" s="280">
        <v>0</v>
      </c>
      <c r="BU20" s="281">
        <v>10</v>
      </c>
      <c r="BV20" s="281">
        <v>15</v>
      </c>
      <c r="BW20" s="281">
        <v>7</v>
      </c>
      <c r="BX20" s="281">
        <v>6</v>
      </c>
      <c r="BY20" s="281">
        <v>3</v>
      </c>
      <c r="BZ20" s="278">
        <v>41</v>
      </c>
      <c r="CA20" s="283">
        <v>50</v>
      </c>
      <c r="CB20" s="277">
        <v>0</v>
      </c>
      <c r="CC20" s="281">
        <v>0</v>
      </c>
      <c r="CD20" s="278">
        <v>0</v>
      </c>
      <c r="CE20" s="280">
        <v>0</v>
      </c>
      <c r="CF20" s="281">
        <v>4</v>
      </c>
      <c r="CG20" s="281">
        <v>8</v>
      </c>
      <c r="CH20" s="281">
        <v>13</v>
      </c>
      <c r="CI20" s="281">
        <v>12</v>
      </c>
      <c r="CJ20" s="281">
        <v>6</v>
      </c>
      <c r="CK20" s="278">
        <v>43</v>
      </c>
      <c r="CL20" s="283">
        <v>43</v>
      </c>
      <c r="CM20" s="277">
        <v>0</v>
      </c>
      <c r="CN20" s="281">
        <v>0</v>
      </c>
      <c r="CO20" s="278">
        <v>0</v>
      </c>
      <c r="CP20" s="280">
        <v>0</v>
      </c>
      <c r="CQ20" s="281">
        <v>0</v>
      </c>
      <c r="CR20" s="281">
        <v>0</v>
      </c>
      <c r="CS20" s="281">
        <v>0</v>
      </c>
      <c r="CT20" s="281">
        <v>0</v>
      </c>
      <c r="CU20" s="281">
        <v>1</v>
      </c>
      <c r="CV20" s="278">
        <v>1</v>
      </c>
      <c r="CW20" s="283">
        <v>1</v>
      </c>
      <c r="CX20" s="277">
        <v>0</v>
      </c>
      <c r="CY20" s="281">
        <v>0</v>
      </c>
      <c r="CZ20" s="278">
        <v>0</v>
      </c>
      <c r="DA20" s="280">
        <v>0</v>
      </c>
      <c r="DB20" s="281">
        <v>0</v>
      </c>
      <c r="DC20" s="281">
        <v>0</v>
      </c>
      <c r="DD20" s="281">
        <v>0</v>
      </c>
      <c r="DE20" s="281">
        <v>0</v>
      </c>
      <c r="DF20" s="281">
        <v>0</v>
      </c>
      <c r="DG20" s="278">
        <v>0</v>
      </c>
      <c r="DH20" s="283">
        <v>0</v>
      </c>
      <c r="DI20" s="277">
        <v>0</v>
      </c>
      <c r="DJ20" s="281">
        <v>0</v>
      </c>
      <c r="DK20" s="278">
        <v>0</v>
      </c>
      <c r="DL20" s="280">
        <v>0</v>
      </c>
      <c r="DM20" s="281">
        <v>0</v>
      </c>
      <c r="DN20" s="281">
        <v>0</v>
      </c>
      <c r="DO20" s="281">
        <v>0</v>
      </c>
      <c r="DP20" s="281">
        <v>0</v>
      </c>
      <c r="DQ20" s="281">
        <v>0</v>
      </c>
      <c r="DR20" s="278">
        <v>0</v>
      </c>
      <c r="DS20" s="283">
        <v>0</v>
      </c>
      <c r="DT20" s="277">
        <v>14</v>
      </c>
      <c r="DU20" s="281">
        <v>23</v>
      </c>
      <c r="DV20" s="278">
        <v>37</v>
      </c>
      <c r="DW20" s="280">
        <v>0</v>
      </c>
      <c r="DX20" s="281">
        <v>41</v>
      </c>
      <c r="DY20" s="281">
        <v>69</v>
      </c>
      <c r="DZ20" s="281">
        <v>41</v>
      </c>
      <c r="EA20" s="281">
        <v>39</v>
      </c>
      <c r="EB20" s="281">
        <v>27</v>
      </c>
      <c r="EC20" s="278">
        <v>217</v>
      </c>
      <c r="ED20" s="283">
        <v>254</v>
      </c>
      <c r="EE20" s="277">
        <v>5</v>
      </c>
      <c r="EF20" s="281">
        <v>0</v>
      </c>
      <c r="EG20" s="278">
        <v>5</v>
      </c>
      <c r="EH20" s="280">
        <v>0</v>
      </c>
      <c r="EI20" s="281">
        <v>10</v>
      </c>
      <c r="EJ20" s="281">
        <v>12</v>
      </c>
      <c r="EK20" s="281">
        <v>6</v>
      </c>
      <c r="EL20" s="281">
        <v>8</v>
      </c>
      <c r="EM20" s="281">
        <v>11</v>
      </c>
      <c r="EN20" s="278">
        <v>47</v>
      </c>
      <c r="EO20" s="283">
        <v>52</v>
      </c>
      <c r="EP20" s="277">
        <v>24</v>
      </c>
      <c r="EQ20" s="281">
        <v>30</v>
      </c>
      <c r="ER20" s="278">
        <v>54</v>
      </c>
      <c r="ES20" s="280">
        <v>0</v>
      </c>
      <c r="ET20" s="281">
        <v>95</v>
      </c>
      <c r="EU20" s="281">
        <v>107</v>
      </c>
      <c r="EV20" s="281">
        <v>53</v>
      </c>
      <c r="EW20" s="281">
        <v>43</v>
      </c>
      <c r="EX20" s="281">
        <v>25</v>
      </c>
      <c r="EY20" s="278">
        <v>323</v>
      </c>
      <c r="EZ20" s="283">
        <v>377</v>
      </c>
    </row>
    <row r="21" spans="2:156" ht="19.8" customHeight="1" x14ac:dyDescent="0.2">
      <c r="B21" s="262" t="s">
        <v>19</v>
      </c>
      <c r="C21" s="277">
        <v>0</v>
      </c>
      <c r="D21" s="281">
        <v>0</v>
      </c>
      <c r="E21" s="385">
        <v>0</v>
      </c>
      <c r="F21" s="280">
        <v>0</v>
      </c>
      <c r="G21" s="281">
        <v>9</v>
      </c>
      <c r="H21" s="281">
        <v>9</v>
      </c>
      <c r="I21" s="281">
        <v>5</v>
      </c>
      <c r="J21" s="281">
        <v>2</v>
      </c>
      <c r="K21" s="281">
        <v>3</v>
      </c>
      <c r="L21" s="282">
        <v>28</v>
      </c>
      <c r="M21" s="283">
        <v>28</v>
      </c>
      <c r="N21" s="277">
        <v>0</v>
      </c>
      <c r="O21" s="281">
        <v>0</v>
      </c>
      <c r="P21" s="278">
        <v>0</v>
      </c>
      <c r="Q21" s="280">
        <v>0</v>
      </c>
      <c r="R21" s="281">
        <v>0</v>
      </c>
      <c r="S21" s="281">
        <v>0</v>
      </c>
      <c r="T21" s="281">
        <v>1</v>
      </c>
      <c r="U21" s="281">
        <v>1</v>
      </c>
      <c r="V21" s="281">
        <v>3</v>
      </c>
      <c r="W21" s="278">
        <v>5</v>
      </c>
      <c r="X21" s="283">
        <v>5</v>
      </c>
      <c r="Y21" s="277">
        <v>3</v>
      </c>
      <c r="Z21" s="281">
        <v>2</v>
      </c>
      <c r="AA21" s="278">
        <v>5</v>
      </c>
      <c r="AB21" s="280">
        <v>0</v>
      </c>
      <c r="AC21" s="281">
        <v>7</v>
      </c>
      <c r="AD21" s="281">
        <v>12</v>
      </c>
      <c r="AE21" s="281">
        <v>7</v>
      </c>
      <c r="AF21" s="281">
        <v>6</v>
      </c>
      <c r="AG21" s="281">
        <v>4</v>
      </c>
      <c r="AH21" s="278">
        <v>36</v>
      </c>
      <c r="AI21" s="283">
        <v>41</v>
      </c>
      <c r="AJ21" s="277">
        <v>0</v>
      </c>
      <c r="AK21" s="281">
        <v>0</v>
      </c>
      <c r="AL21" s="278">
        <v>0</v>
      </c>
      <c r="AM21" s="280">
        <v>0</v>
      </c>
      <c r="AN21" s="281">
        <v>2</v>
      </c>
      <c r="AO21" s="281">
        <v>1</v>
      </c>
      <c r="AP21" s="281">
        <v>0</v>
      </c>
      <c r="AQ21" s="281">
        <v>0</v>
      </c>
      <c r="AR21" s="281">
        <v>0</v>
      </c>
      <c r="AS21" s="278">
        <v>3</v>
      </c>
      <c r="AT21" s="283">
        <v>3</v>
      </c>
      <c r="AU21" s="277">
        <v>4</v>
      </c>
      <c r="AV21" s="281">
        <v>3</v>
      </c>
      <c r="AW21" s="278">
        <v>7</v>
      </c>
      <c r="AX21" s="280">
        <v>0</v>
      </c>
      <c r="AY21" s="281">
        <v>12</v>
      </c>
      <c r="AZ21" s="281">
        <v>10</v>
      </c>
      <c r="BA21" s="281">
        <v>12</v>
      </c>
      <c r="BB21" s="281">
        <v>9</v>
      </c>
      <c r="BC21" s="281">
        <v>7</v>
      </c>
      <c r="BD21" s="282">
        <v>50</v>
      </c>
      <c r="BE21" s="283">
        <v>57</v>
      </c>
      <c r="BF21" s="277">
        <v>0</v>
      </c>
      <c r="BG21" s="281">
        <v>0</v>
      </c>
      <c r="BH21" s="278">
        <v>0</v>
      </c>
      <c r="BI21" s="280">
        <v>0</v>
      </c>
      <c r="BJ21" s="281">
        <v>16</v>
      </c>
      <c r="BK21" s="281">
        <v>5</v>
      </c>
      <c r="BL21" s="281">
        <v>6</v>
      </c>
      <c r="BM21" s="281">
        <v>2</v>
      </c>
      <c r="BN21" s="281">
        <v>4</v>
      </c>
      <c r="BO21" s="278">
        <v>33</v>
      </c>
      <c r="BP21" s="283">
        <v>33</v>
      </c>
      <c r="BQ21" s="277">
        <v>0</v>
      </c>
      <c r="BR21" s="281">
        <v>4</v>
      </c>
      <c r="BS21" s="278">
        <v>4</v>
      </c>
      <c r="BT21" s="280">
        <v>0</v>
      </c>
      <c r="BU21" s="281">
        <v>7</v>
      </c>
      <c r="BV21" s="281">
        <v>4</v>
      </c>
      <c r="BW21" s="281">
        <v>5</v>
      </c>
      <c r="BX21" s="281">
        <v>4</v>
      </c>
      <c r="BY21" s="281">
        <v>1</v>
      </c>
      <c r="BZ21" s="278">
        <v>21</v>
      </c>
      <c r="CA21" s="283">
        <v>25</v>
      </c>
      <c r="CB21" s="277">
        <v>0</v>
      </c>
      <c r="CC21" s="281">
        <v>1</v>
      </c>
      <c r="CD21" s="278">
        <v>1</v>
      </c>
      <c r="CE21" s="280">
        <v>0</v>
      </c>
      <c r="CF21" s="281">
        <v>1</v>
      </c>
      <c r="CG21" s="281">
        <v>4</v>
      </c>
      <c r="CH21" s="281">
        <v>2</v>
      </c>
      <c r="CI21" s="281">
        <v>0</v>
      </c>
      <c r="CJ21" s="281">
        <v>1</v>
      </c>
      <c r="CK21" s="278">
        <v>8</v>
      </c>
      <c r="CL21" s="283">
        <v>9</v>
      </c>
      <c r="CM21" s="277">
        <v>0</v>
      </c>
      <c r="CN21" s="281">
        <v>0</v>
      </c>
      <c r="CO21" s="278">
        <v>0</v>
      </c>
      <c r="CP21" s="280">
        <v>0</v>
      </c>
      <c r="CQ21" s="281">
        <v>0</v>
      </c>
      <c r="CR21" s="281">
        <v>1</v>
      </c>
      <c r="CS21" s="281">
        <v>1</v>
      </c>
      <c r="CT21" s="281">
        <v>1</v>
      </c>
      <c r="CU21" s="281">
        <v>0</v>
      </c>
      <c r="CV21" s="278">
        <v>3</v>
      </c>
      <c r="CW21" s="283">
        <v>3</v>
      </c>
      <c r="CX21" s="277">
        <v>0</v>
      </c>
      <c r="CY21" s="281">
        <v>0</v>
      </c>
      <c r="CZ21" s="278">
        <v>0</v>
      </c>
      <c r="DA21" s="280">
        <v>0</v>
      </c>
      <c r="DB21" s="281">
        <v>0</v>
      </c>
      <c r="DC21" s="281">
        <v>0</v>
      </c>
      <c r="DD21" s="281">
        <v>0</v>
      </c>
      <c r="DE21" s="281">
        <v>0</v>
      </c>
      <c r="DF21" s="281">
        <v>0</v>
      </c>
      <c r="DG21" s="278">
        <v>0</v>
      </c>
      <c r="DH21" s="283">
        <v>0</v>
      </c>
      <c r="DI21" s="277">
        <v>0</v>
      </c>
      <c r="DJ21" s="281">
        <v>0</v>
      </c>
      <c r="DK21" s="278">
        <v>0</v>
      </c>
      <c r="DL21" s="280">
        <v>0</v>
      </c>
      <c r="DM21" s="281">
        <v>0</v>
      </c>
      <c r="DN21" s="281">
        <v>0</v>
      </c>
      <c r="DO21" s="281">
        <v>0</v>
      </c>
      <c r="DP21" s="281">
        <v>0</v>
      </c>
      <c r="DQ21" s="281">
        <v>0</v>
      </c>
      <c r="DR21" s="278">
        <v>0</v>
      </c>
      <c r="DS21" s="283">
        <v>0</v>
      </c>
      <c r="DT21" s="277">
        <v>6</v>
      </c>
      <c r="DU21" s="281">
        <v>9</v>
      </c>
      <c r="DV21" s="278">
        <v>15</v>
      </c>
      <c r="DW21" s="280">
        <v>0</v>
      </c>
      <c r="DX21" s="281">
        <v>17</v>
      </c>
      <c r="DY21" s="281">
        <v>25</v>
      </c>
      <c r="DZ21" s="281">
        <v>17</v>
      </c>
      <c r="EA21" s="281">
        <v>11</v>
      </c>
      <c r="EB21" s="281">
        <v>7</v>
      </c>
      <c r="EC21" s="278">
        <v>77</v>
      </c>
      <c r="ED21" s="283">
        <v>92</v>
      </c>
      <c r="EE21" s="277">
        <v>1</v>
      </c>
      <c r="EF21" s="281">
        <v>3</v>
      </c>
      <c r="EG21" s="278">
        <v>4</v>
      </c>
      <c r="EH21" s="280">
        <v>0</v>
      </c>
      <c r="EI21" s="281">
        <v>8</v>
      </c>
      <c r="EJ21" s="281">
        <v>5</v>
      </c>
      <c r="EK21" s="281">
        <v>5</v>
      </c>
      <c r="EL21" s="281">
        <v>2</v>
      </c>
      <c r="EM21" s="281">
        <v>3</v>
      </c>
      <c r="EN21" s="278">
        <v>23</v>
      </c>
      <c r="EO21" s="283">
        <v>27</v>
      </c>
      <c r="EP21" s="277">
        <v>9</v>
      </c>
      <c r="EQ21" s="281">
        <v>12</v>
      </c>
      <c r="ER21" s="278">
        <v>21</v>
      </c>
      <c r="ES21" s="280">
        <v>0</v>
      </c>
      <c r="ET21" s="281">
        <v>38</v>
      </c>
      <c r="EU21" s="281">
        <v>33</v>
      </c>
      <c r="EV21" s="281">
        <v>18</v>
      </c>
      <c r="EW21" s="281">
        <v>8</v>
      </c>
      <c r="EX21" s="281">
        <v>7</v>
      </c>
      <c r="EY21" s="278">
        <v>104</v>
      </c>
      <c r="EZ21" s="283">
        <v>125</v>
      </c>
    </row>
    <row r="22" spans="2:156" ht="19.8" customHeight="1" x14ac:dyDescent="0.2">
      <c r="B22" s="262" t="s">
        <v>20</v>
      </c>
      <c r="C22" s="277">
        <v>0</v>
      </c>
      <c r="D22" s="281">
        <v>0</v>
      </c>
      <c r="E22" s="385">
        <v>0</v>
      </c>
      <c r="F22" s="280">
        <v>0</v>
      </c>
      <c r="G22" s="281">
        <v>15</v>
      </c>
      <c r="H22" s="281">
        <v>11</v>
      </c>
      <c r="I22" s="281">
        <v>5</v>
      </c>
      <c r="J22" s="281">
        <v>7</v>
      </c>
      <c r="K22" s="281">
        <v>5</v>
      </c>
      <c r="L22" s="282">
        <v>43</v>
      </c>
      <c r="M22" s="283">
        <v>43</v>
      </c>
      <c r="N22" s="277">
        <v>0</v>
      </c>
      <c r="O22" s="281">
        <v>0</v>
      </c>
      <c r="P22" s="278">
        <v>0</v>
      </c>
      <c r="Q22" s="280">
        <v>0</v>
      </c>
      <c r="R22" s="281">
        <v>0</v>
      </c>
      <c r="S22" s="281">
        <v>0</v>
      </c>
      <c r="T22" s="281">
        <v>0</v>
      </c>
      <c r="U22" s="281">
        <v>0</v>
      </c>
      <c r="V22" s="281">
        <v>2</v>
      </c>
      <c r="W22" s="278">
        <v>2</v>
      </c>
      <c r="X22" s="283">
        <v>2</v>
      </c>
      <c r="Y22" s="277">
        <v>3</v>
      </c>
      <c r="Z22" s="281">
        <v>6</v>
      </c>
      <c r="AA22" s="278">
        <v>9</v>
      </c>
      <c r="AB22" s="280">
        <v>0</v>
      </c>
      <c r="AC22" s="281">
        <v>18</v>
      </c>
      <c r="AD22" s="281">
        <v>12</v>
      </c>
      <c r="AE22" s="281">
        <v>10</v>
      </c>
      <c r="AF22" s="281">
        <v>4</v>
      </c>
      <c r="AG22" s="281">
        <v>1</v>
      </c>
      <c r="AH22" s="278">
        <v>45</v>
      </c>
      <c r="AI22" s="283">
        <v>54</v>
      </c>
      <c r="AJ22" s="277">
        <v>1</v>
      </c>
      <c r="AK22" s="281">
        <v>2</v>
      </c>
      <c r="AL22" s="278">
        <v>3</v>
      </c>
      <c r="AM22" s="280">
        <v>0</v>
      </c>
      <c r="AN22" s="281">
        <v>3</v>
      </c>
      <c r="AO22" s="281">
        <v>4</v>
      </c>
      <c r="AP22" s="281">
        <v>3</v>
      </c>
      <c r="AQ22" s="281">
        <v>0</v>
      </c>
      <c r="AR22" s="281">
        <v>1</v>
      </c>
      <c r="AS22" s="278">
        <v>11</v>
      </c>
      <c r="AT22" s="283">
        <v>14</v>
      </c>
      <c r="AU22" s="277">
        <v>1</v>
      </c>
      <c r="AV22" s="281">
        <v>1</v>
      </c>
      <c r="AW22" s="278">
        <v>2</v>
      </c>
      <c r="AX22" s="280">
        <v>0</v>
      </c>
      <c r="AY22" s="281">
        <v>18</v>
      </c>
      <c r="AZ22" s="281">
        <v>13</v>
      </c>
      <c r="BA22" s="281">
        <v>11</v>
      </c>
      <c r="BB22" s="281">
        <v>13</v>
      </c>
      <c r="BC22" s="281">
        <v>9</v>
      </c>
      <c r="BD22" s="282">
        <v>64</v>
      </c>
      <c r="BE22" s="283">
        <v>66</v>
      </c>
      <c r="BF22" s="277">
        <v>0</v>
      </c>
      <c r="BG22" s="281">
        <v>0</v>
      </c>
      <c r="BH22" s="278">
        <v>0</v>
      </c>
      <c r="BI22" s="280">
        <v>0</v>
      </c>
      <c r="BJ22" s="281">
        <v>9</v>
      </c>
      <c r="BK22" s="281">
        <v>12</v>
      </c>
      <c r="BL22" s="281">
        <v>8</v>
      </c>
      <c r="BM22" s="281">
        <v>4</v>
      </c>
      <c r="BN22" s="281">
        <v>3</v>
      </c>
      <c r="BO22" s="278">
        <v>36</v>
      </c>
      <c r="BP22" s="283">
        <v>36</v>
      </c>
      <c r="BQ22" s="277">
        <v>2</v>
      </c>
      <c r="BR22" s="281">
        <v>3</v>
      </c>
      <c r="BS22" s="278">
        <v>5</v>
      </c>
      <c r="BT22" s="280">
        <v>0</v>
      </c>
      <c r="BU22" s="281">
        <v>11</v>
      </c>
      <c r="BV22" s="281">
        <v>13</v>
      </c>
      <c r="BW22" s="281">
        <v>7</v>
      </c>
      <c r="BX22" s="281">
        <v>3</v>
      </c>
      <c r="BY22" s="281">
        <v>2</v>
      </c>
      <c r="BZ22" s="278">
        <v>36</v>
      </c>
      <c r="CA22" s="283">
        <v>41</v>
      </c>
      <c r="CB22" s="277">
        <v>0</v>
      </c>
      <c r="CC22" s="281">
        <v>0</v>
      </c>
      <c r="CD22" s="278">
        <v>0</v>
      </c>
      <c r="CE22" s="280">
        <v>0</v>
      </c>
      <c r="CF22" s="281">
        <v>2</v>
      </c>
      <c r="CG22" s="281">
        <v>4</v>
      </c>
      <c r="CH22" s="281">
        <v>4</v>
      </c>
      <c r="CI22" s="281">
        <v>3</v>
      </c>
      <c r="CJ22" s="281">
        <v>1</v>
      </c>
      <c r="CK22" s="278">
        <v>14</v>
      </c>
      <c r="CL22" s="283">
        <v>14</v>
      </c>
      <c r="CM22" s="277">
        <v>0</v>
      </c>
      <c r="CN22" s="281">
        <v>0</v>
      </c>
      <c r="CO22" s="278">
        <v>0</v>
      </c>
      <c r="CP22" s="280">
        <v>0</v>
      </c>
      <c r="CQ22" s="281">
        <v>0</v>
      </c>
      <c r="CR22" s="281">
        <v>1</v>
      </c>
      <c r="CS22" s="281">
        <v>2</v>
      </c>
      <c r="CT22" s="281">
        <v>0</v>
      </c>
      <c r="CU22" s="281">
        <v>0</v>
      </c>
      <c r="CV22" s="278">
        <v>3</v>
      </c>
      <c r="CW22" s="283">
        <v>3</v>
      </c>
      <c r="CX22" s="277">
        <v>0</v>
      </c>
      <c r="CY22" s="281">
        <v>0</v>
      </c>
      <c r="CZ22" s="278">
        <v>0</v>
      </c>
      <c r="DA22" s="280">
        <v>0</v>
      </c>
      <c r="DB22" s="281">
        <v>0</v>
      </c>
      <c r="DC22" s="281">
        <v>0</v>
      </c>
      <c r="DD22" s="281">
        <v>0</v>
      </c>
      <c r="DE22" s="281">
        <v>0</v>
      </c>
      <c r="DF22" s="281">
        <v>0</v>
      </c>
      <c r="DG22" s="278">
        <v>0</v>
      </c>
      <c r="DH22" s="283">
        <v>0</v>
      </c>
      <c r="DI22" s="277">
        <v>0</v>
      </c>
      <c r="DJ22" s="281">
        <v>0</v>
      </c>
      <c r="DK22" s="278">
        <v>0</v>
      </c>
      <c r="DL22" s="280">
        <v>0</v>
      </c>
      <c r="DM22" s="281">
        <v>0</v>
      </c>
      <c r="DN22" s="281">
        <v>0</v>
      </c>
      <c r="DO22" s="281">
        <v>0</v>
      </c>
      <c r="DP22" s="281">
        <v>0</v>
      </c>
      <c r="DQ22" s="281">
        <v>0</v>
      </c>
      <c r="DR22" s="278">
        <v>0</v>
      </c>
      <c r="DS22" s="283">
        <v>0</v>
      </c>
      <c r="DT22" s="277">
        <v>4</v>
      </c>
      <c r="DU22" s="281">
        <v>19</v>
      </c>
      <c r="DV22" s="278">
        <v>23</v>
      </c>
      <c r="DW22" s="280">
        <v>0</v>
      </c>
      <c r="DX22" s="281">
        <v>31</v>
      </c>
      <c r="DY22" s="281">
        <v>23</v>
      </c>
      <c r="DZ22" s="281">
        <v>18</v>
      </c>
      <c r="EA22" s="281">
        <v>12</v>
      </c>
      <c r="EB22" s="281">
        <v>6</v>
      </c>
      <c r="EC22" s="278">
        <v>90</v>
      </c>
      <c r="ED22" s="283">
        <v>113</v>
      </c>
      <c r="EE22" s="277">
        <v>1</v>
      </c>
      <c r="EF22" s="281">
        <v>1</v>
      </c>
      <c r="EG22" s="278">
        <v>2</v>
      </c>
      <c r="EH22" s="280">
        <v>0</v>
      </c>
      <c r="EI22" s="281">
        <v>5</v>
      </c>
      <c r="EJ22" s="281">
        <v>5</v>
      </c>
      <c r="EK22" s="281">
        <v>5</v>
      </c>
      <c r="EL22" s="281">
        <v>7</v>
      </c>
      <c r="EM22" s="281">
        <v>2</v>
      </c>
      <c r="EN22" s="278">
        <v>24</v>
      </c>
      <c r="EO22" s="283">
        <v>26</v>
      </c>
      <c r="EP22" s="277">
        <v>10</v>
      </c>
      <c r="EQ22" s="281">
        <v>23</v>
      </c>
      <c r="ER22" s="278">
        <v>33</v>
      </c>
      <c r="ES22" s="280">
        <v>0</v>
      </c>
      <c r="ET22" s="281">
        <v>61</v>
      </c>
      <c r="EU22" s="281">
        <v>39</v>
      </c>
      <c r="EV22" s="281">
        <v>24</v>
      </c>
      <c r="EW22" s="281">
        <v>14</v>
      </c>
      <c r="EX22" s="281">
        <v>7</v>
      </c>
      <c r="EY22" s="278">
        <v>145</v>
      </c>
      <c r="EZ22" s="283">
        <v>178</v>
      </c>
    </row>
    <row r="23" spans="2:156" ht="19.8" customHeight="1" x14ac:dyDescent="0.2">
      <c r="B23" s="262" t="s">
        <v>21</v>
      </c>
      <c r="C23" s="277">
        <v>0</v>
      </c>
      <c r="D23" s="281">
        <v>0</v>
      </c>
      <c r="E23" s="385">
        <v>0</v>
      </c>
      <c r="F23" s="280">
        <v>0</v>
      </c>
      <c r="G23" s="281">
        <v>8</v>
      </c>
      <c r="H23" s="281">
        <v>13</v>
      </c>
      <c r="I23" s="281">
        <v>3</v>
      </c>
      <c r="J23" s="281">
        <v>2</v>
      </c>
      <c r="K23" s="281">
        <v>2</v>
      </c>
      <c r="L23" s="282">
        <v>28</v>
      </c>
      <c r="M23" s="283">
        <v>28</v>
      </c>
      <c r="N23" s="277">
        <v>0</v>
      </c>
      <c r="O23" s="281">
        <v>0</v>
      </c>
      <c r="P23" s="278">
        <v>0</v>
      </c>
      <c r="Q23" s="280">
        <v>0</v>
      </c>
      <c r="R23" s="281">
        <v>0</v>
      </c>
      <c r="S23" s="281">
        <v>1</v>
      </c>
      <c r="T23" s="281">
        <v>1</v>
      </c>
      <c r="U23" s="281">
        <v>1</v>
      </c>
      <c r="V23" s="281">
        <v>2</v>
      </c>
      <c r="W23" s="278">
        <v>5</v>
      </c>
      <c r="X23" s="283">
        <v>5</v>
      </c>
      <c r="Y23" s="277">
        <v>2</v>
      </c>
      <c r="Z23" s="281">
        <v>0</v>
      </c>
      <c r="AA23" s="278">
        <v>2</v>
      </c>
      <c r="AB23" s="280">
        <v>0</v>
      </c>
      <c r="AC23" s="281">
        <v>10</v>
      </c>
      <c r="AD23" s="281">
        <v>13</v>
      </c>
      <c r="AE23" s="281">
        <v>5</v>
      </c>
      <c r="AF23" s="281">
        <v>1</v>
      </c>
      <c r="AG23" s="281">
        <v>4</v>
      </c>
      <c r="AH23" s="278">
        <v>33</v>
      </c>
      <c r="AI23" s="283">
        <v>35</v>
      </c>
      <c r="AJ23" s="277">
        <v>1</v>
      </c>
      <c r="AK23" s="281">
        <v>0</v>
      </c>
      <c r="AL23" s="278">
        <v>1</v>
      </c>
      <c r="AM23" s="280">
        <v>0</v>
      </c>
      <c r="AN23" s="281">
        <v>0</v>
      </c>
      <c r="AO23" s="281">
        <v>2</v>
      </c>
      <c r="AP23" s="281">
        <v>0</v>
      </c>
      <c r="AQ23" s="281">
        <v>0</v>
      </c>
      <c r="AR23" s="281">
        <v>1</v>
      </c>
      <c r="AS23" s="278">
        <v>3</v>
      </c>
      <c r="AT23" s="283">
        <v>4</v>
      </c>
      <c r="AU23" s="277">
        <v>8</v>
      </c>
      <c r="AV23" s="281">
        <v>3</v>
      </c>
      <c r="AW23" s="278">
        <v>11</v>
      </c>
      <c r="AX23" s="280">
        <v>0</v>
      </c>
      <c r="AY23" s="281">
        <v>12</v>
      </c>
      <c r="AZ23" s="281">
        <v>13</v>
      </c>
      <c r="BA23" s="281">
        <v>7</v>
      </c>
      <c r="BB23" s="281">
        <v>8</v>
      </c>
      <c r="BC23" s="281">
        <v>7</v>
      </c>
      <c r="BD23" s="282">
        <v>47</v>
      </c>
      <c r="BE23" s="283">
        <v>58</v>
      </c>
      <c r="BF23" s="277">
        <v>0</v>
      </c>
      <c r="BG23" s="281">
        <v>0</v>
      </c>
      <c r="BH23" s="278">
        <v>0</v>
      </c>
      <c r="BI23" s="280">
        <v>0</v>
      </c>
      <c r="BJ23" s="281">
        <v>15</v>
      </c>
      <c r="BK23" s="281">
        <v>17</v>
      </c>
      <c r="BL23" s="281">
        <v>7</v>
      </c>
      <c r="BM23" s="281">
        <v>5</v>
      </c>
      <c r="BN23" s="281">
        <v>0</v>
      </c>
      <c r="BO23" s="278">
        <v>44</v>
      </c>
      <c r="BP23" s="283">
        <v>44</v>
      </c>
      <c r="BQ23" s="277">
        <v>3</v>
      </c>
      <c r="BR23" s="281">
        <v>1</v>
      </c>
      <c r="BS23" s="278">
        <v>4</v>
      </c>
      <c r="BT23" s="280">
        <v>0</v>
      </c>
      <c r="BU23" s="281">
        <v>1</v>
      </c>
      <c r="BV23" s="281">
        <v>2</v>
      </c>
      <c r="BW23" s="281">
        <v>1</v>
      </c>
      <c r="BX23" s="281">
        <v>1</v>
      </c>
      <c r="BY23" s="281">
        <v>1</v>
      </c>
      <c r="BZ23" s="278">
        <v>6</v>
      </c>
      <c r="CA23" s="283">
        <v>10</v>
      </c>
      <c r="CB23" s="277">
        <v>1</v>
      </c>
      <c r="CC23" s="281">
        <v>0</v>
      </c>
      <c r="CD23" s="278">
        <v>1</v>
      </c>
      <c r="CE23" s="280">
        <v>0</v>
      </c>
      <c r="CF23" s="281">
        <v>2</v>
      </c>
      <c r="CG23" s="281">
        <v>2</v>
      </c>
      <c r="CH23" s="281">
        <v>4</v>
      </c>
      <c r="CI23" s="281">
        <v>3</v>
      </c>
      <c r="CJ23" s="281">
        <v>1</v>
      </c>
      <c r="CK23" s="278">
        <v>12</v>
      </c>
      <c r="CL23" s="283">
        <v>13</v>
      </c>
      <c r="CM23" s="277">
        <v>0</v>
      </c>
      <c r="CN23" s="281">
        <v>0</v>
      </c>
      <c r="CO23" s="278">
        <v>0</v>
      </c>
      <c r="CP23" s="280">
        <v>0</v>
      </c>
      <c r="CQ23" s="281">
        <v>0</v>
      </c>
      <c r="CR23" s="281">
        <v>2</v>
      </c>
      <c r="CS23" s="281">
        <v>0</v>
      </c>
      <c r="CT23" s="281">
        <v>0</v>
      </c>
      <c r="CU23" s="281">
        <v>1</v>
      </c>
      <c r="CV23" s="278">
        <v>3</v>
      </c>
      <c r="CW23" s="283">
        <v>3</v>
      </c>
      <c r="CX23" s="277">
        <v>0</v>
      </c>
      <c r="CY23" s="281">
        <v>0</v>
      </c>
      <c r="CZ23" s="278">
        <v>0</v>
      </c>
      <c r="DA23" s="280">
        <v>0</v>
      </c>
      <c r="DB23" s="281">
        <v>0</v>
      </c>
      <c r="DC23" s="281">
        <v>0</v>
      </c>
      <c r="DD23" s="281">
        <v>0</v>
      </c>
      <c r="DE23" s="281">
        <v>0</v>
      </c>
      <c r="DF23" s="281">
        <v>0</v>
      </c>
      <c r="DG23" s="278">
        <v>0</v>
      </c>
      <c r="DH23" s="283">
        <v>0</v>
      </c>
      <c r="DI23" s="277">
        <v>0</v>
      </c>
      <c r="DJ23" s="281">
        <v>0</v>
      </c>
      <c r="DK23" s="278">
        <v>0</v>
      </c>
      <c r="DL23" s="280">
        <v>0</v>
      </c>
      <c r="DM23" s="281">
        <v>0</v>
      </c>
      <c r="DN23" s="281">
        <v>0</v>
      </c>
      <c r="DO23" s="281">
        <v>0</v>
      </c>
      <c r="DP23" s="281">
        <v>0</v>
      </c>
      <c r="DQ23" s="281">
        <v>0</v>
      </c>
      <c r="DR23" s="278">
        <v>0</v>
      </c>
      <c r="DS23" s="283">
        <v>0</v>
      </c>
      <c r="DT23" s="277">
        <v>7</v>
      </c>
      <c r="DU23" s="281">
        <v>9</v>
      </c>
      <c r="DV23" s="278">
        <v>16</v>
      </c>
      <c r="DW23" s="280">
        <v>0</v>
      </c>
      <c r="DX23" s="281">
        <v>13</v>
      </c>
      <c r="DY23" s="281">
        <v>32</v>
      </c>
      <c r="DZ23" s="281">
        <v>15</v>
      </c>
      <c r="EA23" s="281">
        <v>8</v>
      </c>
      <c r="EB23" s="281">
        <v>4</v>
      </c>
      <c r="EC23" s="278">
        <v>72</v>
      </c>
      <c r="ED23" s="283">
        <v>88</v>
      </c>
      <c r="EE23" s="277">
        <v>3</v>
      </c>
      <c r="EF23" s="281">
        <v>1</v>
      </c>
      <c r="EG23" s="278">
        <v>4</v>
      </c>
      <c r="EH23" s="280">
        <v>0</v>
      </c>
      <c r="EI23" s="281">
        <v>3</v>
      </c>
      <c r="EJ23" s="281">
        <v>3</v>
      </c>
      <c r="EK23" s="281">
        <v>3</v>
      </c>
      <c r="EL23" s="281">
        <v>3</v>
      </c>
      <c r="EM23" s="281">
        <v>3</v>
      </c>
      <c r="EN23" s="278">
        <v>15</v>
      </c>
      <c r="EO23" s="283">
        <v>19</v>
      </c>
      <c r="EP23" s="277">
        <v>12</v>
      </c>
      <c r="EQ23" s="281">
        <v>10</v>
      </c>
      <c r="ER23" s="278">
        <v>22</v>
      </c>
      <c r="ES23" s="280">
        <v>0</v>
      </c>
      <c r="ET23" s="281">
        <v>41</v>
      </c>
      <c r="EU23" s="281">
        <v>44</v>
      </c>
      <c r="EV23" s="281">
        <v>16</v>
      </c>
      <c r="EW23" s="281">
        <v>8</v>
      </c>
      <c r="EX23" s="281">
        <v>5</v>
      </c>
      <c r="EY23" s="278">
        <v>114</v>
      </c>
      <c r="EZ23" s="283">
        <v>136</v>
      </c>
    </row>
    <row r="24" spans="2:156" ht="19.8" customHeight="1" x14ac:dyDescent="0.2">
      <c r="B24" s="262" t="s">
        <v>22</v>
      </c>
      <c r="C24" s="277">
        <v>0</v>
      </c>
      <c r="D24" s="281">
        <v>0</v>
      </c>
      <c r="E24" s="385">
        <v>0</v>
      </c>
      <c r="F24" s="280">
        <v>0</v>
      </c>
      <c r="G24" s="281">
        <v>6</v>
      </c>
      <c r="H24" s="281">
        <v>1</v>
      </c>
      <c r="I24" s="281">
        <v>1</v>
      </c>
      <c r="J24" s="281">
        <v>1</v>
      </c>
      <c r="K24" s="281">
        <v>3</v>
      </c>
      <c r="L24" s="282">
        <v>12</v>
      </c>
      <c r="M24" s="283">
        <v>12</v>
      </c>
      <c r="N24" s="277">
        <v>0</v>
      </c>
      <c r="O24" s="281">
        <v>0</v>
      </c>
      <c r="P24" s="278">
        <v>0</v>
      </c>
      <c r="Q24" s="280">
        <v>0</v>
      </c>
      <c r="R24" s="281">
        <v>0</v>
      </c>
      <c r="S24" s="281">
        <v>0</v>
      </c>
      <c r="T24" s="281">
        <v>0</v>
      </c>
      <c r="U24" s="281">
        <v>1</v>
      </c>
      <c r="V24" s="281">
        <v>4</v>
      </c>
      <c r="W24" s="278">
        <v>5</v>
      </c>
      <c r="X24" s="283">
        <v>5</v>
      </c>
      <c r="Y24" s="277">
        <v>2</v>
      </c>
      <c r="Z24" s="281">
        <v>1</v>
      </c>
      <c r="AA24" s="278">
        <v>3</v>
      </c>
      <c r="AB24" s="280">
        <v>0</v>
      </c>
      <c r="AC24" s="281">
        <v>4</v>
      </c>
      <c r="AD24" s="281">
        <v>6</v>
      </c>
      <c r="AE24" s="281">
        <v>0</v>
      </c>
      <c r="AF24" s="281">
        <v>2</v>
      </c>
      <c r="AG24" s="281">
        <v>3</v>
      </c>
      <c r="AH24" s="278">
        <v>15</v>
      </c>
      <c r="AI24" s="283">
        <v>18</v>
      </c>
      <c r="AJ24" s="277">
        <v>0</v>
      </c>
      <c r="AK24" s="281">
        <v>0</v>
      </c>
      <c r="AL24" s="278">
        <v>0</v>
      </c>
      <c r="AM24" s="280">
        <v>0</v>
      </c>
      <c r="AN24" s="281">
        <v>2</v>
      </c>
      <c r="AO24" s="281">
        <v>0</v>
      </c>
      <c r="AP24" s="281">
        <v>0</v>
      </c>
      <c r="AQ24" s="281">
        <v>1</v>
      </c>
      <c r="AR24" s="281">
        <v>0</v>
      </c>
      <c r="AS24" s="278">
        <v>3</v>
      </c>
      <c r="AT24" s="283">
        <v>3</v>
      </c>
      <c r="AU24" s="277">
        <v>0</v>
      </c>
      <c r="AV24" s="281">
        <v>1</v>
      </c>
      <c r="AW24" s="278">
        <v>1</v>
      </c>
      <c r="AX24" s="280">
        <v>0</v>
      </c>
      <c r="AY24" s="281">
        <v>4</v>
      </c>
      <c r="AZ24" s="281">
        <v>4</v>
      </c>
      <c r="BA24" s="281">
        <v>1</v>
      </c>
      <c r="BB24" s="281">
        <v>9</v>
      </c>
      <c r="BC24" s="281">
        <v>2</v>
      </c>
      <c r="BD24" s="282">
        <v>20</v>
      </c>
      <c r="BE24" s="283">
        <v>21</v>
      </c>
      <c r="BF24" s="277">
        <v>0</v>
      </c>
      <c r="BG24" s="281">
        <v>0</v>
      </c>
      <c r="BH24" s="278">
        <v>0</v>
      </c>
      <c r="BI24" s="280">
        <v>0</v>
      </c>
      <c r="BJ24" s="281">
        <v>10</v>
      </c>
      <c r="BK24" s="281">
        <v>4</v>
      </c>
      <c r="BL24" s="281">
        <v>2</v>
      </c>
      <c r="BM24" s="281">
        <v>5</v>
      </c>
      <c r="BN24" s="281">
        <v>3</v>
      </c>
      <c r="BO24" s="278">
        <v>24</v>
      </c>
      <c r="BP24" s="283">
        <v>24</v>
      </c>
      <c r="BQ24" s="277">
        <v>0</v>
      </c>
      <c r="BR24" s="281">
        <v>0</v>
      </c>
      <c r="BS24" s="278">
        <v>0</v>
      </c>
      <c r="BT24" s="280">
        <v>0</v>
      </c>
      <c r="BU24" s="281">
        <v>0</v>
      </c>
      <c r="BV24" s="281">
        <v>1</v>
      </c>
      <c r="BW24" s="281">
        <v>1</v>
      </c>
      <c r="BX24" s="281">
        <v>1</v>
      </c>
      <c r="BY24" s="281">
        <v>0</v>
      </c>
      <c r="BZ24" s="278">
        <v>3</v>
      </c>
      <c r="CA24" s="283">
        <v>3</v>
      </c>
      <c r="CB24" s="277">
        <v>0</v>
      </c>
      <c r="CC24" s="281">
        <v>0</v>
      </c>
      <c r="CD24" s="278">
        <v>0</v>
      </c>
      <c r="CE24" s="280">
        <v>0</v>
      </c>
      <c r="CF24" s="281">
        <v>0</v>
      </c>
      <c r="CG24" s="281">
        <v>0</v>
      </c>
      <c r="CH24" s="281">
        <v>0</v>
      </c>
      <c r="CI24" s="281">
        <v>0</v>
      </c>
      <c r="CJ24" s="281">
        <v>0</v>
      </c>
      <c r="CK24" s="278">
        <v>0</v>
      </c>
      <c r="CL24" s="283">
        <v>0</v>
      </c>
      <c r="CM24" s="277">
        <v>0</v>
      </c>
      <c r="CN24" s="281">
        <v>0</v>
      </c>
      <c r="CO24" s="278">
        <v>0</v>
      </c>
      <c r="CP24" s="280">
        <v>0</v>
      </c>
      <c r="CQ24" s="281">
        <v>0</v>
      </c>
      <c r="CR24" s="281">
        <v>0</v>
      </c>
      <c r="CS24" s="281">
        <v>0</v>
      </c>
      <c r="CT24" s="281">
        <v>1</v>
      </c>
      <c r="CU24" s="281">
        <v>0</v>
      </c>
      <c r="CV24" s="278">
        <v>1</v>
      </c>
      <c r="CW24" s="283">
        <v>1</v>
      </c>
      <c r="CX24" s="277">
        <v>0</v>
      </c>
      <c r="CY24" s="281">
        <v>0</v>
      </c>
      <c r="CZ24" s="278">
        <v>0</v>
      </c>
      <c r="DA24" s="280">
        <v>0</v>
      </c>
      <c r="DB24" s="281">
        <v>0</v>
      </c>
      <c r="DC24" s="281">
        <v>0</v>
      </c>
      <c r="DD24" s="281">
        <v>0</v>
      </c>
      <c r="DE24" s="281">
        <v>0</v>
      </c>
      <c r="DF24" s="281">
        <v>0</v>
      </c>
      <c r="DG24" s="278">
        <v>0</v>
      </c>
      <c r="DH24" s="283">
        <v>0</v>
      </c>
      <c r="DI24" s="277">
        <v>0</v>
      </c>
      <c r="DJ24" s="281">
        <v>0</v>
      </c>
      <c r="DK24" s="278">
        <v>0</v>
      </c>
      <c r="DL24" s="280">
        <v>0</v>
      </c>
      <c r="DM24" s="281">
        <v>0</v>
      </c>
      <c r="DN24" s="281">
        <v>0</v>
      </c>
      <c r="DO24" s="281">
        <v>0</v>
      </c>
      <c r="DP24" s="281">
        <v>0</v>
      </c>
      <c r="DQ24" s="281">
        <v>0</v>
      </c>
      <c r="DR24" s="278">
        <v>0</v>
      </c>
      <c r="DS24" s="283">
        <v>0</v>
      </c>
      <c r="DT24" s="277">
        <v>1</v>
      </c>
      <c r="DU24" s="281">
        <v>5</v>
      </c>
      <c r="DV24" s="278">
        <v>6</v>
      </c>
      <c r="DW24" s="280">
        <v>0</v>
      </c>
      <c r="DX24" s="281">
        <v>12</v>
      </c>
      <c r="DY24" s="281">
        <v>10</v>
      </c>
      <c r="DZ24" s="281">
        <v>3</v>
      </c>
      <c r="EA24" s="281">
        <v>7</v>
      </c>
      <c r="EB24" s="281">
        <v>4</v>
      </c>
      <c r="EC24" s="278">
        <v>36</v>
      </c>
      <c r="ED24" s="283">
        <v>42</v>
      </c>
      <c r="EE24" s="277">
        <v>0</v>
      </c>
      <c r="EF24" s="281">
        <v>1</v>
      </c>
      <c r="EG24" s="278">
        <v>1</v>
      </c>
      <c r="EH24" s="280">
        <v>0</v>
      </c>
      <c r="EI24" s="281">
        <v>2</v>
      </c>
      <c r="EJ24" s="281">
        <v>3</v>
      </c>
      <c r="EK24" s="281">
        <v>1</v>
      </c>
      <c r="EL24" s="281">
        <v>5</v>
      </c>
      <c r="EM24" s="281">
        <v>2</v>
      </c>
      <c r="EN24" s="278">
        <v>13</v>
      </c>
      <c r="EO24" s="283">
        <v>14</v>
      </c>
      <c r="EP24" s="277">
        <v>2</v>
      </c>
      <c r="EQ24" s="281">
        <v>5</v>
      </c>
      <c r="ER24" s="278">
        <v>7</v>
      </c>
      <c r="ES24" s="280">
        <v>0</v>
      </c>
      <c r="ET24" s="281">
        <v>25</v>
      </c>
      <c r="EU24" s="281">
        <v>12</v>
      </c>
      <c r="EV24" s="281">
        <v>6</v>
      </c>
      <c r="EW24" s="281">
        <v>7</v>
      </c>
      <c r="EX24" s="281">
        <v>6</v>
      </c>
      <c r="EY24" s="278">
        <v>56</v>
      </c>
      <c r="EZ24" s="283">
        <v>63</v>
      </c>
    </row>
    <row r="25" spans="2:156" ht="19.8" customHeight="1" x14ac:dyDescent="0.2">
      <c r="B25" s="262" t="s">
        <v>23</v>
      </c>
      <c r="C25" s="277">
        <v>0</v>
      </c>
      <c r="D25" s="281">
        <v>0</v>
      </c>
      <c r="E25" s="385">
        <v>0</v>
      </c>
      <c r="F25" s="280">
        <v>0</v>
      </c>
      <c r="G25" s="281">
        <v>1</v>
      </c>
      <c r="H25" s="281">
        <v>8</v>
      </c>
      <c r="I25" s="281">
        <v>4</v>
      </c>
      <c r="J25" s="281">
        <v>1</v>
      </c>
      <c r="K25" s="281">
        <v>1</v>
      </c>
      <c r="L25" s="282">
        <v>15</v>
      </c>
      <c r="M25" s="283">
        <v>15</v>
      </c>
      <c r="N25" s="277">
        <v>0</v>
      </c>
      <c r="O25" s="281">
        <v>0</v>
      </c>
      <c r="P25" s="278">
        <v>0</v>
      </c>
      <c r="Q25" s="280">
        <v>0</v>
      </c>
      <c r="R25" s="281">
        <v>0</v>
      </c>
      <c r="S25" s="281">
        <v>1</v>
      </c>
      <c r="T25" s="281">
        <v>0</v>
      </c>
      <c r="U25" s="281">
        <v>2</v>
      </c>
      <c r="V25" s="281">
        <v>0</v>
      </c>
      <c r="W25" s="278">
        <v>3</v>
      </c>
      <c r="X25" s="283">
        <v>3</v>
      </c>
      <c r="Y25" s="277">
        <v>3</v>
      </c>
      <c r="Z25" s="281">
        <v>1</v>
      </c>
      <c r="AA25" s="278">
        <v>4</v>
      </c>
      <c r="AB25" s="280">
        <v>0</v>
      </c>
      <c r="AC25" s="281">
        <v>4</v>
      </c>
      <c r="AD25" s="281">
        <v>10</v>
      </c>
      <c r="AE25" s="281">
        <v>6</v>
      </c>
      <c r="AF25" s="281">
        <v>4</v>
      </c>
      <c r="AG25" s="281">
        <v>1</v>
      </c>
      <c r="AH25" s="278">
        <v>25</v>
      </c>
      <c r="AI25" s="283">
        <v>29</v>
      </c>
      <c r="AJ25" s="277">
        <v>0</v>
      </c>
      <c r="AK25" s="281">
        <v>1</v>
      </c>
      <c r="AL25" s="278">
        <v>1</v>
      </c>
      <c r="AM25" s="280">
        <v>0</v>
      </c>
      <c r="AN25" s="281">
        <v>0</v>
      </c>
      <c r="AO25" s="281">
        <v>4</v>
      </c>
      <c r="AP25" s="281">
        <v>0</v>
      </c>
      <c r="AQ25" s="281">
        <v>0</v>
      </c>
      <c r="AR25" s="281">
        <v>0</v>
      </c>
      <c r="AS25" s="278">
        <v>4</v>
      </c>
      <c r="AT25" s="283">
        <v>5</v>
      </c>
      <c r="AU25" s="277">
        <v>0</v>
      </c>
      <c r="AV25" s="281">
        <v>0</v>
      </c>
      <c r="AW25" s="278">
        <v>0</v>
      </c>
      <c r="AX25" s="280">
        <v>0</v>
      </c>
      <c r="AY25" s="281">
        <v>5</v>
      </c>
      <c r="AZ25" s="281">
        <v>8</v>
      </c>
      <c r="BA25" s="281">
        <v>13</v>
      </c>
      <c r="BB25" s="281">
        <v>14</v>
      </c>
      <c r="BC25" s="281">
        <v>4</v>
      </c>
      <c r="BD25" s="282">
        <v>44</v>
      </c>
      <c r="BE25" s="283">
        <v>44</v>
      </c>
      <c r="BF25" s="277">
        <v>0</v>
      </c>
      <c r="BG25" s="281">
        <v>0</v>
      </c>
      <c r="BH25" s="278">
        <v>0</v>
      </c>
      <c r="BI25" s="280">
        <v>0</v>
      </c>
      <c r="BJ25" s="281">
        <v>14</v>
      </c>
      <c r="BK25" s="281">
        <v>14</v>
      </c>
      <c r="BL25" s="281">
        <v>5</v>
      </c>
      <c r="BM25" s="281">
        <v>5</v>
      </c>
      <c r="BN25" s="281">
        <v>0</v>
      </c>
      <c r="BO25" s="278">
        <v>38</v>
      </c>
      <c r="BP25" s="283">
        <v>38</v>
      </c>
      <c r="BQ25" s="277">
        <v>0</v>
      </c>
      <c r="BR25" s="281">
        <v>0</v>
      </c>
      <c r="BS25" s="278">
        <v>0</v>
      </c>
      <c r="BT25" s="280">
        <v>0</v>
      </c>
      <c r="BU25" s="281">
        <v>1</v>
      </c>
      <c r="BV25" s="281">
        <v>4</v>
      </c>
      <c r="BW25" s="281">
        <v>5</v>
      </c>
      <c r="BX25" s="281">
        <v>2</v>
      </c>
      <c r="BY25" s="281">
        <v>0</v>
      </c>
      <c r="BZ25" s="278">
        <v>12</v>
      </c>
      <c r="CA25" s="283">
        <v>12</v>
      </c>
      <c r="CB25" s="277">
        <v>0</v>
      </c>
      <c r="CC25" s="281">
        <v>0</v>
      </c>
      <c r="CD25" s="278">
        <v>0</v>
      </c>
      <c r="CE25" s="280">
        <v>0</v>
      </c>
      <c r="CF25" s="281">
        <v>2</v>
      </c>
      <c r="CG25" s="281">
        <v>2</v>
      </c>
      <c r="CH25" s="281">
        <v>2</v>
      </c>
      <c r="CI25" s="281">
        <v>2</v>
      </c>
      <c r="CJ25" s="281">
        <v>1</v>
      </c>
      <c r="CK25" s="278">
        <v>9</v>
      </c>
      <c r="CL25" s="283">
        <v>9</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c r="DI25" s="277">
        <v>0</v>
      </c>
      <c r="DJ25" s="281">
        <v>0</v>
      </c>
      <c r="DK25" s="278">
        <v>0</v>
      </c>
      <c r="DL25" s="280">
        <v>0</v>
      </c>
      <c r="DM25" s="281">
        <v>0</v>
      </c>
      <c r="DN25" s="281">
        <v>0</v>
      </c>
      <c r="DO25" s="281">
        <v>0</v>
      </c>
      <c r="DP25" s="281">
        <v>0</v>
      </c>
      <c r="DQ25" s="281">
        <v>0</v>
      </c>
      <c r="DR25" s="278">
        <v>0</v>
      </c>
      <c r="DS25" s="283">
        <v>0</v>
      </c>
      <c r="DT25" s="277">
        <v>3</v>
      </c>
      <c r="DU25" s="281">
        <v>6</v>
      </c>
      <c r="DV25" s="278">
        <v>9</v>
      </c>
      <c r="DW25" s="280">
        <v>0</v>
      </c>
      <c r="DX25" s="281">
        <v>12</v>
      </c>
      <c r="DY25" s="281">
        <v>21</v>
      </c>
      <c r="DZ25" s="281">
        <v>11</v>
      </c>
      <c r="EA25" s="281">
        <v>10</v>
      </c>
      <c r="EB25" s="281">
        <v>4</v>
      </c>
      <c r="EC25" s="278">
        <v>58</v>
      </c>
      <c r="ED25" s="283">
        <v>67</v>
      </c>
      <c r="EE25" s="277">
        <v>0</v>
      </c>
      <c r="EF25" s="281">
        <v>0</v>
      </c>
      <c r="EG25" s="278">
        <v>0</v>
      </c>
      <c r="EH25" s="280">
        <v>0</v>
      </c>
      <c r="EI25" s="281">
        <v>5</v>
      </c>
      <c r="EJ25" s="281">
        <v>2</v>
      </c>
      <c r="EK25" s="281">
        <v>4</v>
      </c>
      <c r="EL25" s="281">
        <v>9</v>
      </c>
      <c r="EM25" s="281">
        <v>3</v>
      </c>
      <c r="EN25" s="278">
        <v>23</v>
      </c>
      <c r="EO25" s="283">
        <v>23</v>
      </c>
      <c r="EP25" s="277">
        <v>4</v>
      </c>
      <c r="EQ25" s="281">
        <v>8</v>
      </c>
      <c r="ER25" s="278">
        <v>12</v>
      </c>
      <c r="ES25" s="280">
        <v>0</v>
      </c>
      <c r="ET25" s="281">
        <v>22</v>
      </c>
      <c r="EU25" s="281">
        <v>33</v>
      </c>
      <c r="EV25" s="281">
        <v>14</v>
      </c>
      <c r="EW25" s="281">
        <v>10</v>
      </c>
      <c r="EX25" s="281">
        <v>4</v>
      </c>
      <c r="EY25" s="278">
        <v>83</v>
      </c>
      <c r="EZ25" s="283">
        <v>95</v>
      </c>
    </row>
    <row r="26" spans="2:156" ht="19.8" customHeight="1" x14ac:dyDescent="0.2">
      <c r="B26" s="262" t="s">
        <v>24</v>
      </c>
      <c r="C26" s="277">
        <v>0</v>
      </c>
      <c r="D26" s="281">
        <v>0</v>
      </c>
      <c r="E26" s="385">
        <v>0</v>
      </c>
      <c r="F26" s="280">
        <v>0</v>
      </c>
      <c r="G26" s="281">
        <v>6</v>
      </c>
      <c r="H26" s="281">
        <v>6</v>
      </c>
      <c r="I26" s="281">
        <v>5</v>
      </c>
      <c r="J26" s="281">
        <v>5</v>
      </c>
      <c r="K26" s="281">
        <v>5</v>
      </c>
      <c r="L26" s="282">
        <v>27</v>
      </c>
      <c r="M26" s="283">
        <v>27</v>
      </c>
      <c r="N26" s="277">
        <v>0</v>
      </c>
      <c r="O26" s="281">
        <v>0</v>
      </c>
      <c r="P26" s="278">
        <v>0</v>
      </c>
      <c r="Q26" s="280">
        <v>0</v>
      </c>
      <c r="R26" s="281">
        <v>0</v>
      </c>
      <c r="S26" s="281">
        <v>0</v>
      </c>
      <c r="T26" s="281">
        <v>0</v>
      </c>
      <c r="U26" s="281">
        <v>1</v>
      </c>
      <c r="V26" s="281">
        <v>4</v>
      </c>
      <c r="W26" s="278">
        <v>5</v>
      </c>
      <c r="X26" s="283">
        <v>5</v>
      </c>
      <c r="Y26" s="277">
        <v>0</v>
      </c>
      <c r="Z26" s="281">
        <v>1</v>
      </c>
      <c r="AA26" s="278">
        <v>1</v>
      </c>
      <c r="AB26" s="280">
        <v>0</v>
      </c>
      <c r="AC26" s="281">
        <v>8</v>
      </c>
      <c r="AD26" s="281">
        <v>2</v>
      </c>
      <c r="AE26" s="281">
        <v>4</v>
      </c>
      <c r="AF26" s="281">
        <v>5</v>
      </c>
      <c r="AG26" s="281">
        <v>4</v>
      </c>
      <c r="AH26" s="278">
        <v>23</v>
      </c>
      <c r="AI26" s="283">
        <v>24</v>
      </c>
      <c r="AJ26" s="277">
        <v>0</v>
      </c>
      <c r="AK26" s="281">
        <v>0</v>
      </c>
      <c r="AL26" s="278">
        <v>0</v>
      </c>
      <c r="AM26" s="280">
        <v>0</v>
      </c>
      <c r="AN26" s="281">
        <v>0</v>
      </c>
      <c r="AO26" s="281">
        <v>0</v>
      </c>
      <c r="AP26" s="281">
        <v>0</v>
      </c>
      <c r="AQ26" s="281">
        <v>1</v>
      </c>
      <c r="AR26" s="281">
        <v>1</v>
      </c>
      <c r="AS26" s="278">
        <v>2</v>
      </c>
      <c r="AT26" s="283">
        <v>2</v>
      </c>
      <c r="AU26" s="277">
        <v>4</v>
      </c>
      <c r="AV26" s="281">
        <v>2</v>
      </c>
      <c r="AW26" s="278">
        <v>6</v>
      </c>
      <c r="AX26" s="280">
        <v>0</v>
      </c>
      <c r="AY26" s="281">
        <v>6</v>
      </c>
      <c r="AZ26" s="281">
        <v>11</v>
      </c>
      <c r="BA26" s="281">
        <v>5</v>
      </c>
      <c r="BB26" s="281">
        <v>13</v>
      </c>
      <c r="BC26" s="281">
        <v>9</v>
      </c>
      <c r="BD26" s="282">
        <v>44</v>
      </c>
      <c r="BE26" s="283">
        <v>50</v>
      </c>
      <c r="BF26" s="277">
        <v>0</v>
      </c>
      <c r="BG26" s="281">
        <v>0</v>
      </c>
      <c r="BH26" s="278">
        <v>0</v>
      </c>
      <c r="BI26" s="280">
        <v>0</v>
      </c>
      <c r="BJ26" s="281">
        <v>7</v>
      </c>
      <c r="BK26" s="281">
        <v>7</v>
      </c>
      <c r="BL26" s="281">
        <v>0</v>
      </c>
      <c r="BM26" s="281">
        <v>1</v>
      </c>
      <c r="BN26" s="281">
        <v>0</v>
      </c>
      <c r="BO26" s="278">
        <v>15</v>
      </c>
      <c r="BP26" s="283">
        <v>15</v>
      </c>
      <c r="BQ26" s="277">
        <v>1</v>
      </c>
      <c r="BR26" s="281">
        <v>1</v>
      </c>
      <c r="BS26" s="278">
        <v>2</v>
      </c>
      <c r="BT26" s="280">
        <v>0</v>
      </c>
      <c r="BU26" s="281">
        <v>8</v>
      </c>
      <c r="BV26" s="281">
        <v>4</v>
      </c>
      <c r="BW26" s="281">
        <v>1</v>
      </c>
      <c r="BX26" s="281">
        <v>2</v>
      </c>
      <c r="BY26" s="281">
        <v>3</v>
      </c>
      <c r="BZ26" s="278">
        <v>18</v>
      </c>
      <c r="CA26" s="283">
        <v>20</v>
      </c>
      <c r="CB26" s="277">
        <v>0</v>
      </c>
      <c r="CC26" s="281">
        <v>0</v>
      </c>
      <c r="CD26" s="278">
        <v>0</v>
      </c>
      <c r="CE26" s="280">
        <v>0</v>
      </c>
      <c r="CF26" s="281">
        <v>0</v>
      </c>
      <c r="CG26" s="281">
        <v>3</v>
      </c>
      <c r="CH26" s="281">
        <v>0</v>
      </c>
      <c r="CI26" s="281">
        <v>1</v>
      </c>
      <c r="CJ26" s="281">
        <v>1</v>
      </c>
      <c r="CK26" s="278">
        <v>5</v>
      </c>
      <c r="CL26" s="283">
        <v>5</v>
      </c>
      <c r="CM26" s="277">
        <v>0</v>
      </c>
      <c r="CN26" s="281">
        <v>0</v>
      </c>
      <c r="CO26" s="278">
        <v>0</v>
      </c>
      <c r="CP26" s="280">
        <v>0</v>
      </c>
      <c r="CQ26" s="281">
        <v>0</v>
      </c>
      <c r="CR26" s="281">
        <v>1</v>
      </c>
      <c r="CS26" s="281">
        <v>0</v>
      </c>
      <c r="CT26" s="281">
        <v>0</v>
      </c>
      <c r="CU26" s="281">
        <v>0</v>
      </c>
      <c r="CV26" s="278">
        <v>1</v>
      </c>
      <c r="CW26" s="283">
        <v>1</v>
      </c>
      <c r="CX26" s="277">
        <v>0</v>
      </c>
      <c r="CY26" s="281">
        <v>0</v>
      </c>
      <c r="CZ26" s="278">
        <v>0</v>
      </c>
      <c r="DA26" s="280">
        <v>0</v>
      </c>
      <c r="DB26" s="281">
        <v>0</v>
      </c>
      <c r="DC26" s="281">
        <v>0</v>
      </c>
      <c r="DD26" s="281">
        <v>0</v>
      </c>
      <c r="DE26" s="281">
        <v>0</v>
      </c>
      <c r="DF26" s="281">
        <v>0</v>
      </c>
      <c r="DG26" s="278">
        <v>0</v>
      </c>
      <c r="DH26" s="283">
        <v>0</v>
      </c>
      <c r="DI26" s="277">
        <v>0</v>
      </c>
      <c r="DJ26" s="281">
        <v>0</v>
      </c>
      <c r="DK26" s="278">
        <v>0</v>
      </c>
      <c r="DL26" s="280">
        <v>0</v>
      </c>
      <c r="DM26" s="281">
        <v>0</v>
      </c>
      <c r="DN26" s="281">
        <v>0</v>
      </c>
      <c r="DO26" s="281">
        <v>0</v>
      </c>
      <c r="DP26" s="281">
        <v>0</v>
      </c>
      <c r="DQ26" s="281">
        <v>0</v>
      </c>
      <c r="DR26" s="278">
        <v>0</v>
      </c>
      <c r="DS26" s="283">
        <v>0</v>
      </c>
      <c r="DT26" s="277">
        <v>7</v>
      </c>
      <c r="DU26" s="281">
        <v>4</v>
      </c>
      <c r="DV26" s="278">
        <v>11</v>
      </c>
      <c r="DW26" s="280">
        <v>0</v>
      </c>
      <c r="DX26" s="281">
        <v>17</v>
      </c>
      <c r="DY26" s="281">
        <v>12</v>
      </c>
      <c r="DZ26" s="281">
        <v>10</v>
      </c>
      <c r="EA26" s="281">
        <v>6</v>
      </c>
      <c r="EB26" s="281">
        <v>7</v>
      </c>
      <c r="EC26" s="278">
        <v>52</v>
      </c>
      <c r="ED26" s="283">
        <v>63</v>
      </c>
      <c r="EE26" s="277">
        <v>3</v>
      </c>
      <c r="EF26" s="281">
        <v>2</v>
      </c>
      <c r="EG26" s="278">
        <v>5</v>
      </c>
      <c r="EH26" s="280">
        <v>0</v>
      </c>
      <c r="EI26" s="281">
        <v>5</v>
      </c>
      <c r="EJ26" s="281">
        <v>9</v>
      </c>
      <c r="EK26" s="281">
        <v>3</v>
      </c>
      <c r="EL26" s="281">
        <v>8</v>
      </c>
      <c r="EM26" s="281">
        <v>2</v>
      </c>
      <c r="EN26" s="278">
        <v>27</v>
      </c>
      <c r="EO26" s="283">
        <v>32</v>
      </c>
      <c r="EP26" s="277">
        <v>8</v>
      </c>
      <c r="EQ26" s="281">
        <v>6</v>
      </c>
      <c r="ER26" s="278">
        <v>14</v>
      </c>
      <c r="ES26" s="280">
        <v>0</v>
      </c>
      <c r="ET26" s="281">
        <v>23</v>
      </c>
      <c r="EU26" s="281">
        <v>17</v>
      </c>
      <c r="EV26" s="281">
        <v>11</v>
      </c>
      <c r="EW26" s="281">
        <v>10</v>
      </c>
      <c r="EX26" s="281">
        <v>7</v>
      </c>
      <c r="EY26" s="278">
        <v>68</v>
      </c>
      <c r="EZ26" s="283">
        <v>82</v>
      </c>
    </row>
    <row r="27" spans="2:156" ht="19.8" customHeight="1" x14ac:dyDescent="0.2">
      <c r="B27" s="262" t="s">
        <v>25</v>
      </c>
      <c r="C27" s="277">
        <v>0</v>
      </c>
      <c r="D27" s="281">
        <v>0</v>
      </c>
      <c r="E27" s="385">
        <v>0</v>
      </c>
      <c r="F27" s="280">
        <v>0</v>
      </c>
      <c r="G27" s="281">
        <v>4</v>
      </c>
      <c r="H27" s="281">
        <v>1</v>
      </c>
      <c r="I27" s="281">
        <v>2</v>
      </c>
      <c r="J27" s="281">
        <v>2</v>
      </c>
      <c r="K27" s="281">
        <v>1</v>
      </c>
      <c r="L27" s="282">
        <v>10</v>
      </c>
      <c r="M27" s="283">
        <v>10</v>
      </c>
      <c r="N27" s="277">
        <v>0</v>
      </c>
      <c r="O27" s="281">
        <v>0</v>
      </c>
      <c r="P27" s="278">
        <v>0</v>
      </c>
      <c r="Q27" s="280">
        <v>0</v>
      </c>
      <c r="R27" s="281">
        <v>0</v>
      </c>
      <c r="S27" s="281">
        <v>1</v>
      </c>
      <c r="T27" s="281">
        <v>0</v>
      </c>
      <c r="U27" s="281">
        <v>0</v>
      </c>
      <c r="V27" s="281">
        <v>2</v>
      </c>
      <c r="W27" s="278">
        <v>3</v>
      </c>
      <c r="X27" s="283">
        <v>3</v>
      </c>
      <c r="Y27" s="277">
        <v>1</v>
      </c>
      <c r="Z27" s="281">
        <v>2</v>
      </c>
      <c r="AA27" s="278">
        <v>3</v>
      </c>
      <c r="AB27" s="280">
        <v>0</v>
      </c>
      <c r="AC27" s="281">
        <v>1</v>
      </c>
      <c r="AD27" s="281">
        <v>2</v>
      </c>
      <c r="AE27" s="281">
        <v>2</v>
      </c>
      <c r="AF27" s="281">
        <v>2</v>
      </c>
      <c r="AG27" s="281">
        <v>1</v>
      </c>
      <c r="AH27" s="278">
        <v>8</v>
      </c>
      <c r="AI27" s="283">
        <v>11</v>
      </c>
      <c r="AJ27" s="277">
        <v>0</v>
      </c>
      <c r="AK27" s="281">
        <v>0</v>
      </c>
      <c r="AL27" s="278">
        <v>0</v>
      </c>
      <c r="AM27" s="280">
        <v>0</v>
      </c>
      <c r="AN27" s="281">
        <v>0</v>
      </c>
      <c r="AO27" s="281">
        <v>0</v>
      </c>
      <c r="AP27" s="281">
        <v>0</v>
      </c>
      <c r="AQ27" s="281">
        <v>0</v>
      </c>
      <c r="AR27" s="281">
        <v>0</v>
      </c>
      <c r="AS27" s="278">
        <v>0</v>
      </c>
      <c r="AT27" s="283">
        <v>0</v>
      </c>
      <c r="AU27" s="277">
        <v>1</v>
      </c>
      <c r="AV27" s="281">
        <v>0</v>
      </c>
      <c r="AW27" s="278">
        <v>1</v>
      </c>
      <c r="AX27" s="280">
        <v>0</v>
      </c>
      <c r="AY27" s="281">
        <v>4</v>
      </c>
      <c r="AZ27" s="281">
        <v>4</v>
      </c>
      <c r="BA27" s="281">
        <v>1</v>
      </c>
      <c r="BB27" s="281">
        <v>3</v>
      </c>
      <c r="BC27" s="281">
        <v>2</v>
      </c>
      <c r="BD27" s="282">
        <v>14</v>
      </c>
      <c r="BE27" s="283">
        <v>15</v>
      </c>
      <c r="BF27" s="277">
        <v>0</v>
      </c>
      <c r="BG27" s="281">
        <v>0</v>
      </c>
      <c r="BH27" s="278">
        <v>0</v>
      </c>
      <c r="BI27" s="280">
        <v>0</v>
      </c>
      <c r="BJ27" s="281">
        <v>8</v>
      </c>
      <c r="BK27" s="281">
        <v>5</v>
      </c>
      <c r="BL27" s="281">
        <v>3</v>
      </c>
      <c r="BM27" s="281">
        <v>1</v>
      </c>
      <c r="BN27" s="281">
        <v>0</v>
      </c>
      <c r="BO27" s="278">
        <v>17</v>
      </c>
      <c r="BP27" s="283">
        <v>17</v>
      </c>
      <c r="BQ27" s="277">
        <v>0</v>
      </c>
      <c r="BR27" s="281">
        <v>1</v>
      </c>
      <c r="BS27" s="278">
        <v>1</v>
      </c>
      <c r="BT27" s="280">
        <v>0</v>
      </c>
      <c r="BU27" s="281">
        <v>1</v>
      </c>
      <c r="BV27" s="281">
        <v>6</v>
      </c>
      <c r="BW27" s="281">
        <v>3</v>
      </c>
      <c r="BX27" s="281">
        <v>2</v>
      </c>
      <c r="BY27" s="281">
        <v>0</v>
      </c>
      <c r="BZ27" s="278">
        <v>12</v>
      </c>
      <c r="CA27" s="283">
        <v>13</v>
      </c>
      <c r="CB27" s="277">
        <v>0</v>
      </c>
      <c r="CC27" s="281">
        <v>0</v>
      </c>
      <c r="CD27" s="278">
        <v>0</v>
      </c>
      <c r="CE27" s="280">
        <v>0</v>
      </c>
      <c r="CF27" s="281">
        <v>1</v>
      </c>
      <c r="CG27" s="281">
        <v>1</v>
      </c>
      <c r="CH27" s="281">
        <v>1</v>
      </c>
      <c r="CI27" s="281">
        <v>0</v>
      </c>
      <c r="CJ27" s="281">
        <v>0</v>
      </c>
      <c r="CK27" s="278">
        <v>3</v>
      </c>
      <c r="CL27" s="283">
        <v>3</v>
      </c>
      <c r="CM27" s="277">
        <v>0</v>
      </c>
      <c r="CN27" s="281">
        <v>0</v>
      </c>
      <c r="CO27" s="278">
        <v>0</v>
      </c>
      <c r="CP27" s="280">
        <v>0</v>
      </c>
      <c r="CQ27" s="281">
        <v>0</v>
      </c>
      <c r="CR27" s="281">
        <v>0</v>
      </c>
      <c r="CS27" s="281">
        <v>1</v>
      </c>
      <c r="CT27" s="281">
        <v>0</v>
      </c>
      <c r="CU27" s="281">
        <v>1</v>
      </c>
      <c r="CV27" s="278">
        <v>2</v>
      </c>
      <c r="CW27" s="283">
        <v>2</v>
      </c>
      <c r="CX27" s="277">
        <v>0</v>
      </c>
      <c r="CY27" s="281">
        <v>0</v>
      </c>
      <c r="CZ27" s="278">
        <v>0</v>
      </c>
      <c r="DA27" s="280">
        <v>0</v>
      </c>
      <c r="DB27" s="281">
        <v>0</v>
      </c>
      <c r="DC27" s="281">
        <v>0</v>
      </c>
      <c r="DD27" s="281">
        <v>0</v>
      </c>
      <c r="DE27" s="281">
        <v>0</v>
      </c>
      <c r="DF27" s="281">
        <v>0</v>
      </c>
      <c r="DG27" s="278">
        <v>0</v>
      </c>
      <c r="DH27" s="283">
        <v>0</v>
      </c>
      <c r="DI27" s="277">
        <v>0</v>
      </c>
      <c r="DJ27" s="281">
        <v>0</v>
      </c>
      <c r="DK27" s="278">
        <v>0</v>
      </c>
      <c r="DL27" s="280">
        <v>0</v>
      </c>
      <c r="DM27" s="281">
        <v>0</v>
      </c>
      <c r="DN27" s="281">
        <v>0</v>
      </c>
      <c r="DO27" s="281">
        <v>0</v>
      </c>
      <c r="DP27" s="281">
        <v>0</v>
      </c>
      <c r="DQ27" s="281">
        <v>0</v>
      </c>
      <c r="DR27" s="278">
        <v>0</v>
      </c>
      <c r="DS27" s="283">
        <v>0</v>
      </c>
      <c r="DT27" s="277">
        <v>3</v>
      </c>
      <c r="DU27" s="281">
        <v>6</v>
      </c>
      <c r="DV27" s="278">
        <v>9</v>
      </c>
      <c r="DW27" s="280">
        <v>0</v>
      </c>
      <c r="DX27" s="281">
        <v>3</v>
      </c>
      <c r="DY27" s="281">
        <v>10</v>
      </c>
      <c r="DZ27" s="281">
        <v>5</v>
      </c>
      <c r="EA27" s="281">
        <v>8</v>
      </c>
      <c r="EB27" s="281">
        <v>3</v>
      </c>
      <c r="EC27" s="278">
        <v>29</v>
      </c>
      <c r="ED27" s="283">
        <v>38</v>
      </c>
      <c r="EE27" s="277">
        <v>0</v>
      </c>
      <c r="EF27" s="281">
        <v>0</v>
      </c>
      <c r="EG27" s="278">
        <v>0</v>
      </c>
      <c r="EH27" s="280">
        <v>0</v>
      </c>
      <c r="EI27" s="281">
        <v>0</v>
      </c>
      <c r="EJ27" s="281">
        <v>2</v>
      </c>
      <c r="EK27" s="281">
        <v>0</v>
      </c>
      <c r="EL27" s="281">
        <v>2</v>
      </c>
      <c r="EM27" s="281">
        <v>1</v>
      </c>
      <c r="EN27" s="278">
        <v>5</v>
      </c>
      <c r="EO27" s="283">
        <v>5</v>
      </c>
      <c r="EP27" s="277">
        <v>4</v>
      </c>
      <c r="EQ27" s="281">
        <v>7</v>
      </c>
      <c r="ER27" s="278">
        <v>11</v>
      </c>
      <c r="ES27" s="280">
        <v>0</v>
      </c>
      <c r="ET27" s="281">
        <v>15</v>
      </c>
      <c r="EU27" s="281">
        <v>12</v>
      </c>
      <c r="EV27" s="281">
        <v>7</v>
      </c>
      <c r="EW27" s="281">
        <v>9</v>
      </c>
      <c r="EX27" s="281">
        <v>3</v>
      </c>
      <c r="EY27" s="278">
        <v>46</v>
      </c>
      <c r="EZ27" s="283">
        <v>57</v>
      </c>
    </row>
    <row r="28" spans="2:156" ht="19.8" customHeight="1" x14ac:dyDescent="0.2">
      <c r="B28" s="262" t="s">
        <v>26</v>
      </c>
      <c r="C28" s="277">
        <v>0</v>
      </c>
      <c r="D28" s="281">
        <v>0</v>
      </c>
      <c r="E28" s="385">
        <v>0</v>
      </c>
      <c r="F28" s="280">
        <v>0</v>
      </c>
      <c r="G28" s="281">
        <v>6</v>
      </c>
      <c r="H28" s="281">
        <v>3</v>
      </c>
      <c r="I28" s="281">
        <v>6</v>
      </c>
      <c r="J28" s="281">
        <v>1</v>
      </c>
      <c r="K28" s="281">
        <v>3</v>
      </c>
      <c r="L28" s="282">
        <v>19</v>
      </c>
      <c r="M28" s="283">
        <v>19</v>
      </c>
      <c r="N28" s="277">
        <v>0</v>
      </c>
      <c r="O28" s="281">
        <v>0</v>
      </c>
      <c r="P28" s="278">
        <v>0</v>
      </c>
      <c r="Q28" s="280">
        <v>0</v>
      </c>
      <c r="R28" s="281">
        <v>0</v>
      </c>
      <c r="S28" s="281">
        <v>0</v>
      </c>
      <c r="T28" s="281">
        <v>1</v>
      </c>
      <c r="U28" s="281">
        <v>0</v>
      </c>
      <c r="V28" s="281">
        <v>2</v>
      </c>
      <c r="W28" s="278">
        <v>3</v>
      </c>
      <c r="X28" s="283">
        <v>3</v>
      </c>
      <c r="Y28" s="277">
        <v>0</v>
      </c>
      <c r="Z28" s="281">
        <v>3</v>
      </c>
      <c r="AA28" s="278">
        <v>3</v>
      </c>
      <c r="AB28" s="280">
        <v>0</v>
      </c>
      <c r="AC28" s="281">
        <v>3</v>
      </c>
      <c r="AD28" s="281">
        <v>5</v>
      </c>
      <c r="AE28" s="281">
        <v>3</v>
      </c>
      <c r="AF28" s="281">
        <v>2</v>
      </c>
      <c r="AG28" s="281">
        <v>3</v>
      </c>
      <c r="AH28" s="278">
        <v>16</v>
      </c>
      <c r="AI28" s="283">
        <v>19</v>
      </c>
      <c r="AJ28" s="277">
        <v>0</v>
      </c>
      <c r="AK28" s="281">
        <v>0</v>
      </c>
      <c r="AL28" s="278">
        <v>0</v>
      </c>
      <c r="AM28" s="280">
        <v>0</v>
      </c>
      <c r="AN28" s="281">
        <v>0</v>
      </c>
      <c r="AO28" s="281">
        <v>0</v>
      </c>
      <c r="AP28" s="281">
        <v>1</v>
      </c>
      <c r="AQ28" s="281">
        <v>0</v>
      </c>
      <c r="AR28" s="281">
        <v>0</v>
      </c>
      <c r="AS28" s="278">
        <v>1</v>
      </c>
      <c r="AT28" s="283">
        <v>1</v>
      </c>
      <c r="AU28" s="277">
        <v>3</v>
      </c>
      <c r="AV28" s="281">
        <v>0</v>
      </c>
      <c r="AW28" s="278">
        <v>3</v>
      </c>
      <c r="AX28" s="280">
        <v>0</v>
      </c>
      <c r="AY28" s="281">
        <v>2</v>
      </c>
      <c r="AZ28" s="281">
        <v>6</v>
      </c>
      <c r="BA28" s="281">
        <v>3</v>
      </c>
      <c r="BB28" s="281">
        <v>6</v>
      </c>
      <c r="BC28" s="281">
        <v>4</v>
      </c>
      <c r="BD28" s="282">
        <v>21</v>
      </c>
      <c r="BE28" s="283">
        <v>24</v>
      </c>
      <c r="BF28" s="277">
        <v>0</v>
      </c>
      <c r="BG28" s="281">
        <v>0</v>
      </c>
      <c r="BH28" s="278">
        <v>0</v>
      </c>
      <c r="BI28" s="280">
        <v>0</v>
      </c>
      <c r="BJ28" s="281">
        <v>11</v>
      </c>
      <c r="BK28" s="281">
        <v>2</v>
      </c>
      <c r="BL28" s="281">
        <v>3</v>
      </c>
      <c r="BM28" s="281">
        <v>0</v>
      </c>
      <c r="BN28" s="281">
        <v>0</v>
      </c>
      <c r="BO28" s="278">
        <v>16</v>
      </c>
      <c r="BP28" s="283">
        <v>16</v>
      </c>
      <c r="BQ28" s="277">
        <v>0</v>
      </c>
      <c r="BR28" s="281">
        <v>1</v>
      </c>
      <c r="BS28" s="278">
        <v>1</v>
      </c>
      <c r="BT28" s="280">
        <v>0</v>
      </c>
      <c r="BU28" s="281">
        <v>2</v>
      </c>
      <c r="BV28" s="281">
        <v>4</v>
      </c>
      <c r="BW28" s="281">
        <v>3</v>
      </c>
      <c r="BX28" s="281">
        <v>0</v>
      </c>
      <c r="BY28" s="281">
        <v>0</v>
      </c>
      <c r="BZ28" s="278">
        <v>9</v>
      </c>
      <c r="CA28" s="283">
        <v>10</v>
      </c>
      <c r="CB28" s="277">
        <v>0</v>
      </c>
      <c r="CC28" s="281">
        <v>0</v>
      </c>
      <c r="CD28" s="278">
        <v>0</v>
      </c>
      <c r="CE28" s="280">
        <v>0</v>
      </c>
      <c r="CF28" s="281">
        <v>1</v>
      </c>
      <c r="CG28" s="281">
        <v>0</v>
      </c>
      <c r="CH28" s="281">
        <v>1</v>
      </c>
      <c r="CI28" s="281">
        <v>0</v>
      </c>
      <c r="CJ28" s="281">
        <v>0</v>
      </c>
      <c r="CK28" s="278">
        <v>2</v>
      </c>
      <c r="CL28" s="283">
        <v>2</v>
      </c>
      <c r="CM28" s="277">
        <v>0</v>
      </c>
      <c r="CN28" s="281">
        <v>0</v>
      </c>
      <c r="CO28" s="278">
        <v>0</v>
      </c>
      <c r="CP28" s="280">
        <v>0</v>
      </c>
      <c r="CQ28" s="281">
        <v>0</v>
      </c>
      <c r="CR28" s="281">
        <v>1</v>
      </c>
      <c r="CS28" s="281">
        <v>0</v>
      </c>
      <c r="CT28" s="281">
        <v>0</v>
      </c>
      <c r="CU28" s="281">
        <v>0</v>
      </c>
      <c r="CV28" s="278">
        <v>1</v>
      </c>
      <c r="CW28" s="283">
        <v>1</v>
      </c>
      <c r="CX28" s="277">
        <v>0</v>
      </c>
      <c r="CY28" s="281">
        <v>0</v>
      </c>
      <c r="CZ28" s="278">
        <v>0</v>
      </c>
      <c r="DA28" s="280">
        <v>0</v>
      </c>
      <c r="DB28" s="281">
        <v>0</v>
      </c>
      <c r="DC28" s="281">
        <v>0</v>
      </c>
      <c r="DD28" s="281">
        <v>0</v>
      </c>
      <c r="DE28" s="281">
        <v>0</v>
      </c>
      <c r="DF28" s="281">
        <v>0</v>
      </c>
      <c r="DG28" s="278">
        <v>0</v>
      </c>
      <c r="DH28" s="283">
        <v>0</v>
      </c>
      <c r="DI28" s="277">
        <v>0</v>
      </c>
      <c r="DJ28" s="281">
        <v>0</v>
      </c>
      <c r="DK28" s="278">
        <v>0</v>
      </c>
      <c r="DL28" s="280">
        <v>0</v>
      </c>
      <c r="DM28" s="281">
        <v>0</v>
      </c>
      <c r="DN28" s="281">
        <v>0</v>
      </c>
      <c r="DO28" s="281">
        <v>0</v>
      </c>
      <c r="DP28" s="281">
        <v>0</v>
      </c>
      <c r="DQ28" s="281">
        <v>0</v>
      </c>
      <c r="DR28" s="278">
        <v>0</v>
      </c>
      <c r="DS28" s="283">
        <v>0</v>
      </c>
      <c r="DT28" s="277">
        <v>4</v>
      </c>
      <c r="DU28" s="281">
        <v>6</v>
      </c>
      <c r="DV28" s="278">
        <v>10</v>
      </c>
      <c r="DW28" s="280">
        <v>0</v>
      </c>
      <c r="DX28" s="281">
        <v>10</v>
      </c>
      <c r="DY28" s="281">
        <v>7</v>
      </c>
      <c r="DZ28" s="281">
        <v>11</v>
      </c>
      <c r="EA28" s="281">
        <v>3</v>
      </c>
      <c r="EB28" s="281">
        <v>5</v>
      </c>
      <c r="EC28" s="278">
        <v>36</v>
      </c>
      <c r="ED28" s="283">
        <v>46</v>
      </c>
      <c r="EE28" s="277">
        <v>3</v>
      </c>
      <c r="EF28" s="281">
        <v>1</v>
      </c>
      <c r="EG28" s="278">
        <v>4</v>
      </c>
      <c r="EH28" s="280">
        <v>0</v>
      </c>
      <c r="EI28" s="281">
        <v>1</v>
      </c>
      <c r="EJ28" s="281">
        <v>6</v>
      </c>
      <c r="EK28" s="281">
        <v>0</v>
      </c>
      <c r="EL28" s="281">
        <v>2</v>
      </c>
      <c r="EM28" s="281">
        <v>0</v>
      </c>
      <c r="EN28" s="278">
        <v>9</v>
      </c>
      <c r="EO28" s="283">
        <v>13</v>
      </c>
      <c r="EP28" s="277">
        <v>4</v>
      </c>
      <c r="EQ28" s="281">
        <v>9</v>
      </c>
      <c r="ER28" s="278">
        <v>13</v>
      </c>
      <c r="ES28" s="280">
        <v>0</v>
      </c>
      <c r="ET28" s="281">
        <v>21</v>
      </c>
      <c r="EU28" s="281">
        <v>11</v>
      </c>
      <c r="EV28" s="281">
        <v>11</v>
      </c>
      <c r="EW28" s="281">
        <v>3</v>
      </c>
      <c r="EX28" s="281">
        <v>5</v>
      </c>
      <c r="EY28" s="278">
        <v>51</v>
      </c>
      <c r="EZ28" s="283">
        <v>64</v>
      </c>
    </row>
    <row r="29" spans="2:156" ht="19.8" customHeight="1" x14ac:dyDescent="0.2">
      <c r="B29" s="262" t="s">
        <v>27</v>
      </c>
      <c r="C29" s="277">
        <v>0</v>
      </c>
      <c r="D29" s="281">
        <v>0</v>
      </c>
      <c r="E29" s="385">
        <v>0</v>
      </c>
      <c r="F29" s="280">
        <v>0</v>
      </c>
      <c r="G29" s="281">
        <v>0</v>
      </c>
      <c r="H29" s="281">
        <v>3</v>
      </c>
      <c r="I29" s="281">
        <v>2</v>
      </c>
      <c r="J29" s="281">
        <v>0</v>
      </c>
      <c r="K29" s="281">
        <v>4</v>
      </c>
      <c r="L29" s="282">
        <v>9</v>
      </c>
      <c r="M29" s="283">
        <v>9</v>
      </c>
      <c r="N29" s="277">
        <v>0</v>
      </c>
      <c r="O29" s="281">
        <v>0</v>
      </c>
      <c r="P29" s="278">
        <v>0</v>
      </c>
      <c r="Q29" s="280">
        <v>0</v>
      </c>
      <c r="R29" s="281">
        <v>0</v>
      </c>
      <c r="S29" s="281">
        <v>0</v>
      </c>
      <c r="T29" s="281">
        <v>1</v>
      </c>
      <c r="U29" s="281">
        <v>0</v>
      </c>
      <c r="V29" s="281">
        <v>0</v>
      </c>
      <c r="W29" s="278">
        <v>1</v>
      </c>
      <c r="X29" s="283">
        <v>1</v>
      </c>
      <c r="Y29" s="277">
        <v>2</v>
      </c>
      <c r="Z29" s="281">
        <v>2</v>
      </c>
      <c r="AA29" s="278">
        <v>4</v>
      </c>
      <c r="AB29" s="280">
        <v>0</v>
      </c>
      <c r="AC29" s="281">
        <v>4</v>
      </c>
      <c r="AD29" s="281">
        <v>2</v>
      </c>
      <c r="AE29" s="281">
        <v>3</v>
      </c>
      <c r="AF29" s="281">
        <v>1</v>
      </c>
      <c r="AG29" s="281">
        <v>3</v>
      </c>
      <c r="AH29" s="278">
        <v>13</v>
      </c>
      <c r="AI29" s="283">
        <v>17</v>
      </c>
      <c r="AJ29" s="277">
        <v>0</v>
      </c>
      <c r="AK29" s="281">
        <v>2</v>
      </c>
      <c r="AL29" s="278">
        <v>2</v>
      </c>
      <c r="AM29" s="280">
        <v>0</v>
      </c>
      <c r="AN29" s="281">
        <v>0</v>
      </c>
      <c r="AO29" s="281">
        <v>0</v>
      </c>
      <c r="AP29" s="281">
        <v>0</v>
      </c>
      <c r="AQ29" s="281">
        <v>0</v>
      </c>
      <c r="AR29" s="281">
        <v>0</v>
      </c>
      <c r="AS29" s="278">
        <v>0</v>
      </c>
      <c r="AT29" s="283">
        <v>2</v>
      </c>
      <c r="AU29" s="277">
        <v>1</v>
      </c>
      <c r="AV29" s="281">
        <v>2</v>
      </c>
      <c r="AW29" s="278">
        <v>3</v>
      </c>
      <c r="AX29" s="280">
        <v>0</v>
      </c>
      <c r="AY29" s="281">
        <v>2</v>
      </c>
      <c r="AZ29" s="281">
        <v>3</v>
      </c>
      <c r="BA29" s="281">
        <v>9</v>
      </c>
      <c r="BB29" s="281">
        <v>4</v>
      </c>
      <c r="BC29" s="281">
        <v>6</v>
      </c>
      <c r="BD29" s="282">
        <v>24</v>
      </c>
      <c r="BE29" s="283">
        <v>27</v>
      </c>
      <c r="BF29" s="277">
        <v>0</v>
      </c>
      <c r="BG29" s="281">
        <v>0</v>
      </c>
      <c r="BH29" s="278">
        <v>0</v>
      </c>
      <c r="BI29" s="280">
        <v>0</v>
      </c>
      <c r="BJ29" s="281">
        <v>0</v>
      </c>
      <c r="BK29" s="281">
        <v>1</v>
      </c>
      <c r="BL29" s="281">
        <v>3</v>
      </c>
      <c r="BM29" s="281">
        <v>1</v>
      </c>
      <c r="BN29" s="281">
        <v>0</v>
      </c>
      <c r="BO29" s="278">
        <v>5</v>
      </c>
      <c r="BP29" s="283">
        <v>5</v>
      </c>
      <c r="BQ29" s="277">
        <v>3</v>
      </c>
      <c r="BR29" s="281">
        <v>1</v>
      </c>
      <c r="BS29" s="278">
        <v>4</v>
      </c>
      <c r="BT29" s="280">
        <v>0</v>
      </c>
      <c r="BU29" s="281">
        <v>1</v>
      </c>
      <c r="BV29" s="281">
        <v>1</v>
      </c>
      <c r="BW29" s="281">
        <v>2</v>
      </c>
      <c r="BX29" s="281">
        <v>0</v>
      </c>
      <c r="BY29" s="281">
        <v>0</v>
      </c>
      <c r="BZ29" s="278">
        <v>4</v>
      </c>
      <c r="CA29" s="283">
        <v>8</v>
      </c>
      <c r="CB29" s="277">
        <v>0</v>
      </c>
      <c r="CC29" s="281">
        <v>1</v>
      </c>
      <c r="CD29" s="278">
        <v>1</v>
      </c>
      <c r="CE29" s="280">
        <v>0</v>
      </c>
      <c r="CF29" s="281">
        <v>0</v>
      </c>
      <c r="CG29" s="281">
        <v>1</v>
      </c>
      <c r="CH29" s="281">
        <v>1</v>
      </c>
      <c r="CI29" s="281">
        <v>1</v>
      </c>
      <c r="CJ29" s="281">
        <v>0</v>
      </c>
      <c r="CK29" s="278">
        <v>3</v>
      </c>
      <c r="CL29" s="283">
        <v>4</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c r="DI29" s="277">
        <v>0</v>
      </c>
      <c r="DJ29" s="281">
        <v>0</v>
      </c>
      <c r="DK29" s="278">
        <v>0</v>
      </c>
      <c r="DL29" s="280">
        <v>0</v>
      </c>
      <c r="DM29" s="281">
        <v>0</v>
      </c>
      <c r="DN29" s="281">
        <v>0</v>
      </c>
      <c r="DO29" s="281">
        <v>0</v>
      </c>
      <c r="DP29" s="281">
        <v>0</v>
      </c>
      <c r="DQ29" s="281">
        <v>0</v>
      </c>
      <c r="DR29" s="278">
        <v>0</v>
      </c>
      <c r="DS29" s="283">
        <v>0</v>
      </c>
      <c r="DT29" s="277">
        <v>3</v>
      </c>
      <c r="DU29" s="281">
        <v>13</v>
      </c>
      <c r="DV29" s="278">
        <v>16</v>
      </c>
      <c r="DW29" s="280">
        <v>0</v>
      </c>
      <c r="DX29" s="281">
        <v>1</v>
      </c>
      <c r="DY29" s="281">
        <v>5</v>
      </c>
      <c r="DZ29" s="281">
        <v>7</v>
      </c>
      <c r="EA29" s="281">
        <v>1</v>
      </c>
      <c r="EB29" s="281">
        <v>3</v>
      </c>
      <c r="EC29" s="278">
        <v>17</v>
      </c>
      <c r="ED29" s="283">
        <v>33</v>
      </c>
      <c r="EE29" s="277">
        <v>1</v>
      </c>
      <c r="EF29" s="281">
        <v>1</v>
      </c>
      <c r="EG29" s="278">
        <v>2</v>
      </c>
      <c r="EH29" s="280">
        <v>0</v>
      </c>
      <c r="EI29" s="281">
        <v>3</v>
      </c>
      <c r="EJ29" s="281">
        <v>2</v>
      </c>
      <c r="EK29" s="281">
        <v>6</v>
      </c>
      <c r="EL29" s="281">
        <v>3</v>
      </c>
      <c r="EM29" s="281">
        <v>2</v>
      </c>
      <c r="EN29" s="278">
        <v>16</v>
      </c>
      <c r="EO29" s="283">
        <v>18</v>
      </c>
      <c r="EP29" s="277">
        <v>6</v>
      </c>
      <c r="EQ29" s="281">
        <v>15</v>
      </c>
      <c r="ER29" s="278">
        <v>21</v>
      </c>
      <c r="ES29" s="280">
        <v>0</v>
      </c>
      <c r="ET29" s="281">
        <v>6</v>
      </c>
      <c r="EU29" s="281">
        <v>7</v>
      </c>
      <c r="EV29" s="281">
        <v>10</v>
      </c>
      <c r="EW29" s="281">
        <v>1</v>
      </c>
      <c r="EX29" s="281">
        <v>4</v>
      </c>
      <c r="EY29" s="278">
        <v>28</v>
      </c>
      <c r="EZ29" s="283">
        <v>49</v>
      </c>
    </row>
    <row r="30" spans="2:156" ht="19.8" customHeight="1" x14ac:dyDescent="0.2">
      <c r="B30" s="262" t="s">
        <v>28</v>
      </c>
      <c r="C30" s="277">
        <v>0</v>
      </c>
      <c r="D30" s="281">
        <v>0</v>
      </c>
      <c r="E30" s="385">
        <v>0</v>
      </c>
      <c r="F30" s="280">
        <v>0</v>
      </c>
      <c r="G30" s="281">
        <v>1</v>
      </c>
      <c r="H30" s="281">
        <v>1</v>
      </c>
      <c r="I30" s="281">
        <v>0</v>
      </c>
      <c r="J30" s="281">
        <v>0</v>
      </c>
      <c r="K30" s="281">
        <v>1</v>
      </c>
      <c r="L30" s="282">
        <v>3</v>
      </c>
      <c r="M30" s="283">
        <v>3</v>
      </c>
      <c r="N30" s="277">
        <v>0</v>
      </c>
      <c r="O30" s="281">
        <v>0</v>
      </c>
      <c r="P30" s="278">
        <v>0</v>
      </c>
      <c r="Q30" s="280">
        <v>0</v>
      </c>
      <c r="R30" s="281">
        <v>0</v>
      </c>
      <c r="S30" s="281">
        <v>0</v>
      </c>
      <c r="T30" s="281">
        <v>0</v>
      </c>
      <c r="U30" s="281">
        <v>0</v>
      </c>
      <c r="V30" s="281">
        <v>0</v>
      </c>
      <c r="W30" s="278">
        <v>0</v>
      </c>
      <c r="X30" s="283">
        <v>0</v>
      </c>
      <c r="Y30" s="277">
        <v>0</v>
      </c>
      <c r="Z30" s="281">
        <v>0</v>
      </c>
      <c r="AA30" s="278">
        <v>0</v>
      </c>
      <c r="AB30" s="280">
        <v>0</v>
      </c>
      <c r="AC30" s="281">
        <v>1</v>
      </c>
      <c r="AD30" s="281">
        <v>1</v>
      </c>
      <c r="AE30" s="281">
        <v>1</v>
      </c>
      <c r="AF30" s="281">
        <v>0</v>
      </c>
      <c r="AG30" s="281">
        <v>0</v>
      </c>
      <c r="AH30" s="278">
        <v>3</v>
      </c>
      <c r="AI30" s="283">
        <v>3</v>
      </c>
      <c r="AJ30" s="277">
        <v>0</v>
      </c>
      <c r="AK30" s="281">
        <v>0</v>
      </c>
      <c r="AL30" s="278">
        <v>0</v>
      </c>
      <c r="AM30" s="280">
        <v>0</v>
      </c>
      <c r="AN30" s="281">
        <v>1</v>
      </c>
      <c r="AO30" s="281">
        <v>0</v>
      </c>
      <c r="AP30" s="281">
        <v>0</v>
      </c>
      <c r="AQ30" s="281">
        <v>0</v>
      </c>
      <c r="AR30" s="281">
        <v>0</v>
      </c>
      <c r="AS30" s="278">
        <v>1</v>
      </c>
      <c r="AT30" s="283">
        <v>1</v>
      </c>
      <c r="AU30" s="277">
        <v>0</v>
      </c>
      <c r="AV30" s="281">
        <v>0</v>
      </c>
      <c r="AW30" s="278">
        <v>0</v>
      </c>
      <c r="AX30" s="280">
        <v>0</v>
      </c>
      <c r="AY30" s="281">
        <v>2</v>
      </c>
      <c r="AZ30" s="281">
        <v>2</v>
      </c>
      <c r="BA30" s="281">
        <v>1</v>
      </c>
      <c r="BB30" s="281">
        <v>0</v>
      </c>
      <c r="BC30" s="281">
        <v>1</v>
      </c>
      <c r="BD30" s="282">
        <v>6</v>
      </c>
      <c r="BE30" s="283">
        <v>6</v>
      </c>
      <c r="BF30" s="277">
        <v>0</v>
      </c>
      <c r="BG30" s="281">
        <v>0</v>
      </c>
      <c r="BH30" s="278">
        <v>0</v>
      </c>
      <c r="BI30" s="280">
        <v>0</v>
      </c>
      <c r="BJ30" s="281">
        <v>1</v>
      </c>
      <c r="BK30" s="281">
        <v>3</v>
      </c>
      <c r="BL30" s="281">
        <v>0</v>
      </c>
      <c r="BM30" s="281">
        <v>0</v>
      </c>
      <c r="BN30" s="281">
        <v>0</v>
      </c>
      <c r="BO30" s="278">
        <v>4</v>
      </c>
      <c r="BP30" s="283">
        <v>4</v>
      </c>
      <c r="BQ30" s="277">
        <v>0</v>
      </c>
      <c r="BR30" s="281">
        <v>1</v>
      </c>
      <c r="BS30" s="278">
        <v>1</v>
      </c>
      <c r="BT30" s="280">
        <v>0</v>
      </c>
      <c r="BU30" s="281">
        <v>1</v>
      </c>
      <c r="BV30" s="281">
        <v>1</v>
      </c>
      <c r="BW30" s="281">
        <v>1</v>
      </c>
      <c r="BX30" s="281">
        <v>0</v>
      </c>
      <c r="BY30" s="281">
        <v>1</v>
      </c>
      <c r="BZ30" s="278">
        <v>4</v>
      </c>
      <c r="CA30" s="283">
        <v>5</v>
      </c>
      <c r="CB30" s="277">
        <v>0</v>
      </c>
      <c r="CC30" s="281">
        <v>0</v>
      </c>
      <c r="CD30" s="278">
        <v>0</v>
      </c>
      <c r="CE30" s="280">
        <v>0</v>
      </c>
      <c r="CF30" s="281">
        <v>0</v>
      </c>
      <c r="CG30" s="281">
        <v>0</v>
      </c>
      <c r="CH30" s="281">
        <v>0</v>
      </c>
      <c r="CI30" s="281">
        <v>0</v>
      </c>
      <c r="CJ30" s="281">
        <v>0</v>
      </c>
      <c r="CK30" s="278">
        <v>0</v>
      </c>
      <c r="CL30" s="283">
        <v>0</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c r="DI30" s="277">
        <v>0</v>
      </c>
      <c r="DJ30" s="281">
        <v>0</v>
      </c>
      <c r="DK30" s="278">
        <v>0</v>
      </c>
      <c r="DL30" s="280">
        <v>0</v>
      </c>
      <c r="DM30" s="281">
        <v>0</v>
      </c>
      <c r="DN30" s="281">
        <v>0</v>
      </c>
      <c r="DO30" s="281">
        <v>0</v>
      </c>
      <c r="DP30" s="281">
        <v>0</v>
      </c>
      <c r="DQ30" s="281">
        <v>0</v>
      </c>
      <c r="DR30" s="278">
        <v>0</v>
      </c>
      <c r="DS30" s="283">
        <v>0</v>
      </c>
      <c r="DT30" s="277">
        <v>1</v>
      </c>
      <c r="DU30" s="281">
        <v>2</v>
      </c>
      <c r="DV30" s="278">
        <v>3</v>
      </c>
      <c r="DW30" s="280">
        <v>0</v>
      </c>
      <c r="DX30" s="281">
        <v>4</v>
      </c>
      <c r="DY30" s="281">
        <v>3</v>
      </c>
      <c r="DZ30" s="281">
        <v>1</v>
      </c>
      <c r="EA30" s="281">
        <v>0</v>
      </c>
      <c r="EB30" s="281">
        <v>2</v>
      </c>
      <c r="EC30" s="278">
        <v>10</v>
      </c>
      <c r="ED30" s="283">
        <v>13</v>
      </c>
      <c r="EE30" s="277">
        <v>0</v>
      </c>
      <c r="EF30" s="281">
        <v>0</v>
      </c>
      <c r="EG30" s="278">
        <v>0</v>
      </c>
      <c r="EH30" s="280">
        <v>0</v>
      </c>
      <c r="EI30" s="281">
        <v>1</v>
      </c>
      <c r="EJ30" s="281">
        <v>0</v>
      </c>
      <c r="EK30" s="281">
        <v>1</v>
      </c>
      <c r="EL30" s="281">
        <v>0</v>
      </c>
      <c r="EM30" s="281">
        <v>0</v>
      </c>
      <c r="EN30" s="278">
        <v>2</v>
      </c>
      <c r="EO30" s="283">
        <v>2</v>
      </c>
      <c r="EP30" s="277">
        <v>1</v>
      </c>
      <c r="EQ30" s="281">
        <v>2</v>
      </c>
      <c r="ER30" s="278">
        <v>3</v>
      </c>
      <c r="ES30" s="280">
        <v>0</v>
      </c>
      <c r="ET30" s="281">
        <v>7</v>
      </c>
      <c r="EU30" s="281">
        <v>5</v>
      </c>
      <c r="EV30" s="281">
        <v>1</v>
      </c>
      <c r="EW30" s="281">
        <v>0</v>
      </c>
      <c r="EX30" s="281">
        <v>2</v>
      </c>
      <c r="EY30" s="278">
        <v>15</v>
      </c>
      <c r="EZ30" s="283">
        <v>18</v>
      </c>
    </row>
    <row r="31" spans="2:156" ht="19.8" customHeight="1" x14ac:dyDescent="0.2">
      <c r="B31" s="262" t="s">
        <v>29</v>
      </c>
      <c r="C31" s="277">
        <v>0</v>
      </c>
      <c r="D31" s="281">
        <v>0</v>
      </c>
      <c r="E31" s="385">
        <v>0</v>
      </c>
      <c r="F31" s="280">
        <v>0</v>
      </c>
      <c r="G31" s="281">
        <v>1</v>
      </c>
      <c r="H31" s="281">
        <v>2</v>
      </c>
      <c r="I31" s="281">
        <v>0</v>
      </c>
      <c r="J31" s="281">
        <v>1</v>
      </c>
      <c r="K31" s="281">
        <v>0</v>
      </c>
      <c r="L31" s="282">
        <v>4</v>
      </c>
      <c r="M31" s="283">
        <v>4</v>
      </c>
      <c r="N31" s="277">
        <v>0</v>
      </c>
      <c r="O31" s="281">
        <v>0</v>
      </c>
      <c r="P31" s="278">
        <v>0</v>
      </c>
      <c r="Q31" s="280">
        <v>0</v>
      </c>
      <c r="R31" s="281">
        <v>0</v>
      </c>
      <c r="S31" s="281">
        <v>0</v>
      </c>
      <c r="T31" s="281">
        <v>1</v>
      </c>
      <c r="U31" s="281">
        <v>0</v>
      </c>
      <c r="V31" s="281">
        <v>0</v>
      </c>
      <c r="W31" s="278">
        <v>1</v>
      </c>
      <c r="X31" s="283">
        <v>1</v>
      </c>
      <c r="Y31" s="277">
        <v>0</v>
      </c>
      <c r="Z31" s="281">
        <v>0</v>
      </c>
      <c r="AA31" s="278">
        <v>0</v>
      </c>
      <c r="AB31" s="280">
        <v>0</v>
      </c>
      <c r="AC31" s="281">
        <v>1</v>
      </c>
      <c r="AD31" s="281">
        <v>1</v>
      </c>
      <c r="AE31" s="281">
        <v>4</v>
      </c>
      <c r="AF31" s="281">
        <v>0</v>
      </c>
      <c r="AG31" s="281">
        <v>1</v>
      </c>
      <c r="AH31" s="278">
        <v>7</v>
      </c>
      <c r="AI31" s="283">
        <v>7</v>
      </c>
      <c r="AJ31" s="277">
        <v>0</v>
      </c>
      <c r="AK31" s="281">
        <v>0</v>
      </c>
      <c r="AL31" s="278">
        <v>0</v>
      </c>
      <c r="AM31" s="280">
        <v>0</v>
      </c>
      <c r="AN31" s="281">
        <v>0</v>
      </c>
      <c r="AO31" s="281">
        <v>1</v>
      </c>
      <c r="AP31" s="281">
        <v>0</v>
      </c>
      <c r="AQ31" s="281">
        <v>1</v>
      </c>
      <c r="AR31" s="281">
        <v>0</v>
      </c>
      <c r="AS31" s="278">
        <v>2</v>
      </c>
      <c r="AT31" s="283">
        <v>2</v>
      </c>
      <c r="AU31" s="277">
        <v>0</v>
      </c>
      <c r="AV31" s="281">
        <v>0</v>
      </c>
      <c r="AW31" s="278">
        <v>0</v>
      </c>
      <c r="AX31" s="280">
        <v>0</v>
      </c>
      <c r="AY31" s="281">
        <v>1</v>
      </c>
      <c r="AZ31" s="281">
        <v>1</v>
      </c>
      <c r="BA31" s="281">
        <v>2</v>
      </c>
      <c r="BB31" s="281">
        <v>2</v>
      </c>
      <c r="BC31" s="281">
        <v>0</v>
      </c>
      <c r="BD31" s="282">
        <v>6</v>
      </c>
      <c r="BE31" s="283">
        <v>6</v>
      </c>
      <c r="BF31" s="277">
        <v>0</v>
      </c>
      <c r="BG31" s="281">
        <v>0</v>
      </c>
      <c r="BH31" s="278">
        <v>0</v>
      </c>
      <c r="BI31" s="280">
        <v>0</v>
      </c>
      <c r="BJ31" s="281">
        <v>1</v>
      </c>
      <c r="BK31" s="281">
        <v>0</v>
      </c>
      <c r="BL31" s="281">
        <v>1</v>
      </c>
      <c r="BM31" s="281">
        <v>0</v>
      </c>
      <c r="BN31" s="281">
        <v>0</v>
      </c>
      <c r="BO31" s="278">
        <v>2</v>
      </c>
      <c r="BP31" s="283">
        <v>2</v>
      </c>
      <c r="BQ31" s="277">
        <v>0</v>
      </c>
      <c r="BR31" s="281">
        <v>0</v>
      </c>
      <c r="BS31" s="278">
        <v>0</v>
      </c>
      <c r="BT31" s="280">
        <v>0</v>
      </c>
      <c r="BU31" s="281">
        <v>0</v>
      </c>
      <c r="BV31" s="281">
        <v>1</v>
      </c>
      <c r="BW31" s="281">
        <v>1</v>
      </c>
      <c r="BX31" s="281">
        <v>0</v>
      </c>
      <c r="BY31" s="281">
        <v>0</v>
      </c>
      <c r="BZ31" s="278">
        <v>2</v>
      </c>
      <c r="CA31" s="283">
        <v>2</v>
      </c>
      <c r="CB31" s="277">
        <v>0</v>
      </c>
      <c r="CC31" s="281">
        <v>0</v>
      </c>
      <c r="CD31" s="278">
        <v>0</v>
      </c>
      <c r="CE31" s="280">
        <v>0</v>
      </c>
      <c r="CF31" s="281">
        <v>0</v>
      </c>
      <c r="CG31" s="281">
        <v>0</v>
      </c>
      <c r="CH31" s="281">
        <v>0</v>
      </c>
      <c r="CI31" s="281">
        <v>0</v>
      </c>
      <c r="CJ31" s="281">
        <v>0</v>
      </c>
      <c r="CK31" s="278">
        <v>0</v>
      </c>
      <c r="CL31" s="283">
        <v>0</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c r="DI31" s="277">
        <v>0</v>
      </c>
      <c r="DJ31" s="281">
        <v>0</v>
      </c>
      <c r="DK31" s="278">
        <v>0</v>
      </c>
      <c r="DL31" s="280">
        <v>0</v>
      </c>
      <c r="DM31" s="281">
        <v>0</v>
      </c>
      <c r="DN31" s="281">
        <v>0</v>
      </c>
      <c r="DO31" s="281">
        <v>0</v>
      </c>
      <c r="DP31" s="281">
        <v>0</v>
      </c>
      <c r="DQ31" s="281">
        <v>0</v>
      </c>
      <c r="DR31" s="278">
        <v>0</v>
      </c>
      <c r="DS31" s="283">
        <v>0</v>
      </c>
      <c r="DT31" s="277">
        <v>1</v>
      </c>
      <c r="DU31" s="281">
        <v>2</v>
      </c>
      <c r="DV31" s="278">
        <v>3</v>
      </c>
      <c r="DW31" s="280">
        <v>0</v>
      </c>
      <c r="DX31" s="281">
        <v>2</v>
      </c>
      <c r="DY31" s="281">
        <v>2</v>
      </c>
      <c r="DZ31" s="281">
        <v>5</v>
      </c>
      <c r="EA31" s="281">
        <v>1</v>
      </c>
      <c r="EB31" s="281">
        <v>1</v>
      </c>
      <c r="EC31" s="278">
        <v>11</v>
      </c>
      <c r="ED31" s="283">
        <v>14</v>
      </c>
      <c r="EE31" s="277">
        <v>0</v>
      </c>
      <c r="EF31" s="281">
        <v>0</v>
      </c>
      <c r="EG31" s="278">
        <v>0</v>
      </c>
      <c r="EH31" s="280">
        <v>0</v>
      </c>
      <c r="EI31" s="281">
        <v>1</v>
      </c>
      <c r="EJ31" s="281">
        <v>1</v>
      </c>
      <c r="EK31" s="281">
        <v>0</v>
      </c>
      <c r="EL31" s="281">
        <v>2</v>
      </c>
      <c r="EM31" s="281">
        <v>0</v>
      </c>
      <c r="EN31" s="278">
        <v>4</v>
      </c>
      <c r="EO31" s="283">
        <v>4</v>
      </c>
      <c r="EP31" s="277">
        <v>1</v>
      </c>
      <c r="EQ31" s="281">
        <v>2</v>
      </c>
      <c r="ER31" s="278">
        <v>3</v>
      </c>
      <c r="ES31" s="280">
        <v>0</v>
      </c>
      <c r="ET31" s="281">
        <v>2</v>
      </c>
      <c r="EU31" s="281">
        <v>3</v>
      </c>
      <c r="EV31" s="281">
        <v>5</v>
      </c>
      <c r="EW31" s="281">
        <v>1</v>
      </c>
      <c r="EX31" s="281">
        <v>1</v>
      </c>
      <c r="EY31" s="278">
        <v>12</v>
      </c>
      <c r="EZ31" s="283">
        <v>15</v>
      </c>
    </row>
    <row r="32" spans="2:156" ht="19.8" customHeight="1" x14ac:dyDescent="0.2">
      <c r="B32" s="262" t="s">
        <v>30</v>
      </c>
      <c r="C32" s="277">
        <v>0</v>
      </c>
      <c r="D32" s="281">
        <v>0</v>
      </c>
      <c r="E32" s="385">
        <v>0</v>
      </c>
      <c r="F32" s="280">
        <v>0</v>
      </c>
      <c r="G32" s="281">
        <v>0</v>
      </c>
      <c r="H32" s="281">
        <v>0</v>
      </c>
      <c r="I32" s="281">
        <v>1</v>
      </c>
      <c r="J32" s="281">
        <v>1</v>
      </c>
      <c r="K32" s="281">
        <v>0</v>
      </c>
      <c r="L32" s="282">
        <v>2</v>
      </c>
      <c r="M32" s="283">
        <v>2</v>
      </c>
      <c r="N32" s="277">
        <v>0</v>
      </c>
      <c r="O32" s="281">
        <v>0</v>
      </c>
      <c r="P32" s="278">
        <v>0</v>
      </c>
      <c r="Q32" s="280">
        <v>0</v>
      </c>
      <c r="R32" s="281">
        <v>0</v>
      </c>
      <c r="S32" s="281">
        <v>0</v>
      </c>
      <c r="T32" s="281">
        <v>0</v>
      </c>
      <c r="U32" s="281">
        <v>1</v>
      </c>
      <c r="V32" s="281">
        <v>0</v>
      </c>
      <c r="W32" s="278">
        <v>1</v>
      </c>
      <c r="X32" s="283">
        <v>1</v>
      </c>
      <c r="Y32" s="277">
        <v>0</v>
      </c>
      <c r="Z32" s="281">
        <v>1</v>
      </c>
      <c r="AA32" s="278">
        <v>1</v>
      </c>
      <c r="AB32" s="280">
        <v>0</v>
      </c>
      <c r="AC32" s="281">
        <v>0</v>
      </c>
      <c r="AD32" s="281">
        <v>0</v>
      </c>
      <c r="AE32" s="281">
        <v>0</v>
      </c>
      <c r="AF32" s="281">
        <v>1</v>
      </c>
      <c r="AG32" s="281">
        <v>0</v>
      </c>
      <c r="AH32" s="278">
        <v>1</v>
      </c>
      <c r="AI32" s="283">
        <v>2</v>
      </c>
      <c r="AJ32" s="277">
        <v>0</v>
      </c>
      <c r="AK32" s="281">
        <v>0</v>
      </c>
      <c r="AL32" s="278">
        <v>0</v>
      </c>
      <c r="AM32" s="280">
        <v>0</v>
      </c>
      <c r="AN32" s="281">
        <v>0</v>
      </c>
      <c r="AO32" s="281">
        <v>0</v>
      </c>
      <c r="AP32" s="281">
        <v>0</v>
      </c>
      <c r="AQ32" s="281">
        <v>1</v>
      </c>
      <c r="AR32" s="281">
        <v>0</v>
      </c>
      <c r="AS32" s="278">
        <v>1</v>
      </c>
      <c r="AT32" s="283">
        <v>1</v>
      </c>
      <c r="AU32" s="277">
        <v>0</v>
      </c>
      <c r="AV32" s="281">
        <v>0</v>
      </c>
      <c r="AW32" s="278">
        <v>0</v>
      </c>
      <c r="AX32" s="280">
        <v>0</v>
      </c>
      <c r="AY32" s="281">
        <v>2</v>
      </c>
      <c r="AZ32" s="281">
        <v>1</v>
      </c>
      <c r="BA32" s="281">
        <v>1</v>
      </c>
      <c r="BB32" s="281">
        <v>2</v>
      </c>
      <c r="BC32" s="281">
        <v>0</v>
      </c>
      <c r="BD32" s="282">
        <v>6</v>
      </c>
      <c r="BE32" s="283">
        <v>6</v>
      </c>
      <c r="BF32" s="277">
        <v>0</v>
      </c>
      <c r="BG32" s="281">
        <v>0</v>
      </c>
      <c r="BH32" s="278">
        <v>0</v>
      </c>
      <c r="BI32" s="280">
        <v>0</v>
      </c>
      <c r="BJ32" s="281">
        <v>1</v>
      </c>
      <c r="BK32" s="281">
        <v>3</v>
      </c>
      <c r="BL32" s="281">
        <v>1</v>
      </c>
      <c r="BM32" s="281">
        <v>1</v>
      </c>
      <c r="BN32" s="281">
        <v>0</v>
      </c>
      <c r="BO32" s="278">
        <v>6</v>
      </c>
      <c r="BP32" s="283">
        <v>6</v>
      </c>
      <c r="BQ32" s="277">
        <v>0</v>
      </c>
      <c r="BR32" s="281">
        <v>0</v>
      </c>
      <c r="BS32" s="278">
        <v>0</v>
      </c>
      <c r="BT32" s="280">
        <v>0</v>
      </c>
      <c r="BU32" s="281">
        <v>0</v>
      </c>
      <c r="BV32" s="281">
        <v>2</v>
      </c>
      <c r="BW32" s="281">
        <v>0</v>
      </c>
      <c r="BX32" s="281">
        <v>0</v>
      </c>
      <c r="BY32" s="281">
        <v>0</v>
      </c>
      <c r="BZ32" s="278">
        <v>2</v>
      </c>
      <c r="CA32" s="283">
        <v>2</v>
      </c>
      <c r="CB32" s="277">
        <v>0</v>
      </c>
      <c r="CC32" s="281">
        <v>0</v>
      </c>
      <c r="CD32" s="278">
        <v>0</v>
      </c>
      <c r="CE32" s="280">
        <v>0</v>
      </c>
      <c r="CF32" s="281">
        <v>1</v>
      </c>
      <c r="CG32" s="281">
        <v>0</v>
      </c>
      <c r="CH32" s="281">
        <v>1</v>
      </c>
      <c r="CI32" s="281">
        <v>0</v>
      </c>
      <c r="CJ32" s="281">
        <v>0</v>
      </c>
      <c r="CK32" s="278">
        <v>2</v>
      </c>
      <c r="CL32" s="283">
        <v>2</v>
      </c>
      <c r="CM32" s="277">
        <v>0</v>
      </c>
      <c r="CN32" s="281">
        <v>0</v>
      </c>
      <c r="CO32" s="278">
        <v>0</v>
      </c>
      <c r="CP32" s="280">
        <v>0</v>
      </c>
      <c r="CQ32" s="281">
        <v>0</v>
      </c>
      <c r="CR32" s="281">
        <v>1</v>
      </c>
      <c r="CS32" s="281">
        <v>0</v>
      </c>
      <c r="CT32" s="281">
        <v>0</v>
      </c>
      <c r="CU32" s="281">
        <v>0</v>
      </c>
      <c r="CV32" s="278">
        <v>1</v>
      </c>
      <c r="CW32" s="283">
        <v>1</v>
      </c>
      <c r="CX32" s="277">
        <v>0</v>
      </c>
      <c r="CY32" s="281">
        <v>0</v>
      </c>
      <c r="CZ32" s="278">
        <v>0</v>
      </c>
      <c r="DA32" s="280">
        <v>0</v>
      </c>
      <c r="DB32" s="281">
        <v>0</v>
      </c>
      <c r="DC32" s="281">
        <v>0</v>
      </c>
      <c r="DD32" s="281">
        <v>0</v>
      </c>
      <c r="DE32" s="281">
        <v>0</v>
      </c>
      <c r="DF32" s="281">
        <v>0</v>
      </c>
      <c r="DG32" s="278">
        <v>0</v>
      </c>
      <c r="DH32" s="283">
        <v>0</v>
      </c>
      <c r="DI32" s="277">
        <v>0</v>
      </c>
      <c r="DJ32" s="281">
        <v>0</v>
      </c>
      <c r="DK32" s="278">
        <v>0</v>
      </c>
      <c r="DL32" s="280">
        <v>0</v>
      </c>
      <c r="DM32" s="281">
        <v>0</v>
      </c>
      <c r="DN32" s="281">
        <v>0</v>
      </c>
      <c r="DO32" s="281">
        <v>0</v>
      </c>
      <c r="DP32" s="281">
        <v>0</v>
      </c>
      <c r="DQ32" s="281">
        <v>0</v>
      </c>
      <c r="DR32" s="278">
        <v>0</v>
      </c>
      <c r="DS32" s="283">
        <v>0</v>
      </c>
      <c r="DT32" s="277">
        <v>2</v>
      </c>
      <c r="DU32" s="281">
        <v>1</v>
      </c>
      <c r="DV32" s="278">
        <v>3</v>
      </c>
      <c r="DW32" s="280">
        <v>0</v>
      </c>
      <c r="DX32" s="281">
        <v>0</v>
      </c>
      <c r="DY32" s="281">
        <v>4</v>
      </c>
      <c r="DZ32" s="281">
        <v>2</v>
      </c>
      <c r="EA32" s="281">
        <v>2</v>
      </c>
      <c r="EB32" s="281">
        <v>0</v>
      </c>
      <c r="EC32" s="278">
        <v>8</v>
      </c>
      <c r="ED32" s="283">
        <v>11</v>
      </c>
      <c r="EE32" s="277">
        <v>0</v>
      </c>
      <c r="EF32" s="281">
        <v>0</v>
      </c>
      <c r="EG32" s="278">
        <v>0</v>
      </c>
      <c r="EH32" s="280">
        <v>0</v>
      </c>
      <c r="EI32" s="281">
        <v>3</v>
      </c>
      <c r="EJ32" s="281">
        <v>0</v>
      </c>
      <c r="EK32" s="281">
        <v>0</v>
      </c>
      <c r="EL32" s="281">
        <v>1</v>
      </c>
      <c r="EM32" s="281">
        <v>0</v>
      </c>
      <c r="EN32" s="278">
        <v>4</v>
      </c>
      <c r="EO32" s="283">
        <v>4</v>
      </c>
      <c r="EP32" s="277">
        <v>2</v>
      </c>
      <c r="EQ32" s="281">
        <v>2</v>
      </c>
      <c r="ER32" s="278">
        <v>4</v>
      </c>
      <c r="ES32" s="280">
        <v>0</v>
      </c>
      <c r="ET32" s="281">
        <v>2</v>
      </c>
      <c r="EU32" s="281">
        <v>5</v>
      </c>
      <c r="EV32" s="281">
        <v>2</v>
      </c>
      <c r="EW32" s="281">
        <v>2</v>
      </c>
      <c r="EX32" s="281">
        <v>0</v>
      </c>
      <c r="EY32" s="278">
        <v>11</v>
      </c>
      <c r="EZ32" s="283">
        <v>15</v>
      </c>
    </row>
    <row r="33" spans="2:156" ht="19.8" customHeight="1" x14ac:dyDescent="0.2">
      <c r="B33" s="262" t="s">
        <v>31</v>
      </c>
      <c r="C33" s="277">
        <v>0</v>
      </c>
      <c r="D33" s="281">
        <v>0</v>
      </c>
      <c r="E33" s="385">
        <v>0</v>
      </c>
      <c r="F33" s="280">
        <v>0</v>
      </c>
      <c r="G33" s="281">
        <v>1</v>
      </c>
      <c r="H33" s="281">
        <v>0</v>
      </c>
      <c r="I33" s="281">
        <v>0</v>
      </c>
      <c r="J33" s="281">
        <v>0</v>
      </c>
      <c r="K33" s="281">
        <v>0</v>
      </c>
      <c r="L33" s="282">
        <v>1</v>
      </c>
      <c r="M33" s="283">
        <v>1</v>
      </c>
      <c r="N33" s="277">
        <v>0</v>
      </c>
      <c r="O33" s="281">
        <v>0</v>
      </c>
      <c r="P33" s="278">
        <v>0</v>
      </c>
      <c r="Q33" s="280">
        <v>0</v>
      </c>
      <c r="R33" s="281">
        <v>0</v>
      </c>
      <c r="S33" s="281">
        <v>0</v>
      </c>
      <c r="T33" s="281">
        <v>1</v>
      </c>
      <c r="U33" s="281">
        <v>0</v>
      </c>
      <c r="V33" s="281">
        <v>1</v>
      </c>
      <c r="W33" s="278">
        <v>2</v>
      </c>
      <c r="X33" s="283">
        <v>2</v>
      </c>
      <c r="Y33" s="277">
        <v>1</v>
      </c>
      <c r="Z33" s="281">
        <v>0</v>
      </c>
      <c r="AA33" s="278">
        <v>1</v>
      </c>
      <c r="AB33" s="280">
        <v>0</v>
      </c>
      <c r="AC33" s="281">
        <v>0</v>
      </c>
      <c r="AD33" s="281">
        <v>1</v>
      </c>
      <c r="AE33" s="281">
        <v>0</v>
      </c>
      <c r="AF33" s="281">
        <v>1</v>
      </c>
      <c r="AG33" s="281">
        <v>1</v>
      </c>
      <c r="AH33" s="278">
        <v>3</v>
      </c>
      <c r="AI33" s="283">
        <v>4</v>
      </c>
      <c r="AJ33" s="277">
        <v>0</v>
      </c>
      <c r="AK33" s="281">
        <v>0</v>
      </c>
      <c r="AL33" s="278">
        <v>0</v>
      </c>
      <c r="AM33" s="280">
        <v>0</v>
      </c>
      <c r="AN33" s="281">
        <v>0</v>
      </c>
      <c r="AO33" s="281">
        <v>0</v>
      </c>
      <c r="AP33" s="281">
        <v>1</v>
      </c>
      <c r="AQ33" s="281">
        <v>0</v>
      </c>
      <c r="AR33" s="281">
        <v>0</v>
      </c>
      <c r="AS33" s="278">
        <v>1</v>
      </c>
      <c r="AT33" s="283">
        <v>1</v>
      </c>
      <c r="AU33" s="277">
        <v>0</v>
      </c>
      <c r="AV33" s="281">
        <v>0</v>
      </c>
      <c r="AW33" s="278">
        <v>0</v>
      </c>
      <c r="AX33" s="280">
        <v>0</v>
      </c>
      <c r="AY33" s="281">
        <v>1</v>
      </c>
      <c r="AZ33" s="281">
        <v>1</v>
      </c>
      <c r="BA33" s="281">
        <v>0</v>
      </c>
      <c r="BB33" s="281">
        <v>0</v>
      </c>
      <c r="BC33" s="281">
        <v>2</v>
      </c>
      <c r="BD33" s="282">
        <v>4</v>
      </c>
      <c r="BE33" s="283">
        <v>4</v>
      </c>
      <c r="BF33" s="277">
        <v>0</v>
      </c>
      <c r="BG33" s="281">
        <v>0</v>
      </c>
      <c r="BH33" s="278">
        <v>0</v>
      </c>
      <c r="BI33" s="280">
        <v>0</v>
      </c>
      <c r="BJ33" s="281">
        <v>0</v>
      </c>
      <c r="BK33" s="281">
        <v>1</v>
      </c>
      <c r="BL33" s="281">
        <v>3</v>
      </c>
      <c r="BM33" s="281">
        <v>1</v>
      </c>
      <c r="BN33" s="281">
        <v>0</v>
      </c>
      <c r="BO33" s="278">
        <v>5</v>
      </c>
      <c r="BP33" s="283">
        <v>5</v>
      </c>
      <c r="BQ33" s="277">
        <v>0</v>
      </c>
      <c r="BR33" s="281">
        <v>0</v>
      </c>
      <c r="BS33" s="278">
        <v>0</v>
      </c>
      <c r="BT33" s="280">
        <v>0</v>
      </c>
      <c r="BU33" s="281">
        <v>0</v>
      </c>
      <c r="BV33" s="281">
        <v>0</v>
      </c>
      <c r="BW33" s="281">
        <v>0</v>
      </c>
      <c r="BX33" s="281">
        <v>0</v>
      </c>
      <c r="BY33" s="281">
        <v>0</v>
      </c>
      <c r="BZ33" s="278">
        <v>0</v>
      </c>
      <c r="CA33" s="283">
        <v>0</v>
      </c>
      <c r="CB33" s="277">
        <v>0</v>
      </c>
      <c r="CC33" s="281">
        <v>0</v>
      </c>
      <c r="CD33" s="278">
        <v>0</v>
      </c>
      <c r="CE33" s="280">
        <v>0</v>
      </c>
      <c r="CF33" s="281">
        <v>0</v>
      </c>
      <c r="CG33" s="281">
        <v>0</v>
      </c>
      <c r="CH33" s="281">
        <v>0</v>
      </c>
      <c r="CI33" s="281">
        <v>1</v>
      </c>
      <c r="CJ33" s="281">
        <v>0</v>
      </c>
      <c r="CK33" s="278">
        <v>1</v>
      </c>
      <c r="CL33" s="283">
        <v>1</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c r="DI33" s="277">
        <v>0</v>
      </c>
      <c r="DJ33" s="281">
        <v>0</v>
      </c>
      <c r="DK33" s="278">
        <v>0</v>
      </c>
      <c r="DL33" s="280">
        <v>0</v>
      </c>
      <c r="DM33" s="281">
        <v>0</v>
      </c>
      <c r="DN33" s="281">
        <v>0</v>
      </c>
      <c r="DO33" s="281">
        <v>0</v>
      </c>
      <c r="DP33" s="281">
        <v>0</v>
      </c>
      <c r="DQ33" s="281">
        <v>0</v>
      </c>
      <c r="DR33" s="278">
        <v>0</v>
      </c>
      <c r="DS33" s="283">
        <v>0</v>
      </c>
      <c r="DT33" s="277">
        <v>0</v>
      </c>
      <c r="DU33" s="281">
        <v>0</v>
      </c>
      <c r="DV33" s="278">
        <v>0</v>
      </c>
      <c r="DW33" s="280">
        <v>0</v>
      </c>
      <c r="DX33" s="281">
        <v>2</v>
      </c>
      <c r="DY33" s="281">
        <v>2</v>
      </c>
      <c r="DZ33" s="281">
        <v>2</v>
      </c>
      <c r="EA33" s="281">
        <v>1</v>
      </c>
      <c r="EB33" s="281">
        <v>1</v>
      </c>
      <c r="EC33" s="278">
        <v>8</v>
      </c>
      <c r="ED33" s="283">
        <v>8</v>
      </c>
      <c r="EE33" s="277">
        <v>0</v>
      </c>
      <c r="EF33" s="281">
        <v>0</v>
      </c>
      <c r="EG33" s="278">
        <v>0</v>
      </c>
      <c r="EH33" s="280">
        <v>0</v>
      </c>
      <c r="EI33" s="281">
        <v>1</v>
      </c>
      <c r="EJ33" s="281">
        <v>0</v>
      </c>
      <c r="EK33" s="281">
        <v>0</v>
      </c>
      <c r="EL33" s="281">
        <v>0</v>
      </c>
      <c r="EM33" s="281">
        <v>1</v>
      </c>
      <c r="EN33" s="278">
        <v>2</v>
      </c>
      <c r="EO33" s="283">
        <v>2</v>
      </c>
      <c r="EP33" s="277">
        <v>1</v>
      </c>
      <c r="EQ33" s="281">
        <v>0</v>
      </c>
      <c r="ER33" s="278">
        <v>1</v>
      </c>
      <c r="ES33" s="280">
        <v>0</v>
      </c>
      <c r="ET33" s="281">
        <v>3</v>
      </c>
      <c r="EU33" s="281">
        <v>4</v>
      </c>
      <c r="EV33" s="281">
        <v>3</v>
      </c>
      <c r="EW33" s="281">
        <v>1</v>
      </c>
      <c r="EX33" s="281">
        <v>1</v>
      </c>
      <c r="EY33" s="278">
        <v>12</v>
      </c>
      <c r="EZ33" s="283">
        <v>13</v>
      </c>
    </row>
    <row r="34" spans="2:156" ht="19.8" customHeight="1" x14ac:dyDescent="0.2">
      <c r="B34" s="262" t="s">
        <v>32</v>
      </c>
      <c r="C34" s="277">
        <v>0</v>
      </c>
      <c r="D34" s="281">
        <v>0</v>
      </c>
      <c r="E34" s="385">
        <v>0</v>
      </c>
      <c r="F34" s="280">
        <v>0</v>
      </c>
      <c r="G34" s="281">
        <v>0</v>
      </c>
      <c r="H34" s="281">
        <v>1</v>
      </c>
      <c r="I34" s="281">
        <v>1</v>
      </c>
      <c r="J34" s="281">
        <v>1</v>
      </c>
      <c r="K34" s="281">
        <v>0</v>
      </c>
      <c r="L34" s="282">
        <v>3</v>
      </c>
      <c r="M34" s="283">
        <v>3</v>
      </c>
      <c r="N34" s="277">
        <v>0</v>
      </c>
      <c r="O34" s="281">
        <v>0</v>
      </c>
      <c r="P34" s="278">
        <v>0</v>
      </c>
      <c r="Q34" s="280">
        <v>0</v>
      </c>
      <c r="R34" s="281">
        <v>0</v>
      </c>
      <c r="S34" s="281">
        <v>0</v>
      </c>
      <c r="T34" s="281">
        <v>0</v>
      </c>
      <c r="U34" s="281">
        <v>0</v>
      </c>
      <c r="V34" s="281">
        <v>0</v>
      </c>
      <c r="W34" s="278">
        <v>0</v>
      </c>
      <c r="X34" s="283">
        <v>0</v>
      </c>
      <c r="Y34" s="277">
        <v>0</v>
      </c>
      <c r="Z34" s="281">
        <v>0</v>
      </c>
      <c r="AA34" s="278">
        <v>0</v>
      </c>
      <c r="AB34" s="280">
        <v>0</v>
      </c>
      <c r="AC34" s="281">
        <v>0</v>
      </c>
      <c r="AD34" s="281">
        <v>2</v>
      </c>
      <c r="AE34" s="281">
        <v>0</v>
      </c>
      <c r="AF34" s="281">
        <v>1</v>
      </c>
      <c r="AG34" s="281">
        <v>0</v>
      </c>
      <c r="AH34" s="278">
        <v>3</v>
      </c>
      <c r="AI34" s="283">
        <v>3</v>
      </c>
      <c r="AJ34" s="277">
        <v>1</v>
      </c>
      <c r="AK34" s="281">
        <v>0</v>
      </c>
      <c r="AL34" s="278">
        <v>1</v>
      </c>
      <c r="AM34" s="280">
        <v>0</v>
      </c>
      <c r="AN34" s="281">
        <v>1</v>
      </c>
      <c r="AO34" s="281">
        <v>0</v>
      </c>
      <c r="AP34" s="281">
        <v>1</v>
      </c>
      <c r="AQ34" s="281">
        <v>0</v>
      </c>
      <c r="AR34" s="281">
        <v>0</v>
      </c>
      <c r="AS34" s="278">
        <v>2</v>
      </c>
      <c r="AT34" s="283">
        <v>3</v>
      </c>
      <c r="AU34" s="277">
        <v>0</v>
      </c>
      <c r="AV34" s="281">
        <v>0</v>
      </c>
      <c r="AW34" s="278">
        <v>0</v>
      </c>
      <c r="AX34" s="280">
        <v>0</v>
      </c>
      <c r="AY34" s="281">
        <v>2</v>
      </c>
      <c r="AZ34" s="281">
        <v>2</v>
      </c>
      <c r="BA34" s="281">
        <v>2</v>
      </c>
      <c r="BB34" s="281">
        <v>3</v>
      </c>
      <c r="BC34" s="281">
        <v>2</v>
      </c>
      <c r="BD34" s="282">
        <v>11</v>
      </c>
      <c r="BE34" s="283">
        <v>11</v>
      </c>
      <c r="BF34" s="277">
        <v>0</v>
      </c>
      <c r="BG34" s="281">
        <v>0</v>
      </c>
      <c r="BH34" s="278">
        <v>0</v>
      </c>
      <c r="BI34" s="280">
        <v>0</v>
      </c>
      <c r="BJ34" s="281">
        <v>3</v>
      </c>
      <c r="BK34" s="281">
        <v>2</v>
      </c>
      <c r="BL34" s="281">
        <v>0</v>
      </c>
      <c r="BM34" s="281">
        <v>0</v>
      </c>
      <c r="BN34" s="281">
        <v>0</v>
      </c>
      <c r="BO34" s="278">
        <v>5</v>
      </c>
      <c r="BP34" s="283">
        <v>5</v>
      </c>
      <c r="BQ34" s="277">
        <v>0</v>
      </c>
      <c r="BR34" s="281">
        <v>0</v>
      </c>
      <c r="BS34" s="278">
        <v>0</v>
      </c>
      <c r="BT34" s="280">
        <v>0</v>
      </c>
      <c r="BU34" s="281">
        <v>0</v>
      </c>
      <c r="BV34" s="281">
        <v>1</v>
      </c>
      <c r="BW34" s="281">
        <v>2</v>
      </c>
      <c r="BX34" s="281">
        <v>1</v>
      </c>
      <c r="BY34" s="281">
        <v>0</v>
      </c>
      <c r="BZ34" s="278">
        <v>4</v>
      </c>
      <c r="CA34" s="283">
        <v>4</v>
      </c>
      <c r="CB34" s="277">
        <v>0</v>
      </c>
      <c r="CC34" s="281">
        <v>0</v>
      </c>
      <c r="CD34" s="278">
        <v>0</v>
      </c>
      <c r="CE34" s="280">
        <v>0</v>
      </c>
      <c r="CF34" s="281">
        <v>0</v>
      </c>
      <c r="CG34" s="281">
        <v>0</v>
      </c>
      <c r="CH34" s="281">
        <v>0</v>
      </c>
      <c r="CI34" s="281">
        <v>1</v>
      </c>
      <c r="CJ34" s="281">
        <v>0</v>
      </c>
      <c r="CK34" s="278">
        <v>1</v>
      </c>
      <c r="CL34" s="283">
        <v>1</v>
      </c>
      <c r="CM34" s="277">
        <v>0</v>
      </c>
      <c r="CN34" s="281">
        <v>0</v>
      </c>
      <c r="CO34" s="278">
        <v>0</v>
      </c>
      <c r="CP34" s="280">
        <v>0</v>
      </c>
      <c r="CQ34" s="281">
        <v>0</v>
      </c>
      <c r="CR34" s="281">
        <v>0</v>
      </c>
      <c r="CS34" s="281">
        <v>0</v>
      </c>
      <c r="CT34" s="281">
        <v>1</v>
      </c>
      <c r="CU34" s="281">
        <v>0</v>
      </c>
      <c r="CV34" s="278">
        <v>1</v>
      </c>
      <c r="CW34" s="283">
        <v>1</v>
      </c>
      <c r="CX34" s="277">
        <v>0</v>
      </c>
      <c r="CY34" s="281">
        <v>0</v>
      </c>
      <c r="CZ34" s="278">
        <v>0</v>
      </c>
      <c r="DA34" s="280">
        <v>0</v>
      </c>
      <c r="DB34" s="281">
        <v>0</v>
      </c>
      <c r="DC34" s="281">
        <v>0</v>
      </c>
      <c r="DD34" s="281">
        <v>0</v>
      </c>
      <c r="DE34" s="281">
        <v>0</v>
      </c>
      <c r="DF34" s="281">
        <v>0</v>
      </c>
      <c r="DG34" s="278">
        <v>0</v>
      </c>
      <c r="DH34" s="283">
        <v>0</v>
      </c>
      <c r="DI34" s="277">
        <v>0</v>
      </c>
      <c r="DJ34" s="281">
        <v>0</v>
      </c>
      <c r="DK34" s="278">
        <v>0</v>
      </c>
      <c r="DL34" s="280">
        <v>0</v>
      </c>
      <c r="DM34" s="281">
        <v>0</v>
      </c>
      <c r="DN34" s="281">
        <v>0</v>
      </c>
      <c r="DO34" s="281">
        <v>0</v>
      </c>
      <c r="DP34" s="281">
        <v>0</v>
      </c>
      <c r="DQ34" s="281">
        <v>0</v>
      </c>
      <c r="DR34" s="278">
        <v>0</v>
      </c>
      <c r="DS34" s="283">
        <v>0</v>
      </c>
      <c r="DT34" s="277">
        <v>2</v>
      </c>
      <c r="DU34" s="281">
        <v>1</v>
      </c>
      <c r="DV34" s="278">
        <v>3</v>
      </c>
      <c r="DW34" s="280">
        <v>0</v>
      </c>
      <c r="DX34" s="281">
        <v>2</v>
      </c>
      <c r="DY34" s="281">
        <v>2</v>
      </c>
      <c r="DZ34" s="281">
        <v>3</v>
      </c>
      <c r="EA34" s="281">
        <v>3</v>
      </c>
      <c r="EB34" s="281">
        <v>0</v>
      </c>
      <c r="EC34" s="278">
        <v>10</v>
      </c>
      <c r="ED34" s="283">
        <v>13</v>
      </c>
      <c r="EE34" s="277">
        <v>0</v>
      </c>
      <c r="EF34" s="281">
        <v>0</v>
      </c>
      <c r="EG34" s="278">
        <v>0</v>
      </c>
      <c r="EH34" s="280">
        <v>0</v>
      </c>
      <c r="EI34" s="281">
        <v>1</v>
      </c>
      <c r="EJ34" s="281">
        <v>1</v>
      </c>
      <c r="EK34" s="281">
        <v>0</v>
      </c>
      <c r="EL34" s="281">
        <v>1</v>
      </c>
      <c r="EM34" s="281">
        <v>1</v>
      </c>
      <c r="EN34" s="278">
        <v>4</v>
      </c>
      <c r="EO34" s="283">
        <v>4</v>
      </c>
      <c r="EP34" s="277">
        <v>3</v>
      </c>
      <c r="EQ34" s="281">
        <v>1</v>
      </c>
      <c r="ER34" s="278">
        <v>4</v>
      </c>
      <c r="ES34" s="280">
        <v>0</v>
      </c>
      <c r="ET34" s="281">
        <v>6</v>
      </c>
      <c r="EU34" s="281">
        <v>6</v>
      </c>
      <c r="EV34" s="281">
        <v>3</v>
      </c>
      <c r="EW34" s="281">
        <v>3</v>
      </c>
      <c r="EX34" s="281">
        <v>0</v>
      </c>
      <c r="EY34" s="278">
        <v>18</v>
      </c>
      <c r="EZ34" s="283">
        <v>22</v>
      </c>
    </row>
    <row r="35" spans="2:156" ht="19.8" customHeight="1" x14ac:dyDescent="0.2">
      <c r="B35" s="262" t="s">
        <v>33</v>
      </c>
      <c r="C35" s="277">
        <v>0</v>
      </c>
      <c r="D35" s="281">
        <v>0</v>
      </c>
      <c r="E35" s="385">
        <v>0</v>
      </c>
      <c r="F35" s="280">
        <v>0</v>
      </c>
      <c r="G35" s="281">
        <v>2</v>
      </c>
      <c r="H35" s="281">
        <v>0</v>
      </c>
      <c r="I35" s="281">
        <v>2</v>
      </c>
      <c r="J35" s="281">
        <v>1</v>
      </c>
      <c r="K35" s="281">
        <v>0</v>
      </c>
      <c r="L35" s="282">
        <v>5</v>
      </c>
      <c r="M35" s="283">
        <v>5</v>
      </c>
      <c r="N35" s="277">
        <v>0</v>
      </c>
      <c r="O35" s="281">
        <v>0</v>
      </c>
      <c r="P35" s="278">
        <v>0</v>
      </c>
      <c r="Q35" s="280">
        <v>0</v>
      </c>
      <c r="R35" s="281">
        <v>0</v>
      </c>
      <c r="S35" s="281">
        <v>0</v>
      </c>
      <c r="T35" s="281">
        <v>0</v>
      </c>
      <c r="U35" s="281">
        <v>1</v>
      </c>
      <c r="V35" s="281">
        <v>0</v>
      </c>
      <c r="W35" s="278">
        <v>1</v>
      </c>
      <c r="X35" s="283">
        <v>1</v>
      </c>
      <c r="Y35" s="277">
        <v>0</v>
      </c>
      <c r="Z35" s="281">
        <v>0</v>
      </c>
      <c r="AA35" s="278">
        <v>0</v>
      </c>
      <c r="AB35" s="280">
        <v>0</v>
      </c>
      <c r="AC35" s="281">
        <v>1</v>
      </c>
      <c r="AD35" s="281">
        <v>2</v>
      </c>
      <c r="AE35" s="281">
        <v>2</v>
      </c>
      <c r="AF35" s="281">
        <v>1</v>
      </c>
      <c r="AG35" s="281">
        <v>1</v>
      </c>
      <c r="AH35" s="278">
        <v>7</v>
      </c>
      <c r="AI35" s="283">
        <v>7</v>
      </c>
      <c r="AJ35" s="277">
        <v>1</v>
      </c>
      <c r="AK35" s="281">
        <v>0</v>
      </c>
      <c r="AL35" s="278">
        <v>1</v>
      </c>
      <c r="AM35" s="280">
        <v>0</v>
      </c>
      <c r="AN35" s="281">
        <v>1</v>
      </c>
      <c r="AO35" s="281">
        <v>1</v>
      </c>
      <c r="AP35" s="281">
        <v>1</v>
      </c>
      <c r="AQ35" s="281">
        <v>3</v>
      </c>
      <c r="AR35" s="281">
        <v>0</v>
      </c>
      <c r="AS35" s="278">
        <v>6</v>
      </c>
      <c r="AT35" s="283">
        <v>7</v>
      </c>
      <c r="AU35" s="277">
        <v>2</v>
      </c>
      <c r="AV35" s="281">
        <v>0</v>
      </c>
      <c r="AW35" s="278">
        <v>2</v>
      </c>
      <c r="AX35" s="280">
        <v>0</v>
      </c>
      <c r="AY35" s="281">
        <v>2</v>
      </c>
      <c r="AZ35" s="281">
        <v>3</v>
      </c>
      <c r="BA35" s="281">
        <v>3</v>
      </c>
      <c r="BB35" s="281">
        <v>1</v>
      </c>
      <c r="BC35" s="281">
        <v>1</v>
      </c>
      <c r="BD35" s="282">
        <v>10</v>
      </c>
      <c r="BE35" s="283">
        <v>12</v>
      </c>
      <c r="BF35" s="277">
        <v>0</v>
      </c>
      <c r="BG35" s="281">
        <v>0</v>
      </c>
      <c r="BH35" s="278">
        <v>0</v>
      </c>
      <c r="BI35" s="280">
        <v>0</v>
      </c>
      <c r="BJ35" s="281">
        <v>2</v>
      </c>
      <c r="BK35" s="281">
        <v>0</v>
      </c>
      <c r="BL35" s="281">
        <v>0</v>
      </c>
      <c r="BM35" s="281">
        <v>1</v>
      </c>
      <c r="BN35" s="281">
        <v>0</v>
      </c>
      <c r="BO35" s="278">
        <v>3</v>
      </c>
      <c r="BP35" s="283">
        <v>3</v>
      </c>
      <c r="BQ35" s="277">
        <v>0</v>
      </c>
      <c r="BR35" s="281">
        <v>0</v>
      </c>
      <c r="BS35" s="278">
        <v>0</v>
      </c>
      <c r="BT35" s="280">
        <v>0</v>
      </c>
      <c r="BU35" s="281">
        <v>3</v>
      </c>
      <c r="BV35" s="281">
        <v>0</v>
      </c>
      <c r="BW35" s="281">
        <v>0</v>
      </c>
      <c r="BX35" s="281">
        <v>1</v>
      </c>
      <c r="BY35" s="281">
        <v>0</v>
      </c>
      <c r="BZ35" s="278">
        <v>4</v>
      </c>
      <c r="CA35" s="283">
        <v>4</v>
      </c>
      <c r="CB35" s="277">
        <v>0</v>
      </c>
      <c r="CC35" s="281">
        <v>0</v>
      </c>
      <c r="CD35" s="278">
        <v>0</v>
      </c>
      <c r="CE35" s="280">
        <v>0</v>
      </c>
      <c r="CF35" s="281">
        <v>0</v>
      </c>
      <c r="CG35" s="281">
        <v>0</v>
      </c>
      <c r="CH35" s="281">
        <v>1</v>
      </c>
      <c r="CI35" s="281">
        <v>0</v>
      </c>
      <c r="CJ35" s="281">
        <v>0</v>
      </c>
      <c r="CK35" s="278">
        <v>1</v>
      </c>
      <c r="CL35" s="283">
        <v>1</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c r="DI35" s="277">
        <v>0</v>
      </c>
      <c r="DJ35" s="281">
        <v>0</v>
      </c>
      <c r="DK35" s="278">
        <v>0</v>
      </c>
      <c r="DL35" s="280">
        <v>0</v>
      </c>
      <c r="DM35" s="281">
        <v>0</v>
      </c>
      <c r="DN35" s="281">
        <v>0</v>
      </c>
      <c r="DO35" s="281">
        <v>0</v>
      </c>
      <c r="DP35" s="281">
        <v>0</v>
      </c>
      <c r="DQ35" s="281">
        <v>0</v>
      </c>
      <c r="DR35" s="278">
        <v>0</v>
      </c>
      <c r="DS35" s="283">
        <v>0</v>
      </c>
      <c r="DT35" s="277">
        <v>0</v>
      </c>
      <c r="DU35" s="281">
        <v>1</v>
      </c>
      <c r="DV35" s="278">
        <v>1</v>
      </c>
      <c r="DW35" s="280">
        <v>0</v>
      </c>
      <c r="DX35" s="281">
        <v>1</v>
      </c>
      <c r="DY35" s="281">
        <v>3</v>
      </c>
      <c r="DZ35" s="281">
        <v>2</v>
      </c>
      <c r="EA35" s="281">
        <v>2</v>
      </c>
      <c r="EB35" s="281">
        <v>2</v>
      </c>
      <c r="EC35" s="278">
        <v>10</v>
      </c>
      <c r="ED35" s="283">
        <v>11</v>
      </c>
      <c r="EE35" s="277">
        <v>2</v>
      </c>
      <c r="EF35" s="281">
        <v>0</v>
      </c>
      <c r="EG35" s="278">
        <v>2</v>
      </c>
      <c r="EH35" s="280">
        <v>0</v>
      </c>
      <c r="EI35" s="281">
        <v>1</v>
      </c>
      <c r="EJ35" s="281">
        <v>1</v>
      </c>
      <c r="EK35" s="281">
        <v>2</v>
      </c>
      <c r="EL35" s="281">
        <v>1</v>
      </c>
      <c r="EM35" s="281">
        <v>0</v>
      </c>
      <c r="EN35" s="278">
        <v>5</v>
      </c>
      <c r="EO35" s="283">
        <v>7</v>
      </c>
      <c r="EP35" s="277">
        <v>1</v>
      </c>
      <c r="EQ35" s="281">
        <v>1</v>
      </c>
      <c r="ER35" s="278">
        <v>2</v>
      </c>
      <c r="ES35" s="280">
        <v>0</v>
      </c>
      <c r="ET35" s="281">
        <v>5</v>
      </c>
      <c r="EU35" s="281">
        <v>3</v>
      </c>
      <c r="EV35" s="281">
        <v>3</v>
      </c>
      <c r="EW35" s="281">
        <v>4</v>
      </c>
      <c r="EX35" s="281">
        <v>1</v>
      </c>
      <c r="EY35" s="278">
        <v>16</v>
      </c>
      <c r="EZ35" s="283">
        <v>18</v>
      </c>
    </row>
    <row r="36" spans="2:156" ht="19.8" customHeight="1" x14ac:dyDescent="0.2">
      <c r="B36" s="262" t="s">
        <v>34</v>
      </c>
      <c r="C36" s="277">
        <v>0</v>
      </c>
      <c r="D36" s="281">
        <v>0</v>
      </c>
      <c r="E36" s="385">
        <v>0</v>
      </c>
      <c r="F36" s="280">
        <v>0</v>
      </c>
      <c r="G36" s="281">
        <v>1</v>
      </c>
      <c r="H36" s="281">
        <v>0</v>
      </c>
      <c r="I36" s="281">
        <v>1</v>
      </c>
      <c r="J36" s="281">
        <v>1</v>
      </c>
      <c r="K36" s="281">
        <v>0</v>
      </c>
      <c r="L36" s="282">
        <v>3</v>
      </c>
      <c r="M36" s="283">
        <v>3</v>
      </c>
      <c r="N36" s="277">
        <v>0</v>
      </c>
      <c r="O36" s="281">
        <v>0</v>
      </c>
      <c r="P36" s="278">
        <v>0</v>
      </c>
      <c r="Q36" s="280">
        <v>0</v>
      </c>
      <c r="R36" s="281">
        <v>0</v>
      </c>
      <c r="S36" s="281">
        <v>0</v>
      </c>
      <c r="T36" s="281">
        <v>0</v>
      </c>
      <c r="U36" s="281">
        <v>0</v>
      </c>
      <c r="V36" s="281">
        <v>0</v>
      </c>
      <c r="W36" s="278">
        <v>0</v>
      </c>
      <c r="X36" s="283">
        <v>0</v>
      </c>
      <c r="Y36" s="277">
        <v>0</v>
      </c>
      <c r="Z36" s="281">
        <v>0</v>
      </c>
      <c r="AA36" s="278">
        <v>0</v>
      </c>
      <c r="AB36" s="280">
        <v>0</v>
      </c>
      <c r="AC36" s="281">
        <v>0</v>
      </c>
      <c r="AD36" s="281">
        <v>0</v>
      </c>
      <c r="AE36" s="281">
        <v>0</v>
      </c>
      <c r="AF36" s="281">
        <v>0</v>
      </c>
      <c r="AG36" s="281">
        <v>0</v>
      </c>
      <c r="AH36" s="278">
        <v>0</v>
      </c>
      <c r="AI36" s="283">
        <v>0</v>
      </c>
      <c r="AJ36" s="277">
        <v>0</v>
      </c>
      <c r="AK36" s="281">
        <v>0</v>
      </c>
      <c r="AL36" s="278">
        <v>0</v>
      </c>
      <c r="AM36" s="280">
        <v>0</v>
      </c>
      <c r="AN36" s="281">
        <v>0</v>
      </c>
      <c r="AO36" s="281">
        <v>0</v>
      </c>
      <c r="AP36" s="281">
        <v>1</v>
      </c>
      <c r="AQ36" s="281">
        <v>0</v>
      </c>
      <c r="AR36" s="281">
        <v>0</v>
      </c>
      <c r="AS36" s="278">
        <v>1</v>
      </c>
      <c r="AT36" s="283">
        <v>1</v>
      </c>
      <c r="AU36" s="277">
        <v>0</v>
      </c>
      <c r="AV36" s="281">
        <v>0</v>
      </c>
      <c r="AW36" s="278">
        <v>0</v>
      </c>
      <c r="AX36" s="280">
        <v>0</v>
      </c>
      <c r="AY36" s="281">
        <v>3</v>
      </c>
      <c r="AZ36" s="281">
        <v>2</v>
      </c>
      <c r="BA36" s="281">
        <v>0</v>
      </c>
      <c r="BB36" s="281">
        <v>1</v>
      </c>
      <c r="BC36" s="281">
        <v>0</v>
      </c>
      <c r="BD36" s="282">
        <v>6</v>
      </c>
      <c r="BE36" s="283">
        <v>6</v>
      </c>
      <c r="BF36" s="277">
        <v>0</v>
      </c>
      <c r="BG36" s="281">
        <v>0</v>
      </c>
      <c r="BH36" s="278">
        <v>0</v>
      </c>
      <c r="BI36" s="280">
        <v>0</v>
      </c>
      <c r="BJ36" s="281">
        <v>0</v>
      </c>
      <c r="BK36" s="281">
        <v>1</v>
      </c>
      <c r="BL36" s="281">
        <v>1</v>
      </c>
      <c r="BM36" s="281">
        <v>1</v>
      </c>
      <c r="BN36" s="281">
        <v>0</v>
      </c>
      <c r="BO36" s="278">
        <v>3</v>
      </c>
      <c r="BP36" s="283">
        <v>3</v>
      </c>
      <c r="BQ36" s="277">
        <v>0</v>
      </c>
      <c r="BR36" s="281">
        <v>0</v>
      </c>
      <c r="BS36" s="278">
        <v>0</v>
      </c>
      <c r="BT36" s="280">
        <v>0</v>
      </c>
      <c r="BU36" s="281">
        <v>0</v>
      </c>
      <c r="BV36" s="281">
        <v>0</v>
      </c>
      <c r="BW36" s="281">
        <v>0</v>
      </c>
      <c r="BX36" s="281">
        <v>0</v>
      </c>
      <c r="BY36" s="281">
        <v>0</v>
      </c>
      <c r="BZ36" s="278">
        <v>0</v>
      </c>
      <c r="CA36" s="283">
        <v>0</v>
      </c>
      <c r="CB36" s="277">
        <v>0</v>
      </c>
      <c r="CC36" s="281">
        <v>0</v>
      </c>
      <c r="CD36" s="278">
        <v>0</v>
      </c>
      <c r="CE36" s="280">
        <v>0</v>
      </c>
      <c r="CF36" s="281">
        <v>0</v>
      </c>
      <c r="CG36" s="281">
        <v>0</v>
      </c>
      <c r="CH36" s="281">
        <v>0</v>
      </c>
      <c r="CI36" s="281">
        <v>0</v>
      </c>
      <c r="CJ36" s="281">
        <v>0</v>
      </c>
      <c r="CK36" s="278">
        <v>0</v>
      </c>
      <c r="CL36" s="283">
        <v>0</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c r="DI36" s="277">
        <v>0</v>
      </c>
      <c r="DJ36" s="281">
        <v>0</v>
      </c>
      <c r="DK36" s="278">
        <v>0</v>
      </c>
      <c r="DL36" s="280">
        <v>0</v>
      </c>
      <c r="DM36" s="281">
        <v>0</v>
      </c>
      <c r="DN36" s="281">
        <v>0</v>
      </c>
      <c r="DO36" s="281">
        <v>0</v>
      </c>
      <c r="DP36" s="281">
        <v>0</v>
      </c>
      <c r="DQ36" s="281">
        <v>0</v>
      </c>
      <c r="DR36" s="278">
        <v>0</v>
      </c>
      <c r="DS36" s="283">
        <v>0</v>
      </c>
      <c r="DT36" s="277">
        <v>0</v>
      </c>
      <c r="DU36" s="281">
        <v>1</v>
      </c>
      <c r="DV36" s="278">
        <v>1</v>
      </c>
      <c r="DW36" s="280">
        <v>0</v>
      </c>
      <c r="DX36" s="281">
        <v>2</v>
      </c>
      <c r="DY36" s="281">
        <v>0</v>
      </c>
      <c r="DZ36" s="281">
        <v>2</v>
      </c>
      <c r="EA36" s="281">
        <v>2</v>
      </c>
      <c r="EB36" s="281">
        <v>0</v>
      </c>
      <c r="EC36" s="278">
        <v>6</v>
      </c>
      <c r="ED36" s="283">
        <v>7</v>
      </c>
      <c r="EE36" s="277">
        <v>0</v>
      </c>
      <c r="EF36" s="281">
        <v>0</v>
      </c>
      <c r="EG36" s="278">
        <v>0</v>
      </c>
      <c r="EH36" s="280">
        <v>0</v>
      </c>
      <c r="EI36" s="281">
        <v>0</v>
      </c>
      <c r="EJ36" s="281">
        <v>1</v>
      </c>
      <c r="EK36" s="281">
        <v>0</v>
      </c>
      <c r="EL36" s="281">
        <v>0</v>
      </c>
      <c r="EM36" s="281">
        <v>0</v>
      </c>
      <c r="EN36" s="278">
        <v>1</v>
      </c>
      <c r="EO36" s="283">
        <v>1</v>
      </c>
      <c r="EP36" s="277">
        <v>0</v>
      </c>
      <c r="EQ36" s="281">
        <v>1</v>
      </c>
      <c r="ER36" s="278">
        <v>1</v>
      </c>
      <c r="ES36" s="280">
        <v>0</v>
      </c>
      <c r="ET36" s="281">
        <v>2</v>
      </c>
      <c r="EU36" s="281">
        <v>1</v>
      </c>
      <c r="EV36" s="281">
        <v>3</v>
      </c>
      <c r="EW36" s="281">
        <v>2</v>
      </c>
      <c r="EX36" s="281">
        <v>0</v>
      </c>
      <c r="EY36" s="278">
        <v>8</v>
      </c>
      <c r="EZ36" s="283">
        <v>9</v>
      </c>
    </row>
    <row r="37" spans="2:156" ht="19.8" customHeight="1" x14ac:dyDescent="0.2">
      <c r="B37" s="262" t="s">
        <v>35</v>
      </c>
      <c r="C37" s="277">
        <v>0</v>
      </c>
      <c r="D37" s="281">
        <v>0</v>
      </c>
      <c r="E37" s="385">
        <v>0</v>
      </c>
      <c r="F37" s="280">
        <v>0</v>
      </c>
      <c r="G37" s="281">
        <v>7</v>
      </c>
      <c r="H37" s="281">
        <v>3</v>
      </c>
      <c r="I37" s="281">
        <v>3</v>
      </c>
      <c r="J37" s="281">
        <v>1</v>
      </c>
      <c r="K37" s="281">
        <v>0</v>
      </c>
      <c r="L37" s="282">
        <v>14</v>
      </c>
      <c r="M37" s="283">
        <v>14</v>
      </c>
      <c r="N37" s="277">
        <v>0</v>
      </c>
      <c r="O37" s="281">
        <v>0</v>
      </c>
      <c r="P37" s="278">
        <v>0</v>
      </c>
      <c r="Q37" s="280">
        <v>0</v>
      </c>
      <c r="R37" s="281">
        <v>0</v>
      </c>
      <c r="S37" s="281">
        <v>0</v>
      </c>
      <c r="T37" s="281">
        <v>0</v>
      </c>
      <c r="U37" s="281">
        <v>0</v>
      </c>
      <c r="V37" s="281">
        <v>0</v>
      </c>
      <c r="W37" s="278">
        <v>0</v>
      </c>
      <c r="X37" s="283">
        <v>0</v>
      </c>
      <c r="Y37" s="277">
        <v>0</v>
      </c>
      <c r="Z37" s="281">
        <v>0</v>
      </c>
      <c r="AA37" s="278">
        <v>0</v>
      </c>
      <c r="AB37" s="280">
        <v>0</v>
      </c>
      <c r="AC37" s="281">
        <v>1</v>
      </c>
      <c r="AD37" s="281">
        <v>1</v>
      </c>
      <c r="AE37" s="281">
        <v>3</v>
      </c>
      <c r="AF37" s="281">
        <v>1</v>
      </c>
      <c r="AG37" s="281">
        <v>1</v>
      </c>
      <c r="AH37" s="278">
        <v>7</v>
      </c>
      <c r="AI37" s="283">
        <v>7</v>
      </c>
      <c r="AJ37" s="277">
        <v>0</v>
      </c>
      <c r="AK37" s="281">
        <v>0</v>
      </c>
      <c r="AL37" s="278">
        <v>0</v>
      </c>
      <c r="AM37" s="280">
        <v>0</v>
      </c>
      <c r="AN37" s="281">
        <v>2</v>
      </c>
      <c r="AO37" s="281">
        <v>0</v>
      </c>
      <c r="AP37" s="281">
        <v>1</v>
      </c>
      <c r="AQ37" s="281">
        <v>0</v>
      </c>
      <c r="AR37" s="281">
        <v>0</v>
      </c>
      <c r="AS37" s="278">
        <v>3</v>
      </c>
      <c r="AT37" s="283">
        <v>3</v>
      </c>
      <c r="AU37" s="277">
        <v>3</v>
      </c>
      <c r="AV37" s="281">
        <v>2</v>
      </c>
      <c r="AW37" s="278">
        <v>5</v>
      </c>
      <c r="AX37" s="280">
        <v>0</v>
      </c>
      <c r="AY37" s="281">
        <v>3</v>
      </c>
      <c r="AZ37" s="281">
        <v>4</v>
      </c>
      <c r="BA37" s="281">
        <v>3</v>
      </c>
      <c r="BB37" s="281">
        <v>7</v>
      </c>
      <c r="BC37" s="281">
        <v>1</v>
      </c>
      <c r="BD37" s="282">
        <v>18</v>
      </c>
      <c r="BE37" s="283">
        <v>23</v>
      </c>
      <c r="BF37" s="277">
        <v>0</v>
      </c>
      <c r="BG37" s="281">
        <v>0</v>
      </c>
      <c r="BH37" s="278">
        <v>0</v>
      </c>
      <c r="BI37" s="280">
        <v>0</v>
      </c>
      <c r="BJ37" s="281">
        <v>5</v>
      </c>
      <c r="BK37" s="281">
        <v>3</v>
      </c>
      <c r="BL37" s="281">
        <v>1</v>
      </c>
      <c r="BM37" s="281">
        <v>0</v>
      </c>
      <c r="BN37" s="281">
        <v>0</v>
      </c>
      <c r="BO37" s="278">
        <v>9</v>
      </c>
      <c r="BP37" s="283">
        <v>9</v>
      </c>
      <c r="BQ37" s="277">
        <v>1</v>
      </c>
      <c r="BR37" s="281">
        <v>1</v>
      </c>
      <c r="BS37" s="278">
        <v>2</v>
      </c>
      <c r="BT37" s="280">
        <v>0</v>
      </c>
      <c r="BU37" s="281">
        <v>0</v>
      </c>
      <c r="BV37" s="281">
        <v>2</v>
      </c>
      <c r="BW37" s="281">
        <v>0</v>
      </c>
      <c r="BX37" s="281">
        <v>1</v>
      </c>
      <c r="BY37" s="281">
        <v>0</v>
      </c>
      <c r="BZ37" s="278">
        <v>3</v>
      </c>
      <c r="CA37" s="283">
        <v>5</v>
      </c>
      <c r="CB37" s="277">
        <v>0</v>
      </c>
      <c r="CC37" s="281">
        <v>0</v>
      </c>
      <c r="CD37" s="278">
        <v>0</v>
      </c>
      <c r="CE37" s="280">
        <v>0</v>
      </c>
      <c r="CF37" s="281">
        <v>0</v>
      </c>
      <c r="CG37" s="281">
        <v>0</v>
      </c>
      <c r="CH37" s="281">
        <v>0</v>
      </c>
      <c r="CI37" s="281">
        <v>0</v>
      </c>
      <c r="CJ37" s="281">
        <v>1</v>
      </c>
      <c r="CK37" s="278">
        <v>1</v>
      </c>
      <c r="CL37" s="283">
        <v>1</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c r="DI37" s="277">
        <v>0</v>
      </c>
      <c r="DJ37" s="281">
        <v>0</v>
      </c>
      <c r="DK37" s="278">
        <v>0</v>
      </c>
      <c r="DL37" s="280">
        <v>0</v>
      </c>
      <c r="DM37" s="281">
        <v>0</v>
      </c>
      <c r="DN37" s="281">
        <v>0</v>
      </c>
      <c r="DO37" s="281">
        <v>0</v>
      </c>
      <c r="DP37" s="281">
        <v>0</v>
      </c>
      <c r="DQ37" s="281">
        <v>0</v>
      </c>
      <c r="DR37" s="278">
        <v>0</v>
      </c>
      <c r="DS37" s="283">
        <v>0</v>
      </c>
      <c r="DT37" s="277">
        <v>2</v>
      </c>
      <c r="DU37" s="281">
        <v>1</v>
      </c>
      <c r="DV37" s="278">
        <v>3</v>
      </c>
      <c r="DW37" s="280">
        <v>0</v>
      </c>
      <c r="DX37" s="281">
        <v>5</v>
      </c>
      <c r="DY37" s="281">
        <v>9</v>
      </c>
      <c r="DZ37" s="281">
        <v>4</v>
      </c>
      <c r="EA37" s="281">
        <v>2</v>
      </c>
      <c r="EB37" s="281">
        <v>2</v>
      </c>
      <c r="EC37" s="278">
        <v>22</v>
      </c>
      <c r="ED37" s="283">
        <v>25</v>
      </c>
      <c r="EE37" s="277">
        <v>3</v>
      </c>
      <c r="EF37" s="281">
        <v>2</v>
      </c>
      <c r="EG37" s="278">
        <v>5</v>
      </c>
      <c r="EH37" s="280">
        <v>0</v>
      </c>
      <c r="EI37" s="281">
        <v>3</v>
      </c>
      <c r="EJ37" s="281">
        <v>1</v>
      </c>
      <c r="EK37" s="281">
        <v>2</v>
      </c>
      <c r="EL37" s="281">
        <v>4</v>
      </c>
      <c r="EM37" s="281">
        <v>0</v>
      </c>
      <c r="EN37" s="278">
        <v>10</v>
      </c>
      <c r="EO37" s="283">
        <v>15</v>
      </c>
      <c r="EP37" s="277">
        <v>2</v>
      </c>
      <c r="EQ37" s="281">
        <v>2</v>
      </c>
      <c r="ER37" s="278">
        <v>4</v>
      </c>
      <c r="ES37" s="280">
        <v>0</v>
      </c>
      <c r="ET37" s="281">
        <v>12</v>
      </c>
      <c r="EU37" s="281">
        <v>9</v>
      </c>
      <c r="EV37" s="281">
        <v>4</v>
      </c>
      <c r="EW37" s="281">
        <v>2</v>
      </c>
      <c r="EX37" s="281">
        <v>2</v>
      </c>
      <c r="EY37" s="278">
        <v>29</v>
      </c>
      <c r="EZ37" s="283">
        <v>33</v>
      </c>
    </row>
    <row r="38" spans="2:156" ht="19.8" customHeight="1" x14ac:dyDescent="0.2">
      <c r="B38" s="262" t="s">
        <v>36</v>
      </c>
      <c r="C38" s="277">
        <v>0</v>
      </c>
      <c r="D38" s="281">
        <v>0</v>
      </c>
      <c r="E38" s="385">
        <v>0</v>
      </c>
      <c r="F38" s="280">
        <v>0</v>
      </c>
      <c r="G38" s="281">
        <v>3</v>
      </c>
      <c r="H38" s="281">
        <v>1</v>
      </c>
      <c r="I38" s="281">
        <v>0</v>
      </c>
      <c r="J38" s="281">
        <v>0</v>
      </c>
      <c r="K38" s="281">
        <v>0</v>
      </c>
      <c r="L38" s="282">
        <v>4</v>
      </c>
      <c r="M38" s="283">
        <v>4</v>
      </c>
      <c r="N38" s="277">
        <v>0</v>
      </c>
      <c r="O38" s="281">
        <v>0</v>
      </c>
      <c r="P38" s="278">
        <v>0</v>
      </c>
      <c r="Q38" s="280">
        <v>0</v>
      </c>
      <c r="R38" s="281">
        <v>0</v>
      </c>
      <c r="S38" s="281">
        <v>0</v>
      </c>
      <c r="T38" s="281">
        <v>0</v>
      </c>
      <c r="U38" s="281">
        <v>0</v>
      </c>
      <c r="V38" s="281">
        <v>0</v>
      </c>
      <c r="W38" s="278">
        <v>0</v>
      </c>
      <c r="X38" s="283">
        <v>0</v>
      </c>
      <c r="Y38" s="277">
        <v>1</v>
      </c>
      <c r="Z38" s="281">
        <v>1</v>
      </c>
      <c r="AA38" s="278">
        <v>2</v>
      </c>
      <c r="AB38" s="280">
        <v>0</v>
      </c>
      <c r="AC38" s="281">
        <v>4</v>
      </c>
      <c r="AD38" s="281">
        <v>3</v>
      </c>
      <c r="AE38" s="281">
        <v>1</v>
      </c>
      <c r="AF38" s="281">
        <v>0</v>
      </c>
      <c r="AG38" s="281">
        <v>0</v>
      </c>
      <c r="AH38" s="278">
        <v>8</v>
      </c>
      <c r="AI38" s="283">
        <v>10</v>
      </c>
      <c r="AJ38" s="277">
        <v>0</v>
      </c>
      <c r="AK38" s="281">
        <v>0</v>
      </c>
      <c r="AL38" s="278">
        <v>0</v>
      </c>
      <c r="AM38" s="280">
        <v>0</v>
      </c>
      <c r="AN38" s="281">
        <v>2</v>
      </c>
      <c r="AO38" s="281">
        <v>0</v>
      </c>
      <c r="AP38" s="281">
        <v>0</v>
      </c>
      <c r="AQ38" s="281">
        <v>0</v>
      </c>
      <c r="AR38" s="281">
        <v>1</v>
      </c>
      <c r="AS38" s="278">
        <v>3</v>
      </c>
      <c r="AT38" s="283">
        <v>3</v>
      </c>
      <c r="AU38" s="277">
        <v>0</v>
      </c>
      <c r="AV38" s="281">
        <v>0</v>
      </c>
      <c r="AW38" s="278">
        <v>0</v>
      </c>
      <c r="AX38" s="280">
        <v>0</v>
      </c>
      <c r="AY38" s="281">
        <v>1</v>
      </c>
      <c r="AZ38" s="281">
        <v>3</v>
      </c>
      <c r="BA38" s="281">
        <v>3</v>
      </c>
      <c r="BB38" s="281">
        <v>4</v>
      </c>
      <c r="BC38" s="281">
        <v>0</v>
      </c>
      <c r="BD38" s="282">
        <v>11</v>
      </c>
      <c r="BE38" s="283">
        <v>11</v>
      </c>
      <c r="BF38" s="277">
        <v>0</v>
      </c>
      <c r="BG38" s="281">
        <v>0</v>
      </c>
      <c r="BH38" s="278">
        <v>0</v>
      </c>
      <c r="BI38" s="280">
        <v>0</v>
      </c>
      <c r="BJ38" s="281">
        <v>3</v>
      </c>
      <c r="BK38" s="281">
        <v>4</v>
      </c>
      <c r="BL38" s="281">
        <v>1</v>
      </c>
      <c r="BM38" s="281">
        <v>0</v>
      </c>
      <c r="BN38" s="281">
        <v>0</v>
      </c>
      <c r="BO38" s="278">
        <v>8</v>
      </c>
      <c r="BP38" s="283">
        <v>8</v>
      </c>
      <c r="BQ38" s="277">
        <v>0</v>
      </c>
      <c r="BR38" s="281">
        <v>1</v>
      </c>
      <c r="BS38" s="278">
        <v>1</v>
      </c>
      <c r="BT38" s="280">
        <v>0</v>
      </c>
      <c r="BU38" s="281">
        <v>1</v>
      </c>
      <c r="BV38" s="281">
        <v>0</v>
      </c>
      <c r="BW38" s="281">
        <v>0</v>
      </c>
      <c r="BX38" s="281">
        <v>0</v>
      </c>
      <c r="BY38" s="281">
        <v>0</v>
      </c>
      <c r="BZ38" s="278">
        <v>1</v>
      </c>
      <c r="CA38" s="283">
        <v>2</v>
      </c>
      <c r="CB38" s="277">
        <v>0</v>
      </c>
      <c r="CC38" s="281">
        <v>0</v>
      </c>
      <c r="CD38" s="278">
        <v>0</v>
      </c>
      <c r="CE38" s="280">
        <v>0</v>
      </c>
      <c r="CF38" s="281">
        <v>0</v>
      </c>
      <c r="CG38" s="281">
        <v>1</v>
      </c>
      <c r="CH38" s="281">
        <v>0</v>
      </c>
      <c r="CI38" s="281">
        <v>1</v>
      </c>
      <c r="CJ38" s="281">
        <v>0</v>
      </c>
      <c r="CK38" s="278">
        <v>2</v>
      </c>
      <c r="CL38" s="283">
        <v>2</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c r="DI38" s="277">
        <v>0</v>
      </c>
      <c r="DJ38" s="281">
        <v>0</v>
      </c>
      <c r="DK38" s="278">
        <v>0</v>
      </c>
      <c r="DL38" s="280">
        <v>0</v>
      </c>
      <c r="DM38" s="281">
        <v>0</v>
      </c>
      <c r="DN38" s="281">
        <v>0</v>
      </c>
      <c r="DO38" s="281">
        <v>0</v>
      </c>
      <c r="DP38" s="281">
        <v>0</v>
      </c>
      <c r="DQ38" s="281">
        <v>0</v>
      </c>
      <c r="DR38" s="278">
        <v>0</v>
      </c>
      <c r="DS38" s="283">
        <v>0</v>
      </c>
      <c r="DT38" s="277">
        <v>0</v>
      </c>
      <c r="DU38" s="281">
        <v>2</v>
      </c>
      <c r="DV38" s="278">
        <v>2</v>
      </c>
      <c r="DW38" s="280">
        <v>0</v>
      </c>
      <c r="DX38" s="281">
        <v>3</v>
      </c>
      <c r="DY38" s="281">
        <v>6</v>
      </c>
      <c r="DZ38" s="281">
        <v>1</v>
      </c>
      <c r="EA38" s="281">
        <v>2</v>
      </c>
      <c r="EB38" s="281">
        <v>1</v>
      </c>
      <c r="EC38" s="278">
        <v>13</v>
      </c>
      <c r="ED38" s="283">
        <v>15</v>
      </c>
      <c r="EE38" s="277">
        <v>0</v>
      </c>
      <c r="EF38" s="281">
        <v>0</v>
      </c>
      <c r="EG38" s="278">
        <v>0</v>
      </c>
      <c r="EH38" s="280">
        <v>0</v>
      </c>
      <c r="EI38" s="281">
        <v>0</v>
      </c>
      <c r="EJ38" s="281">
        <v>3</v>
      </c>
      <c r="EK38" s="281">
        <v>1</v>
      </c>
      <c r="EL38" s="281">
        <v>3</v>
      </c>
      <c r="EM38" s="281">
        <v>0</v>
      </c>
      <c r="EN38" s="278">
        <v>7</v>
      </c>
      <c r="EO38" s="283">
        <v>7</v>
      </c>
      <c r="EP38" s="277">
        <v>1</v>
      </c>
      <c r="EQ38" s="281">
        <v>4</v>
      </c>
      <c r="ER38" s="278">
        <v>5</v>
      </c>
      <c r="ES38" s="280">
        <v>0</v>
      </c>
      <c r="ET38" s="281">
        <v>8</v>
      </c>
      <c r="EU38" s="281">
        <v>7</v>
      </c>
      <c r="EV38" s="281">
        <v>1</v>
      </c>
      <c r="EW38" s="281">
        <v>2</v>
      </c>
      <c r="EX38" s="281">
        <v>1</v>
      </c>
      <c r="EY38" s="278">
        <v>19</v>
      </c>
      <c r="EZ38" s="283">
        <v>24</v>
      </c>
    </row>
    <row r="39" spans="2:156" ht="19.8" customHeight="1" thickBot="1" x14ac:dyDescent="0.25">
      <c r="B39" s="263" t="s">
        <v>37</v>
      </c>
      <c r="C39" s="284">
        <v>0</v>
      </c>
      <c r="D39" s="288">
        <v>0</v>
      </c>
      <c r="E39" s="386">
        <v>0</v>
      </c>
      <c r="F39" s="287">
        <v>0</v>
      </c>
      <c r="G39" s="288">
        <v>0</v>
      </c>
      <c r="H39" s="288">
        <v>0</v>
      </c>
      <c r="I39" s="288">
        <v>0</v>
      </c>
      <c r="J39" s="288">
        <v>0</v>
      </c>
      <c r="K39" s="288">
        <v>1</v>
      </c>
      <c r="L39" s="289">
        <v>1</v>
      </c>
      <c r="M39" s="290">
        <v>1</v>
      </c>
      <c r="N39" s="284">
        <v>0</v>
      </c>
      <c r="O39" s="288">
        <v>0</v>
      </c>
      <c r="P39" s="285">
        <v>0</v>
      </c>
      <c r="Q39" s="287">
        <v>0</v>
      </c>
      <c r="R39" s="288">
        <v>0</v>
      </c>
      <c r="S39" s="288">
        <v>0</v>
      </c>
      <c r="T39" s="288">
        <v>0</v>
      </c>
      <c r="U39" s="288">
        <v>0</v>
      </c>
      <c r="V39" s="288">
        <v>0</v>
      </c>
      <c r="W39" s="285">
        <v>0</v>
      </c>
      <c r="X39" s="290">
        <v>0</v>
      </c>
      <c r="Y39" s="284">
        <v>0</v>
      </c>
      <c r="Z39" s="288">
        <v>0</v>
      </c>
      <c r="AA39" s="285">
        <v>0</v>
      </c>
      <c r="AB39" s="287">
        <v>0</v>
      </c>
      <c r="AC39" s="288">
        <v>0</v>
      </c>
      <c r="AD39" s="288">
        <v>0</v>
      </c>
      <c r="AE39" s="288">
        <v>0</v>
      </c>
      <c r="AF39" s="288">
        <v>0</v>
      </c>
      <c r="AG39" s="288">
        <v>1</v>
      </c>
      <c r="AH39" s="285">
        <v>1</v>
      </c>
      <c r="AI39" s="290">
        <v>1</v>
      </c>
      <c r="AJ39" s="284">
        <v>0</v>
      </c>
      <c r="AK39" s="288">
        <v>0</v>
      </c>
      <c r="AL39" s="285">
        <v>0</v>
      </c>
      <c r="AM39" s="287">
        <v>0</v>
      </c>
      <c r="AN39" s="288">
        <v>0</v>
      </c>
      <c r="AO39" s="288">
        <v>0</v>
      </c>
      <c r="AP39" s="288">
        <v>0</v>
      </c>
      <c r="AQ39" s="288">
        <v>0</v>
      </c>
      <c r="AR39" s="288">
        <v>0</v>
      </c>
      <c r="AS39" s="285">
        <v>0</v>
      </c>
      <c r="AT39" s="290">
        <v>0</v>
      </c>
      <c r="AU39" s="284">
        <v>0</v>
      </c>
      <c r="AV39" s="288">
        <v>0</v>
      </c>
      <c r="AW39" s="285">
        <v>0</v>
      </c>
      <c r="AX39" s="287">
        <v>0</v>
      </c>
      <c r="AY39" s="288">
        <v>0</v>
      </c>
      <c r="AZ39" s="288">
        <v>0</v>
      </c>
      <c r="BA39" s="288">
        <v>0</v>
      </c>
      <c r="BB39" s="288">
        <v>1</v>
      </c>
      <c r="BC39" s="288">
        <v>1</v>
      </c>
      <c r="BD39" s="289">
        <v>2</v>
      </c>
      <c r="BE39" s="290">
        <v>2</v>
      </c>
      <c r="BF39" s="284">
        <v>0</v>
      </c>
      <c r="BG39" s="288">
        <v>0</v>
      </c>
      <c r="BH39" s="285">
        <v>0</v>
      </c>
      <c r="BI39" s="287">
        <v>0</v>
      </c>
      <c r="BJ39" s="288">
        <v>0</v>
      </c>
      <c r="BK39" s="288">
        <v>0</v>
      </c>
      <c r="BL39" s="288">
        <v>0</v>
      </c>
      <c r="BM39" s="288">
        <v>0</v>
      </c>
      <c r="BN39" s="288">
        <v>0</v>
      </c>
      <c r="BO39" s="285">
        <v>0</v>
      </c>
      <c r="BP39" s="290">
        <v>0</v>
      </c>
      <c r="BQ39" s="284">
        <v>0</v>
      </c>
      <c r="BR39" s="288">
        <v>0</v>
      </c>
      <c r="BS39" s="285">
        <v>0</v>
      </c>
      <c r="BT39" s="287">
        <v>0</v>
      </c>
      <c r="BU39" s="288">
        <v>0</v>
      </c>
      <c r="BV39" s="288">
        <v>0</v>
      </c>
      <c r="BW39" s="288">
        <v>0</v>
      </c>
      <c r="BX39" s="288">
        <v>0</v>
      </c>
      <c r="BY39" s="288">
        <v>0</v>
      </c>
      <c r="BZ39" s="285">
        <v>0</v>
      </c>
      <c r="CA39" s="290">
        <v>0</v>
      </c>
      <c r="CB39" s="284">
        <v>0</v>
      </c>
      <c r="CC39" s="288">
        <v>0</v>
      </c>
      <c r="CD39" s="285">
        <v>0</v>
      </c>
      <c r="CE39" s="287">
        <v>0</v>
      </c>
      <c r="CF39" s="288">
        <v>0</v>
      </c>
      <c r="CG39" s="288">
        <v>0</v>
      </c>
      <c r="CH39" s="288">
        <v>0</v>
      </c>
      <c r="CI39" s="288">
        <v>0</v>
      </c>
      <c r="CJ39" s="288">
        <v>0</v>
      </c>
      <c r="CK39" s="285">
        <v>0</v>
      </c>
      <c r="CL39" s="290">
        <v>0</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c r="DI39" s="284">
        <v>0</v>
      </c>
      <c r="DJ39" s="288">
        <v>0</v>
      </c>
      <c r="DK39" s="285">
        <v>0</v>
      </c>
      <c r="DL39" s="287">
        <v>0</v>
      </c>
      <c r="DM39" s="288">
        <v>0</v>
      </c>
      <c r="DN39" s="288">
        <v>0</v>
      </c>
      <c r="DO39" s="288">
        <v>0</v>
      </c>
      <c r="DP39" s="288">
        <v>0</v>
      </c>
      <c r="DQ39" s="288">
        <v>0</v>
      </c>
      <c r="DR39" s="285">
        <v>0</v>
      </c>
      <c r="DS39" s="290">
        <v>0</v>
      </c>
      <c r="DT39" s="284">
        <v>0</v>
      </c>
      <c r="DU39" s="288">
        <v>0</v>
      </c>
      <c r="DV39" s="285">
        <v>0</v>
      </c>
      <c r="DW39" s="287">
        <v>0</v>
      </c>
      <c r="DX39" s="288">
        <v>0</v>
      </c>
      <c r="DY39" s="288">
        <v>0</v>
      </c>
      <c r="DZ39" s="288">
        <v>0</v>
      </c>
      <c r="EA39" s="288">
        <v>0</v>
      </c>
      <c r="EB39" s="288">
        <v>1</v>
      </c>
      <c r="EC39" s="285">
        <v>1</v>
      </c>
      <c r="ED39" s="290">
        <v>1</v>
      </c>
      <c r="EE39" s="284">
        <v>0</v>
      </c>
      <c r="EF39" s="288">
        <v>0</v>
      </c>
      <c r="EG39" s="285">
        <v>0</v>
      </c>
      <c r="EH39" s="287">
        <v>0</v>
      </c>
      <c r="EI39" s="288">
        <v>0</v>
      </c>
      <c r="EJ39" s="288">
        <v>0</v>
      </c>
      <c r="EK39" s="288">
        <v>0</v>
      </c>
      <c r="EL39" s="288">
        <v>1</v>
      </c>
      <c r="EM39" s="288">
        <v>0</v>
      </c>
      <c r="EN39" s="285">
        <v>1</v>
      </c>
      <c r="EO39" s="290">
        <v>1</v>
      </c>
      <c r="EP39" s="284">
        <v>0</v>
      </c>
      <c r="EQ39" s="288">
        <v>0</v>
      </c>
      <c r="ER39" s="285">
        <v>0</v>
      </c>
      <c r="ES39" s="287">
        <v>0</v>
      </c>
      <c r="ET39" s="288">
        <v>0</v>
      </c>
      <c r="EU39" s="288">
        <v>0</v>
      </c>
      <c r="EV39" s="288">
        <v>1</v>
      </c>
      <c r="EW39" s="288">
        <v>0</v>
      </c>
      <c r="EX39" s="288">
        <v>1</v>
      </c>
      <c r="EY39" s="285">
        <v>2</v>
      </c>
      <c r="EZ39" s="290">
        <v>2</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6"/>
    <col min="6" max="6" width="7.77734375" style="256" customWidth="1"/>
    <col min="7" max="7" width="9" style="256"/>
    <col min="8" max="8" width="10.6640625" style="256" customWidth="1"/>
    <col min="9" max="16" width="9" style="256"/>
    <col min="17" max="17" width="7.77734375" style="256" customWidth="1"/>
    <col min="18" max="27" width="9" style="256"/>
    <col min="28" max="28" width="6.88671875" style="256" customWidth="1"/>
    <col min="29" max="38" width="9" style="256"/>
    <col min="39" max="39" width="7.21875" style="256" customWidth="1"/>
    <col min="40" max="49" width="9" style="256"/>
    <col min="50" max="50" width="7.44140625" style="256" customWidth="1"/>
    <col min="51" max="60" width="9" style="256"/>
    <col min="61" max="61" width="7.6640625" style="256" customWidth="1"/>
    <col min="62" max="71" width="9" style="256"/>
    <col min="72" max="72" width="7.88671875" style="256" customWidth="1"/>
    <col min="73" max="82" width="9" style="256"/>
    <col min="83" max="83" width="7" style="256" customWidth="1"/>
    <col min="84" max="93" width="9" style="256"/>
    <col min="94" max="94" width="7.6640625" style="256" customWidth="1"/>
    <col min="95" max="16384" width="9" style="256"/>
  </cols>
  <sheetData>
    <row r="1" spans="2:112" ht="24" customHeight="1" x14ac:dyDescent="0.2">
      <c r="B1" s="291" t="s">
        <v>123</v>
      </c>
      <c r="J1" s="528">
        <f>第１表!F2</f>
        <v>4</v>
      </c>
      <c r="K1" s="528"/>
      <c r="L1" s="248">
        <f>第１表!G2</f>
        <v>8</v>
      </c>
      <c r="M1" s="529">
        <f>IF(L1&lt;3,L1+12-2,L1-2)</f>
        <v>6</v>
      </c>
      <c r="N1" s="529"/>
    </row>
    <row r="2" spans="2:112" ht="24" customHeight="1" thickBot="1" x14ac:dyDescent="0.25">
      <c r="B2" s="291" t="s">
        <v>139</v>
      </c>
    </row>
    <row r="3" spans="2:112" ht="13.8"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05</v>
      </c>
      <c r="CN3" s="547"/>
      <c r="CO3" s="547"/>
      <c r="CP3" s="547"/>
      <c r="CQ3" s="547"/>
      <c r="CR3" s="547"/>
      <c r="CS3" s="547"/>
      <c r="CT3" s="547"/>
      <c r="CU3" s="547"/>
      <c r="CV3" s="547"/>
      <c r="CW3" s="548"/>
      <c r="CX3" s="546" t="s">
        <v>160</v>
      </c>
      <c r="CY3" s="547"/>
      <c r="CZ3" s="547"/>
      <c r="DA3" s="547"/>
      <c r="DB3" s="547"/>
      <c r="DC3" s="547"/>
      <c r="DD3" s="547"/>
      <c r="DE3" s="547"/>
      <c r="DF3" s="547"/>
      <c r="DG3" s="547"/>
      <c r="DH3" s="548"/>
    </row>
    <row r="4" spans="2:112" x14ac:dyDescent="0.2">
      <c r="B4" s="550"/>
      <c r="C4" s="554" t="s">
        <v>61</v>
      </c>
      <c r="D4" s="537"/>
      <c r="E4" s="538"/>
      <c r="F4" s="536" t="s">
        <v>62</v>
      </c>
      <c r="G4" s="537"/>
      <c r="H4" s="537"/>
      <c r="I4" s="537"/>
      <c r="J4" s="537"/>
      <c r="K4" s="537"/>
      <c r="L4" s="545"/>
      <c r="M4" s="539" t="s">
        <v>52</v>
      </c>
      <c r="N4" s="554" t="s">
        <v>61</v>
      </c>
      <c r="O4" s="537"/>
      <c r="P4" s="538"/>
      <c r="Q4" s="536" t="s">
        <v>62</v>
      </c>
      <c r="R4" s="537"/>
      <c r="S4" s="537"/>
      <c r="T4" s="537"/>
      <c r="U4" s="537"/>
      <c r="V4" s="537"/>
      <c r="W4" s="538"/>
      <c r="X4" s="539" t="s">
        <v>52</v>
      </c>
      <c r="Y4" s="541" t="s">
        <v>61</v>
      </c>
      <c r="Z4" s="537"/>
      <c r="AA4" s="545"/>
      <c r="AB4" s="536" t="s">
        <v>62</v>
      </c>
      <c r="AC4" s="537"/>
      <c r="AD4" s="537"/>
      <c r="AE4" s="537"/>
      <c r="AF4" s="537"/>
      <c r="AG4" s="537"/>
      <c r="AH4" s="538"/>
      <c r="AI4" s="539" t="s">
        <v>52</v>
      </c>
      <c r="AJ4" s="541" t="s">
        <v>61</v>
      </c>
      <c r="AK4" s="537"/>
      <c r="AL4" s="538"/>
      <c r="AM4" s="536" t="s">
        <v>62</v>
      </c>
      <c r="AN4" s="537"/>
      <c r="AO4" s="537"/>
      <c r="AP4" s="537"/>
      <c r="AQ4" s="537"/>
      <c r="AR4" s="537"/>
      <c r="AS4" s="538"/>
      <c r="AT4" s="539" t="s">
        <v>52</v>
      </c>
      <c r="AU4" s="541" t="s">
        <v>61</v>
      </c>
      <c r="AV4" s="537"/>
      <c r="AW4" s="545"/>
      <c r="AX4" s="536" t="s">
        <v>62</v>
      </c>
      <c r="AY4" s="537"/>
      <c r="AZ4" s="537"/>
      <c r="BA4" s="537"/>
      <c r="BB4" s="537"/>
      <c r="BC4" s="537"/>
      <c r="BD4" s="545"/>
      <c r="BE4" s="539" t="s">
        <v>52</v>
      </c>
      <c r="BF4" s="541" t="s">
        <v>61</v>
      </c>
      <c r="BG4" s="537"/>
      <c r="BH4" s="538"/>
      <c r="BI4" s="536" t="s">
        <v>62</v>
      </c>
      <c r="BJ4" s="537"/>
      <c r="BK4" s="537"/>
      <c r="BL4" s="537"/>
      <c r="BM4" s="537"/>
      <c r="BN4" s="537"/>
      <c r="BO4" s="538"/>
      <c r="BP4" s="539" t="s">
        <v>52</v>
      </c>
      <c r="BQ4" s="541" t="s">
        <v>61</v>
      </c>
      <c r="BR4" s="537"/>
      <c r="BS4" s="538"/>
      <c r="BT4" s="536" t="s">
        <v>62</v>
      </c>
      <c r="BU4" s="537"/>
      <c r="BV4" s="537"/>
      <c r="BW4" s="537"/>
      <c r="BX4" s="537"/>
      <c r="BY4" s="537"/>
      <c r="BZ4" s="538"/>
      <c r="CA4" s="539" t="s">
        <v>52</v>
      </c>
      <c r="CB4" s="541" t="s">
        <v>61</v>
      </c>
      <c r="CC4" s="537"/>
      <c r="CD4" s="538"/>
      <c r="CE4" s="536" t="s">
        <v>62</v>
      </c>
      <c r="CF4" s="537"/>
      <c r="CG4" s="537"/>
      <c r="CH4" s="537"/>
      <c r="CI4" s="537"/>
      <c r="CJ4" s="537"/>
      <c r="CK4" s="538"/>
      <c r="CL4" s="539" t="s">
        <v>52</v>
      </c>
      <c r="CM4" s="541" t="s">
        <v>61</v>
      </c>
      <c r="CN4" s="537"/>
      <c r="CO4" s="538"/>
      <c r="CP4" s="536" t="s">
        <v>62</v>
      </c>
      <c r="CQ4" s="537"/>
      <c r="CR4" s="537"/>
      <c r="CS4" s="537"/>
      <c r="CT4" s="537"/>
      <c r="CU4" s="537"/>
      <c r="CV4" s="538"/>
      <c r="CW4" s="539" t="s">
        <v>52</v>
      </c>
      <c r="CX4" s="541" t="s">
        <v>61</v>
      </c>
      <c r="CY4" s="537"/>
      <c r="CZ4" s="538"/>
      <c r="DA4" s="536" t="s">
        <v>62</v>
      </c>
      <c r="DB4" s="537"/>
      <c r="DC4" s="537"/>
      <c r="DD4" s="537"/>
      <c r="DE4" s="537"/>
      <c r="DF4" s="537"/>
      <c r="DG4" s="538"/>
      <c r="DH4" s="539" t="s">
        <v>52</v>
      </c>
    </row>
    <row r="5" spans="2:112" ht="28.5" customHeight="1" thickBot="1" x14ac:dyDescent="0.25">
      <c r="B5" s="551"/>
      <c r="C5" s="265" t="s">
        <v>43</v>
      </c>
      <c r="D5" s="260" t="s">
        <v>44</v>
      </c>
      <c r="E5" s="383" t="s">
        <v>45</v>
      </c>
      <c r="F5" s="268" t="s">
        <v>83</v>
      </c>
      <c r="G5" s="260" t="s">
        <v>47</v>
      </c>
      <c r="H5" s="260" t="s">
        <v>48</v>
      </c>
      <c r="I5" s="260" t="s">
        <v>49</v>
      </c>
      <c r="J5" s="260" t="s">
        <v>50</v>
      </c>
      <c r="K5" s="260" t="s">
        <v>51</v>
      </c>
      <c r="L5" s="269" t="s">
        <v>45</v>
      </c>
      <c r="M5" s="540"/>
      <c r="N5" s="265" t="s">
        <v>43</v>
      </c>
      <c r="O5" s="260" t="s">
        <v>44</v>
      </c>
      <c r="P5" s="266" t="s">
        <v>45</v>
      </c>
      <c r="Q5" s="268" t="s">
        <v>83</v>
      </c>
      <c r="R5" s="260" t="s">
        <v>47</v>
      </c>
      <c r="S5" s="260" t="s">
        <v>48</v>
      </c>
      <c r="T5" s="260" t="s">
        <v>49</v>
      </c>
      <c r="U5" s="260" t="s">
        <v>50</v>
      </c>
      <c r="V5" s="260" t="s">
        <v>51</v>
      </c>
      <c r="W5" s="266" t="s">
        <v>45</v>
      </c>
      <c r="X5" s="540"/>
      <c r="Y5" s="312" t="s">
        <v>43</v>
      </c>
      <c r="Z5" s="260" t="s">
        <v>44</v>
      </c>
      <c r="AA5" s="269" t="s">
        <v>45</v>
      </c>
      <c r="AB5" s="268" t="s">
        <v>83</v>
      </c>
      <c r="AC5" s="260" t="s">
        <v>47</v>
      </c>
      <c r="AD5" s="260" t="s">
        <v>48</v>
      </c>
      <c r="AE5" s="260" t="s">
        <v>49</v>
      </c>
      <c r="AF5" s="260" t="s">
        <v>50</v>
      </c>
      <c r="AG5" s="260" t="s">
        <v>51</v>
      </c>
      <c r="AH5" s="266" t="s">
        <v>45</v>
      </c>
      <c r="AI5" s="540"/>
      <c r="AJ5" s="264" t="s">
        <v>43</v>
      </c>
      <c r="AK5" s="260" t="s">
        <v>44</v>
      </c>
      <c r="AL5" s="266" t="s">
        <v>45</v>
      </c>
      <c r="AM5" s="268" t="s">
        <v>83</v>
      </c>
      <c r="AN5" s="260" t="s">
        <v>47</v>
      </c>
      <c r="AO5" s="260" t="s">
        <v>48</v>
      </c>
      <c r="AP5" s="260" t="s">
        <v>49</v>
      </c>
      <c r="AQ5" s="260" t="s">
        <v>50</v>
      </c>
      <c r="AR5" s="260" t="s">
        <v>51</v>
      </c>
      <c r="AS5" s="266" t="s">
        <v>45</v>
      </c>
      <c r="AT5" s="540"/>
      <c r="AU5" s="312" t="s">
        <v>43</v>
      </c>
      <c r="AV5" s="260" t="s">
        <v>44</v>
      </c>
      <c r="AW5" s="269" t="s">
        <v>45</v>
      </c>
      <c r="AX5" s="268" t="s">
        <v>83</v>
      </c>
      <c r="AY5" s="260" t="s">
        <v>47</v>
      </c>
      <c r="AZ5" s="260" t="s">
        <v>48</v>
      </c>
      <c r="BA5" s="260" t="s">
        <v>49</v>
      </c>
      <c r="BB5" s="260" t="s">
        <v>50</v>
      </c>
      <c r="BC5" s="260" t="s">
        <v>51</v>
      </c>
      <c r="BD5" s="269" t="s">
        <v>45</v>
      </c>
      <c r="BE5" s="540"/>
      <c r="BF5" s="312" t="s">
        <v>43</v>
      </c>
      <c r="BG5" s="260" t="s">
        <v>44</v>
      </c>
      <c r="BH5" s="266" t="s">
        <v>45</v>
      </c>
      <c r="BI5" s="268" t="s">
        <v>83</v>
      </c>
      <c r="BJ5" s="260" t="s">
        <v>47</v>
      </c>
      <c r="BK5" s="260" t="s">
        <v>48</v>
      </c>
      <c r="BL5" s="260" t="s">
        <v>49</v>
      </c>
      <c r="BM5" s="260" t="s">
        <v>50</v>
      </c>
      <c r="BN5" s="260" t="s">
        <v>51</v>
      </c>
      <c r="BO5" s="266" t="s">
        <v>45</v>
      </c>
      <c r="BP5" s="540"/>
      <c r="BQ5" s="312" t="s">
        <v>43</v>
      </c>
      <c r="BR5" s="260" t="s">
        <v>44</v>
      </c>
      <c r="BS5" s="266" t="s">
        <v>45</v>
      </c>
      <c r="BT5" s="268" t="s">
        <v>83</v>
      </c>
      <c r="BU5" s="260" t="s">
        <v>47</v>
      </c>
      <c r="BV5" s="260" t="s">
        <v>48</v>
      </c>
      <c r="BW5" s="260" t="s">
        <v>49</v>
      </c>
      <c r="BX5" s="260" t="s">
        <v>50</v>
      </c>
      <c r="BY5" s="260" t="s">
        <v>51</v>
      </c>
      <c r="BZ5" s="266" t="s">
        <v>45</v>
      </c>
      <c r="CA5" s="540"/>
      <c r="CB5" s="312" t="s">
        <v>43</v>
      </c>
      <c r="CC5" s="260" t="s">
        <v>44</v>
      </c>
      <c r="CD5" s="266" t="s">
        <v>45</v>
      </c>
      <c r="CE5" s="268" t="s">
        <v>83</v>
      </c>
      <c r="CF5" s="260" t="s">
        <v>47</v>
      </c>
      <c r="CG5" s="260" t="s">
        <v>48</v>
      </c>
      <c r="CH5" s="260" t="s">
        <v>49</v>
      </c>
      <c r="CI5" s="260" t="s">
        <v>50</v>
      </c>
      <c r="CJ5" s="260" t="s">
        <v>51</v>
      </c>
      <c r="CK5" s="266" t="s">
        <v>45</v>
      </c>
      <c r="CL5" s="540"/>
      <c r="CM5" s="312" t="s">
        <v>43</v>
      </c>
      <c r="CN5" s="260" t="s">
        <v>44</v>
      </c>
      <c r="CO5" s="266" t="s">
        <v>45</v>
      </c>
      <c r="CP5" s="268" t="s">
        <v>83</v>
      </c>
      <c r="CQ5" s="260" t="s">
        <v>47</v>
      </c>
      <c r="CR5" s="260" t="s">
        <v>48</v>
      </c>
      <c r="CS5" s="260" t="s">
        <v>49</v>
      </c>
      <c r="CT5" s="260" t="s">
        <v>50</v>
      </c>
      <c r="CU5" s="260" t="s">
        <v>51</v>
      </c>
      <c r="CV5" s="266" t="s">
        <v>45</v>
      </c>
      <c r="CW5" s="540"/>
      <c r="CX5" s="366" t="s">
        <v>43</v>
      </c>
      <c r="CY5" s="260" t="s">
        <v>44</v>
      </c>
      <c r="CZ5" s="266" t="s">
        <v>45</v>
      </c>
      <c r="DA5" s="268" t="s">
        <v>83</v>
      </c>
      <c r="DB5" s="260" t="s">
        <v>47</v>
      </c>
      <c r="DC5" s="260" t="s">
        <v>48</v>
      </c>
      <c r="DD5" s="260" t="s">
        <v>49</v>
      </c>
      <c r="DE5" s="260" t="s">
        <v>50</v>
      </c>
      <c r="DF5" s="260" t="s">
        <v>51</v>
      </c>
      <c r="DG5" s="266" t="s">
        <v>45</v>
      </c>
      <c r="DH5" s="540"/>
    </row>
    <row r="6" spans="2:112" ht="19.8" customHeight="1" x14ac:dyDescent="0.2">
      <c r="B6" s="261" t="s">
        <v>4</v>
      </c>
      <c r="C6" s="270">
        <v>7</v>
      </c>
      <c r="D6" s="274">
        <v>0</v>
      </c>
      <c r="E6" s="384">
        <v>7</v>
      </c>
      <c r="F6" s="273">
        <v>0</v>
      </c>
      <c r="G6" s="274">
        <v>210771</v>
      </c>
      <c r="H6" s="274">
        <v>331780</v>
      </c>
      <c r="I6" s="274">
        <v>338228</v>
      </c>
      <c r="J6" s="274">
        <v>410272</v>
      </c>
      <c r="K6" s="274">
        <v>394253</v>
      </c>
      <c r="L6" s="275">
        <v>1685304</v>
      </c>
      <c r="M6" s="276">
        <v>1685311</v>
      </c>
      <c r="N6" s="270">
        <v>7</v>
      </c>
      <c r="O6" s="274">
        <v>109</v>
      </c>
      <c r="P6" s="271">
        <v>116</v>
      </c>
      <c r="Q6" s="273">
        <v>0</v>
      </c>
      <c r="R6" s="274">
        <v>440</v>
      </c>
      <c r="S6" s="274">
        <v>2056</v>
      </c>
      <c r="T6" s="274">
        <v>3855</v>
      </c>
      <c r="U6" s="274">
        <v>9374</v>
      </c>
      <c r="V6" s="274">
        <v>18371</v>
      </c>
      <c r="W6" s="271">
        <v>34096</v>
      </c>
      <c r="X6" s="276">
        <v>34212</v>
      </c>
      <c r="Y6" s="270">
        <v>12111</v>
      </c>
      <c r="Z6" s="274">
        <v>38429</v>
      </c>
      <c r="AA6" s="271">
        <v>50540</v>
      </c>
      <c r="AB6" s="273">
        <v>0</v>
      </c>
      <c r="AC6" s="274">
        <v>103363</v>
      </c>
      <c r="AD6" s="274">
        <v>163289</v>
      </c>
      <c r="AE6" s="274">
        <v>102575</v>
      </c>
      <c r="AF6" s="274">
        <v>95698</v>
      </c>
      <c r="AG6" s="274">
        <v>78140</v>
      </c>
      <c r="AH6" s="271">
        <v>543065</v>
      </c>
      <c r="AI6" s="276">
        <v>593605</v>
      </c>
      <c r="AJ6" s="270">
        <v>2308</v>
      </c>
      <c r="AK6" s="274">
        <v>8649</v>
      </c>
      <c r="AL6" s="271">
        <v>10957</v>
      </c>
      <c r="AM6" s="273">
        <v>0</v>
      </c>
      <c r="AN6" s="274">
        <v>12989</v>
      </c>
      <c r="AO6" s="274">
        <v>21845</v>
      </c>
      <c r="AP6" s="274">
        <v>14653</v>
      </c>
      <c r="AQ6" s="274">
        <v>13362</v>
      </c>
      <c r="AR6" s="274">
        <v>7902</v>
      </c>
      <c r="AS6" s="271">
        <v>70751</v>
      </c>
      <c r="AT6" s="276">
        <v>81708</v>
      </c>
      <c r="AU6" s="270">
        <v>3</v>
      </c>
      <c r="AV6" s="274">
        <v>0</v>
      </c>
      <c r="AW6" s="271">
        <v>3</v>
      </c>
      <c r="AX6" s="273">
        <v>0</v>
      </c>
      <c r="AY6" s="274">
        <v>190279</v>
      </c>
      <c r="AZ6" s="274">
        <v>190016</v>
      </c>
      <c r="BA6" s="274">
        <v>117965</v>
      </c>
      <c r="BB6" s="274">
        <v>70615</v>
      </c>
      <c r="BC6" s="274">
        <v>33304</v>
      </c>
      <c r="BD6" s="275">
        <v>602179</v>
      </c>
      <c r="BE6" s="276">
        <v>602182</v>
      </c>
      <c r="BF6" s="270">
        <v>0</v>
      </c>
      <c r="BG6" s="274">
        <v>0</v>
      </c>
      <c r="BH6" s="271">
        <v>0</v>
      </c>
      <c r="BI6" s="273">
        <v>0</v>
      </c>
      <c r="BJ6" s="274">
        <v>31696</v>
      </c>
      <c r="BK6" s="274">
        <v>48885</v>
      </c>
      <c r="BL6" s="274">
        <v>29204</v>
      </c>
      <c r="BM6" s="274">
        <v>18600</v>
      </c>
      <c r="BN6" s="274">
        <v>6751</v>
      </c>
      <c r="BO6" s="271">
        <v>135136</v>
      </c>
      <c r="BP6" s="276">
        <v>135136</v>
      </c>
      <c r="BQ6" s="270">
        <v>344</v>
      </c>
      <c r="BR6" s="274">
        <v>1162</v>
      </c>
      <c r="BS6" s="271">
        <v>1506</v>
      </c>
      <c r="BT6" s="273">
        <v>0</v>
      </c>
      <c r="BU6" s="274">
        <v>15964</v>
      </c>
      <c r="BV6" s="274">
        <v>30515</v>
      </c>
      <c r="BW6" s="274">
        <v>53205</v>
      </c>
      <c r="BX6" s="274">
        <v>42182</v>
      </c>
      <c r="BY6" s="274">
        <v>20885</v>
      </c>
      <c r="BZ6" s="271">
        <v>162751</v>
      </c>
      <c r="CA6" s="276">
        <v>164257</v>
      </c>
      <c r="CB6" s="270">
        <v>5</v>
      </c>
      <c r="CC6" s="274">
        <v>131</v>
      </c>
      <c r="CD6" s="271">
        <v>136</v>
      </c>
      <c r="CE6" s="273">
        <v>0</v>
      </c>
      <c r="CF6" s="274">
        <v>1407</v>
      </c>
      <c r="CG6" s="274">
        <v>3105</v>
      </c>
      <c r="CH6" s="274">
        <v>4355</v>
      </c>
      <c r="CI6" s="274">
        <v>4177</v>
      </c>
      <c r="CJ6" s="274">
        <v>2705</v>
      </c>
      <c r="CK6" s="271">
        <v>15749</v>
      </c>
      <c r="CL6" s="276">
        <v>15885</v>
      </c>
      <c r="CM6" s="270">
        <v>0</v>
      </c>
      <c r="CN6" s="274">
        <v>0</v>
      </c>
      <c r="CO6" s="271">
        <v>0</v>
      </c>
      <c r="CP6" s="273">
        <v>0</v>
      </c>
      <c r="CQ6" s="274">
        <v>0</v>
      </c>
      <c r="CR6" s="274">
        <v>0</v>
      </c>
      <c r="CS6" s="274">
        <v>0</v>
      </c>
      <c r="CT6" s="274">
        <v>0</v>
      </c>
      <c r="CU6" s="274">
        <v>0</v>
      </c>
      <c r="CV6" s="271">
        <v>0</v>
      </c>
      <c r="CW6" s="276">
        <v>0</v>
      </c>
      <c r="CX6" s="270">
        <v>0</v>
      </c>
      <c r="CY6" s="274">
        <v>0</v>
      </c>
      <c r="CZ6" s="271">
        <v>0</v>
      </c>
      <c r="DA6" s="273">
        <v>0</v>
      </c>
      <c r="DB6" s="274">
        <v>0</v>
      </c>
      <c r="DC6" s="274">
        <v>0</v>
      </c>
      <c r="DD6" s="274">
        <v>0</v>
      </c>
      <c r="DE6" s="274">
        <v>0</v>
      </c>
      <c r="DF6" s="274">
        <v>0</v>
      </c>
      <c r="DG6" s="271">
        <v>0</v>
      </c>
      <c r="DH6" s="276">
        <v>0</v>
      </c>
    </row>
    <row r="7" spans="2:112" ht="19.8" customHeight="1" x14ac:dyDescent="0.2">
      <c r="B7" s="262" t="s">
        <v>5</v>
      </c>
      <c r="C7" s="277">
        <v>0</v>
      </c>
      <c r="D7" s="281">
        <v>0</v>
      </c>
      <c r="E7" s="385">
        <v>0</v>
      </c>
      <c r="F7" s="280">
        <v>0</v>
      </c>
      <c r="G7" s="281">
        <v>71481</v>
      </c>
      <c r="H7" s="281">
        <v>143501</v>
      </c>
      <c r="I7" s="281">
        <v>127977</v>
      </c>
      <c r="J7" s="281">
        <v>144940</v>
      </c>
      <c r="K7" s="281">
        <v>145239</v>
      </c>
      <c r="L7" s="282">
        <v>633138</v>
      </c>
      <c r="M7" s="283">
        <v>633138</v>
      </c>
      <c r="N7" s="277">
        <v>0</v>
      </c>
      <c r="O7" s="281">
        <v>49</v>
      </c>
      <c r="P7" s="278">
        <v>49</v>
      </c>
      <c r="Q7" s="280">
        <v>0</v>
      </c>
      <c r="R7" s="281">
        <v>124</v>
      </c>
      <c r="S7" s="281">
        <v>761</v>
      </c>
      <c r="T7" s="281">
        <v>1416</v>
      </c>
      <c r="U7" s="281">
        <v>3781</v>
      </c>
      <c r="V7" s="281">
        <v>7968</v>
      </c>
      <c r="W7" s="278">
        <v>14050</v>
      </c>
      <c r="X7" s="283">
        <v>14099</v>
      </c>
      <c r="Y7" s="277">
        <v>5419</v>
      </c>
      <c r="Z7" s="281">
        <v>19453</v>
      </c>
      <c r="AA7" s="278">
        <v>24872</v>
      </c>
      <c r="AB7" s="280">
        <v>0</v>
      </c>
      <c r="AC7" s="281">
        <v>37648</v>
      </c>
      <c r="AD7" s="281">
        <v>86969</v>
      </c>
      <c r="AE7" s="281">
        <v>49661</v>
      </c>
      <c r="AF7" s="281">
        <v>44559</v>
      </c>
      <c r="AG7" s="281">
        <v>36101</v>
      </c>
      <c r="AH7" s="278">
        <v>254938</v>
      </c>
      <c r="AI7" s="283">
        <v>279810</v>
      </c>
      <c r="AJ7" s="277">
        <v>960</v>
      </c>
      <c r="AK7" s="281">
        <v>4608</v>
      </c>
      <c r="AL7" s="278">
        <v>5568</v>
      </c>
      <c r="AM7" s="280">
        <v>0</v>
      </c>
      <c r="AN7" s="281">
        <v>3153</v>
      </c>
      <c r="AO7" s="281">
        <v>9144</v>
      </c>
      <c r="AP7" s="281">
        <v>6042</v>
      </c>
      <c r="AQ7" s="281">
        <v>5685</v>
      </c>
      <c r="AR7" s="281">
        <v>2935</v>
      </c>
      <c r="AS7" s="278">
        <v>26959</v>
      </c>
      <c r="AT7" s="283">
        <v>32527</v>
      </c>
      <c r="AU7" s="277">
        <v>0</v>
      </c>
      <c r="AV7" s="281">
        <v>0</v>
      </c>
      <c r="AW7" s="278">
        <v>0</v>
      </c>
      <c r="AX7" s="280">
        <v>0</v>
      </c>
      <c r="AY7" s="281">
        <v>58767</v>
      </c>
      <c r="AZ7" s="281">
        <v>76574</v>
      </c>
      <c r="BA7" s="281">
        <v>42084</v>
      </c>
      <c r="BB7" s="281">
        <v>23556</v>
      </c>
      <c r="BC7" s="281">
        <v>11459</v>
      </c>
      <c r="BD7" s="282">
        <v>212440</v>
      </c>
      <c r="BE7" s="283">
        <v>212440</v>
      </c>
      <c r="BF7" s="277">
        <v>0</v>
      </c>
      <c r="BG7" s="281">
        <v>0</v>
      </c>
      <c r="BH7" s="278">
        <v>0</v>
      </c>
      <c r="BI7" s="280">
        <v>0</v>
      </c>
      <c r="BJ7" s="281">
        <v>9270</v>
      </c>
      <c r="BK7" s="281">
        <v>22186</v>
      </c>
      <c r="BL7" s="281">
        <v>12855</v>
      </c>
      <c r="BM7" s="281">
        <v>7793</v>
      </c>
      <c r="BN7" s="281">
        <v>3039</v>
      </c>
      <c r="BO7" s="278">
        <v>55143</v>
      </c>
      <c r="BP7" s="283">
        <v>55143</v>
      </c>
      <c r="BQ7" s="277">
        <v>102</v>
      </c>
      <c r="BR7" s="281">
        <v>517</v>
      </c>
      <c r="BS7" s="278">
        <v>619</v>
      </c>
      <c r="BT7" s="280">
        <v>0</v>
      </c>
      <c r="BU7" s="281">
        <v>4941</v>
      </c>
      <c r="BV7" s="281">
        <v>12009</v>
      </c>
      <c r="BW7" s="281">
        <v>20165</v>
      </c>
      <c r="BX7" s="281">
        <v>15603</v>
      </c>
      <c r="BY7" s="281">
        <v>7850</v>
      </c>
      <c r="BZ7" s="278">
        <v>60568</v>
      </c>
      <c r="CA7" s="283">
        <v>61187</v>
      </c>
      <c r="CB7" s="277">
        <v>0</v>
      </c>
      <c r="CC7" s="281">
        <v>108</v>
      </c>
      <c r="CD7" s="278">
        <v>108</v>
      </c>
      <c r="CE7" s="280">
        <v>0</v>
      </c>
      <c r="CF7" s="281">
        <v>637</v>
      </c>
      <c r="CG7" s="281">
        <v>1735</v>
      </c>
      <c r="CH7" s="281">
        <v>2423</v>
      </c>
      <c r="CI7" s="281">
        <v>2253</v>
      </c>
      <c r="CJ7" s="281">
        <v>1659</v>
      </c>
      <c r="CK7" s="278">
        <v>8707</v>
      </c>
      <c r="CL7" s="283">
        <v>8815</v>
      </c>
      <c r="CM7" s="277">
        <v>0</v>
      </c>
      <c r="CN7" s="281">
        <v>0</v>
      </c>
      <c r="CO7" s="278">
        <v>0</v>
      </c>
      <c r="CP7" s="280">
        <v>0</v>
      </c>
      <c r="CQ7" s="281">
        <v>0</v>
      </c>
      <c r="CR7" s="281">
        <v>0</v>
      </c>
      <c r="CS7" s="281">
        <v>0</v>
      </c>
      <c r="CT7" s="281">
        <v>0</v>
      </c>
      <c r="CU7" s="281">
        <v>0</v>
      </c>
      <c r="CV7" s="278">
        <v>0</v>
      </c>
      <c r="CW7" s="283">
        <v>0</v>
      </c>
      <c r="CX7" s="277">
        <v>0</v>
      </c>
      <c r="CY7" s="281">
        <v>0</v>
      </c>
      <c r="CZ7" s="278">
        <v>0</v>
      </c>
      <c r="DA7" s="280">
        <v>0</v>
      </c>
      <c r="DB7" s="281">
        <v>0</v>
      </c>
      <c r="DC7" s="281">
        <v>0</v>
      </c>
      <c r="DD7" s="281">
        <v>0</v>
      </c>
      <c r="DE7" s="281">
        <v>0</v>
      </c>
      <c r="DF7" s="281">
        <v>0</v>
      </c>
      <c r="DG7" s="278">
        <v>0</v>
      </c>
      <c r="DH7" s="283">
        <v>0</v>
      </c>
    </row>
    <row r="8" spans="2:112" ht="19.8" customHeight="1" x14ac:dyDescent="0.2">
      <c r="B8" s="262" t="s">
        <v>6</v>
      </c>
      <c r="C8" s="277">
        <v>7</v>
      </c>
      <c r="D8" s="281">
        <v>0</v>
      </c>
      <c r="E8" s="385">
        <v>7</v>
      </c>
      <c r="F8" s="280">
        <v>0</v>
      </c>
      <c r="G8" s="281">
        <v>36399</v>
      </c>
      <c r="H8" s="281">
        <v>47432</v>
      </c>
      <c r="I8" s="281">
        <v>54000</v>
      </c>
      <c r="J8" s="281">
        <v>64660</v>
      </c>
      <c r="K8" s="281">
        <v>67027</v>
      </c>
      <c r="L8" s="282">
        <v>269518</v>
      </c>
      <c r="M8" s="283">
        <v>269525</v>
      </c>
      <c r="N8" s="277">
        <v>0</v>
      </c>
      <c r="O8" s="281">
        <v>25</v>
      </c>
      <c r="P8" s="278">
        <v>25</v>
      </c>
      <c r="Q8" s="280">
        <v>0</v>
      </c>
      <c r="R8" s="281">
        <v>69</v>
      </c>
      <c r="S8" s="281">
        <v>254</v>
      </c>
      <c r="T8" s="281">
        <v>468</v>
      </c>
      <c r="U8" s="281">
        <v>1344</v>
      </c>
      <c r="V8" s="281">
        <v>2519</v>
      </c>
      <c r="W8" s="278">
        <v>4654</v>
      </c>
      <c r="X8" s="283">
        <v>4679</v>
      </c>
      <c r="Y8" s="277">
        <v>1998</v>
      </c>
      <c r="Z8" s="281">
        <v>5923</v>
      </c>
      <c r="AA8" s="278">
        <v>7921</v>
      </c>
      <c r="AB8" s="280">
        <v>0</v>
      </c>
      <c r="AC8" s="281">
        <v>22244</v>
      </c>
      <c r="AD8" s="281">
        <v>23193</v>
      </c>
      <c r="AE8" s="281">
        <v>16270</v>
      </c>
      <c r="AF8" s="281">
        <v>16373</v>
      </c>
      <c r="AG8" s="281">
        <v>12586</v>
      </c>
      <c r="AH8" s="278">
        <v>90666</v>
      </c>
      <c r="AI8" s="283">
        <v>98587</v>
      </c>
      <c r="AJ8" s="277">
        <v>187</v>
      </c>
      <c r="AK8" s="281">
        <v>592</v>
      </c>
      <c r="AL8" s="278">
        <v>779</v>
      </c>
      <c r="AM8" s="280">
        <v>0</v>
      </c>
      <c r="AN8" s="281">
        <v>2121</v>
      </c>
      <c r="AO8" s="281">
        <v>2691</v>
      </c>
      <c r="AP8" s="281">
        <v>1763</v>
      </c>
      <c r="AQ8" s="281">
        <v>1626</v>
      </c>
      <c r="AR8" s="281">
        <v>936</v>
      </c>
      <c r="AS8" s="278">
        <v>9137</v>
      </c>
      <c r="AT8" s="283">
        <v>9916</v>
      </c>
      <c r="AU8" s="277">
        <v>0</v>
      </c>
      <c r="AV8" s="281">
        <v>0</v>
      </c>
      <c r="AW8" s="278">
        <v>0</v>
      </c>
      <c r="AX8" s="280">
        <v>0</v>
      </c>
      <c r="AY8" s="281">
        <v>32504</v>
      </c>
      <c r="AZ8" s="281">
        <v>24381</v>
      </c>
      <c r="BA8" s="281">
        <v>15945</v>
      </c>
      <c r="BB8" s="281">
        <v>10630</v>
      </c>
      <c r="BC8" s="281">
        <v>4800</v>
      </c>
      <c r="BD8" s="282">
        <v>88260</v>
      </c>
      <c r="BE8" s="283">
        <v>88260</v>
      </c>
      <c r="BF8" s="277">
        <v>0</v>
      </c>
      <c r="BG8" s="281">
        <v>0</v>
      </c>
      <c r="BH8" s="278">
        <v>0</v>
      </c>
      <c r="BI8" s="280">
        <v>0</v>
      </c>
      <c r="BJ8" s="281">
        <v>4374</v>
      </c>
      <c r="BK8" s="281">
        <v>5415</v>
      </c>
      <c r="BL8" s="281">
        <v>3974</v>
      </c>
      <c r="BM8" s="281">
        <v>2823</v>
      </c>
      <c r="BN8" s="281">
        <v>939</v>
      </c>
      <c r="BO8" s="278">
        <v>17525</v>
      </c>
      <c r="BP8" s="283">
        <v>17525</v>
      </c>
      <c r="BQ8" s="277">
        <v>30</v>
      </c>
      <c r="BR8" s="281">
        <v>102</v>
      </c>
      <c r="BS8" s="278">
        <v>132</v>
      </c>
      <c r="BT8" s="280">
        <v>0</v>
      </c>
      <c r="BU8" s="281">
        <v>2166</v>
      </c>
      <c r="BV8" s="281">
        <v>3191</v>
      </c>
      <c r="BW8" s="281">
        <v>5455</v>
      </c>
      <c r="BX8" s="281">
        <v>5158</v>
      </c>
      <c r="BY8" s="281">
        <v>2495</v>
      </c>
      <c r="BZ8" s="278">
        <v>18465</v>
      </c>
      <c r="CA8" s="283">
        <v>18597</v>
      </c>
      <c r="CB8" s="277">
        <v>0</v>
      </c>
      <c r="CC8" s="281">
        <v>0</v>
      </c>
      <c r="CD8" s="278">
        <v>0</v>
      </c>
      <c r="CE8" s="280">
        <v>0</v>
      </c>
      <c r="CF8" s="281">
        <v>147</v>
      </c>
      <c r="CG8" s="281">
        <v>319</v>
      </c>
      <c r="CH8" s="281">
        <v>496</v>
      </c>
      <c r="CI8" s="281">
        <v>690</v>
      </c>
      <c r="CJ8" s="281">
        <v>338</v>
      </c>
      <c r="CK8" s="278">
        <v>1990</v>
      </c>
      <c r="CL8" s="283">
        <v>1990</v>
      </c>
      <c r="CM8" s="277">
        <v>0</v>
      </c>
      <c r="CN8" s="281">
        <v>0</v>
      </c>
      <c r="CO8" s="278">
        <v>0</v>
      </c>
      <c r="CP8" s="280">
        <v>0</v>
      </c>
      <c r="CQ8" s="281">
        <v>0</v>
      </c>
      <c r="CR8" s="281">
        <v>0</v>
      </c>
      <c r="CS8" s="281">
        <v>0</v>
      </c>
      <c r="CT8" s="281">
        <v>0</v>
      </c>
      <c r="CU8" s="281">
        <v>0</v>
      </c>
      <c r="CV8" s="278">
        <v>0</v>
      </c>
      <c r="CW8" s="283">
        <v>0</v>
      </c>
      <c r="CX8" s="277">
        <v>0</v>
      </c>
      <c r="CY8" s="281">
        <v>0</v>
      </c>
      <c r="CZ8" s="278">
        <v>0</v>
      </c>
      <c r="DA8" s="280">
        <v>0</v>
      </c>
      <c r="DB8" s="281">
        <v>0</v>
      </c>
      <c r="DC8" s="281">
        <v>0</v>
      </c>
      <c r="DD8" s="281">
        <v>0</v>
      </c>
      <c r="DE8" s="281">
        <v>0</v>
      </c>
      <c r="DF8" s="281">
        <v>0</v>
      </c>
      <c r="DG8" s="278">
        <v>0</v>
      </c>
      <c r="DH8" s="283">
        <v>0</v>
      </c>
    </row>
    <row r="9" spans="2:112" ht="19.8" customHeight="1" x14ac:dyDescent="0.2">
      <c r="B9" s="262" t="s">
        <v>14</v>
      </c>
      <c r="C9" s="277">
        <v>0</v>
      </c>
      <c r="D9" s="281">
        <v>0</v>
      </c>
      <c r="E9" s="385">
        <v>0</v>
      </c>
      <c r="F9" s="280">
        <v>0</v>
      </c>
      <c r="G9" s="281">
        <v>13964</v>
      </c>
      <c r="H9" s="281">
        <v>24562</v>
      </c>
      <c r="I9" s="281">
        <v>25605</v>
      </c>
      <c r="J9" s="281">
        <v>28400</v>
      </c>
      <c r="K9" s="281">
        <v>24375</v>
      </c>
      <c r="L9" s="282">
        <v>116906</v>
      </c>
      <c r="M9" s="283">
        <v>116906</v>
      </c>
      <c r="N9" s="277">
        <v>3</v>
      </c>
      <c r="O9" s="281">
        <v>10</v>
      </c>
      <c r="P9" s="278">
        <v>13</v>
      </c>
      <c r="Q9" s="280">
        <v>0</v>
      </c>
      <c r="R9" s="281">
        <v>21</v>
      </c>
      <c r="S9" s="281">
        <v>129</v>
      </c>
      <c r="T9" s="281">
        <v>340</v>
      </c>
      <c r="U9" s="281">
        <v>559</v>
      </c>
      <c r="V9" s="281">
        <v>1320</v>
      </c>
      <c r="W9" s="278">
        <v>2369</v>
      </c>
      <c r="X9" s="283">
        <v>2382</v>
      </c>
      <c r="Y9" s="277">
        <v>739</v>
      </c>
      <c r="Z9" s="281">
        <v>3193</v>
      </c>
      <c r="AA9" s="278">
        <v>3932</v>
      </c>
      <c r="AB9" s="280">
        <v>0</v>
      </c>
      <c r="AC9" s="281">
        <v>5696</v>
      </c>
      <c r="AD9" s="281">
        <v>10697</v>
      </c>
      <c r="AE9" s="281">
        <v>8479</v>
      </c>
      <c r="AF9" s="281">
        <v>7521</v>
      </c>
      <c r="AG9" s="281">
        <v>5809</v>
      </c>
      <c r="AH9" s="278">
        <v>38202</v>
      </c>
      <c r="AI9" s="283">
        <v>42134</v>
      </c>
      <c r="AJ9" s="277">
        <v>85</v>
      </c>
      <c r="AK9" s="281">
        <v>428</v>
      </c>
      <c r="AL9" s="278">
        <v>513</v>
      </c>
      <c r="AM9" s="280">
        <v>0</v>
      </c>
      <c r="AN9" s="281">
        <v>298</v>
      </c>
      <c r="AO9" s="281">
        <v>1065</v>
      </c>
      <c r="AP9" s="281">
        <v>793</v>
      </c>
      <c r="AQ9" s="281">
        <v>609</v>
      </c>
      <c r="AR9" s="281">
        <v>276</v>
      </c>
      <c r="AS9" s="278">
        <v>3041</v>
      </c>
      <c r="AT9" s="283">
        <v>3554</v>
      </c>
      <c r="AU9" s="277">
        <v>0</v>
      </c>
      <c r="AV9" s="281">
        <v>0</v>
      </c>
      <c r="AW9" s="278">
        <v>0</v>
      </c>
      <c r="AX9" s="280">
        <v>0</v>
      </c>
      <c r="AY9" s="281">
        <v>13747</v>
      </c>
      <c r="AZ9" s="281">
        <v>16047</v>
      </c>
      <c r="BA9" s="281">
        <v>11503</v>
      </c>
      <c r="BB9" s="281">
        <v>7382</v>
      </c>
      <c r="BC9" s="281">
        <v>3267</v>
      </c>
      <c r="BD9" s="282">
        <v>51946</v>
      </c>
      <c r="BE9" s="283">
        <v>51946</v>
      </c>
      <c r="BF9" s="277">
        <v>0</v>
      </c>
      <c r="BG9" s="281">
        <v>0</v>
      </c>
      <c r="BH9" s="278">
        <v>0</v>
      </c>
      <c r="BI9" s="280">
        <v>0</v>
      </c>
      <c r="BJ9" s="281">
        <v>1074</v>
      </c>
      <c r="BK9" s="281">
        <v>2796</v>
      </c>
      <c r="BL9" s="281">
        <v>1833</v>
      </c>
      <c r="BM9" s="281">
        <v>1314</v>
      </c>
      <c r="BN9" s="281">
        <v>459</v>
      </c>
      <c r="BO9" s="278">
        <v>7476</v>
      </c>
      <c r="BP9" s="283">
        <v>7476</v>
      </c>
      <c r="BQ9" s="277">
        <v>25</v>
      </c>
      <c r="BR9" s="281">
        <v>111</v>
      </c>
      <c r="BS9" s="278">
        <v>136</v>
      </c>
      <c r="BT9" s="280">
        <v>0</v>
      </c>
      <c r="BU9" s="281">
        <v>1007</v>
      </c>
      <c r="BV9" s="281">
        <v>2467</v>
      </c>
      <c r="BW9" s="281">
        <v>4585</v>
      </c>
      <c r="BX9" s="281">
        <v>3580</v>
      </c>
      <c r="BY9" s="281">
        <v>1747</v>
      </c>
      <c r="BZ9" s="278">
        <v>13386</v>
      </c>
      <c r="CA9" s="283">
        <v>13522</v>
      </c>
      <c r="CB9" s="277">
        <v>0</v>
      </c>
      <c r="CC9" s="281">
        <v>0</v>
      </c>
      <c r="CD9" s="278">
        <v>0</v>
      </c>
      <c r="CE9" s="280">
        <v>0</v>
      </c>
      <c r="CF9" s="281">
        <v>4</v>
      </c>
      <c r="CG9" s="281">
        <v>57</v>
      </c>
      <c r="CH9" s="281">
        <v>64</v>
      </c>
      <c r="CI9" s="281">
        <v>111</v>
      </c>
      <c r="CJ9" s="281">
        <v>33</v>
      </c>
      <c r="CK9" s="278">
        <v>269</v>
      </c>
      <c r="CL9" s="283">
        <v>269</v>
      </c>
      <c r="CM9" s="277">
        <v>0</v>
      </c>
      <c r="CN9" s="281">
        <v>0</v>
      </c>
      <c r="CO9" s="278">
        <v>0</v>
      </c>
      <c r="CP9" s="280">
        <v>0</v>
      </c>
      <c r="CQ9" s="281">
        <v>0</v>
      </c>
      <c r="CR9" s="281">
        <v>0</v>
      </c>
      <c r="CS9" s="281">
        <v>0</v>
      </c>
      <c r="CT9" s="281">
        <v>0</v>
      </c>
      <c r="CU9" s="281">
        <v>0</v>
      </c>
      <c r="CV9" s="278">
        <v>0</v>
      </c>
      <c r="CW9" s="283">
        <v>0</v>
      </c>
      <c r="CX9" s="277">
        <v>0</v>
      </c>
      <c r="CY9" s="281">
        <v>0</v>
      </c>
      <c r="CZ9" s="278">
        <v>0</v>
      </c>
      <c r="DA9" s="280">
        <v>0</v>
      </c>
      <c r="DB9" s="281">
        <v>0</v>
      </c>
      <c r="DC9" s="281">
        <v>0</v>
      </c>
      <c r="DD9" s="281">
        <v>0</v>
      </c>
      <c r="DE9" s="281">
        <v>0</v>
      </c>
      <c r="DF9" s="281">
        <v>0</v>
      </c>
      <c r="DG9" s="278">
        <v>0</v>
      </c>
      <c r="DH9" s="283">
        <v>0</v>
      </c>
    </row>
    <row r="10" spans="2:112" ht="19.8" customHeight="1" x14ac:dyDescent="0.2">
      <c r="B10" s="262" t="s">
        <v>7</v>
      </c>
      <c r="C10" s="277">
        <v>0</v>
      </c>
      <c r="D10" s="281">
        <v>0</v>
      </c>
      <c r="E10" s="385">
        <v>0</v>
      </c>
      <c r="F10" s="280">
        <v>0</v>
      </c>
      <c r="G10" s="281">
        <v>16292</v>
      </c>
      <c r="H10" s="281">
        <v>18355</v>
      </c>
      <c r="I10" s="281">
        <v>19233</v>
      </c>
      <c r="J10" s="281">
        <v>27732</v>
      </c>
      <c r="K10" s="281">
        <v>22348</v>
      </c>
      <c r="L10" s="282">
        <v>103960</v>
      </c>
      <c r="M10" s="283">
        <v>103960</v>
      </c>
      <c r="N10" s="277">
        <v>0</v>
      </c>
      <c r="O10" s="281">
        <v>0</v>
      </c>
      <c r="P10" s="278">
        <v>0</v>
      </c>
      <c r="Q10" s="280">
        <v>0</v>
      </c>
      <c r="R10" s="281">
        <v>50</v>
      </c>
      <c r="S10" s="281">
        <v>161</v>
      </c>
      <c r="T10" s="281">
        <v>248</v>
      </c>
      <c r="U10" s="281">
        <v>648</v>
      </c>
      <c r="V10" s="281">
        <v>938</v>
      </c>
      <c r="W10" s="278">
        <v>2045</v>
      </c>
      <c r="X10" s="283">
        <v>2045</v>
      </c>
      <c r="Y10" s="277">
        <v>90</v>
      </c>
      <c r="Z10" s="281">
        <v>197</v>
      </c>
      <c r="AA10" s="278">
        <v>287</v>
      </c>
      <c r="AB10" s="280">
        <v>0</v>
      </c>
      <c r="AC10" s="281">
        <v>3643</v>
      </c>
      <c r="AD10" s="281">
        <v>4326</v>
      </c>
      <c r="AE10" s="281">
        <v>2949</v>
      </c>
      <c r="AF10" s="281">
        <v>3019</v>
      </c>
      <c r="AG10" s="281">
        <v>2520</v>
      </c>
      <c r="AH10" s="278">
        <v>16457</v>
      </c>
      <c r="AI10" s="283">
        <v>16744</v>
      </c>
      <c r="AJ10" s="277">
        <v>38</v>
      </c>
      <c r="AK10" s="281">
        <v>68</v>
      </c>
      <c r="AL10" s="278">
        <v>106</v>
      </c>
      <c r="AM10" s="280">
        <v>0</v>
      </c>
      <c r="AN10" s="281">
        <v>504</v>
      </c>
      <c r="AO10" s="281">
        <v>937</v>
      </c>
      <c r="AP10" s="281">
        <v>514</v>
      </c>
      <c r="AQ10" s="281">
        <v>599</v>
      </c>
      <c r="AR10" s="281">
        <v>385</v>
      </c>
      <c r="AS10" s="278">
        <v>2939</v>
      </c>
      <c r="AT10" s="283">
        <v>3045</v>
      </c>
      <c r="AU10" s="277">
        <v>0</v>
      </c>
      <c r="AV10" s="281">
        <v>0</v>
      </c>
      <c r="AW10" s="278">
        <v>0</v>
      </c>
      <c r="AX10" s="280">
        <v>0</v>
      </c>
      <c r="AY10" s="281">
        <v>14096</v>
      </c>
      <c r="AZ10" s="281">
        <v>10065</v>
      </c>
      <c r="BA10" s="281">
        <v>5789</v>
      </c>
      <c r="BB10" s="281">
        <v>3266</v>
      </c>
      <c r="BC10" s="281">
        <v>1420</v>
      </c>
      <c r="BD10" s="282">
        <v>34636</v>
      </c>
      <c r="BE10" s="283">
        <v>34636</v>
      </c>
      <c r="BF10" s="277">
        <v>0</v>
      </c>
      <c r="BG10" s="281">
        <v>0</v>
      </c>
      <c r="BH10" s="278">
        <v>0</v>
      </c>
      <c r="BI10" s="280">
        <v>0</v>
      </c>
      <c r="BJ10" s="281">
        <v>1914</v>
      </c>
      <c r="BK10" s="281">
        <v>1789</v>
      </c>
      <c r="BL10" s="281">
        <v>1116</v>
      </c>
      <c r="BM10" s="281">
        <v>479</v>
      </c>
      <c r="BN10" s="281">
        <v>153</v>
      </c>
      <c r="BO10" s="278">
        <v>5451</v>
      </c>
      <c r="BP10" s="283">
        <v>5451</v>
      </c>
      <c r="BQ10" s="277">
        <v>10</v>
      </c>
      <c r="BR10" s="281">
        <v>8</v>
      </c>
      <c r="BS10" s="278">
        <v>18</v>
      </c>
      <c r="BT10" s="280">
        <v>0</v>
      </c>
      <c r="BU10" s="281">
        <v>1677</v>
      </c>
      <c r="BV10" s="281">
        <v>2236</v>
      </c>
      <c r="BW10" s="281">
        <v>2914</v>
      </c>
      <c r="BX10" s="281">
        <v>1907</v>
      </c>
      <c r="BY10" s="281">
        <v>1060</v>
      </c>
      <c r="BZ10" s="278">
        <v>9794</v>
      </c>
      <c r="CA10" s="283">
        <v>9812</v>
      </c>
      <c r="CB10" s="277">
        <v>0</v>
      </c>
      <c r="CC10" s="281">
        <v>0</v>
      </c>
      <c r="CD10" s="278">
        <v>0</v>
      </c>
      <c r="CE10" s="280">
        <v>0</v>
      </c>
      <c r="CF10" s="281">
        <v>73</v>
      </c>
      <c r="CG10" s="281">
        <v>91</v>
      </c>
      <c r="CH10" s="281">
        <v>229</v>
      </c>
      <c r="CI10" s="281">
        <v>123</v>
      </c>
      <c r="CJ10" s="281">
        <v>61</v>
      </c>
      <c r="CK10" s="278">
        <v>577</v>
      </c>
      <c r="CL10" s="283">
        <v>577</v>
      </c>
      <c r="CM10" s="277">
        <v>0</v>
      </c>
      <c r="CN10" s="281">
        <v>0</v>
      </c>
      <c r="CO10" s="278">
        <v>0</v>
      </c>
      <c r="CP10" s="280">
        <v>0</v>
      </c>
      <c r="CQ10" s="281">
        <v>0</v>
      </c>
      <c r="CR10" s="281">
        <v>0</v>
      </c>
      <c r="CS10" s="281">
        <v>0</v>
      </c>
      <c r="CT10" s="281">
        <v>0</v>
      </c>
      <c r="CU10" s="281">
        <v>0</v>
      </c>
      <c r="CV10" s="278">
        <v>0</v>
      </c>
      <c r="CW10" s="283">
        <v>0</v>
      </c>
      <c r="CX10" s="277">
        <v>0</v>
      </c>
      <c r="CY10" s="281">
        <v>0</v>
      </c>
      <c r="CZ10" s="278">
        <v>0</v>
      </c>
      <c r="DA10" s="280">
        <v>0</v>
      </c>
      <c r="DB10" s="281">
        <v>0</v>
      </c>
      <c r="DC10" s="281">
        <v>0</v>
      </c>
      <c r="DD10" s="281">
        <v>0</v>
      </c>
      <c r="DE10" s="281">
        <v>0</v>
      </c>
      <c r="DF10" s="281">
        <v>0</v>
      </c>
      <c r="DG10" s="278">
        <v>0</v>
      </c>
      <c r="DH10" s="283">
        <v>0</v>
      </c>
    </row>
    <row r="11" spans="2:112" ht="19.8" customHeight="1" x14ac:dyDescent="0.2">
      <c r="B11" s="262" t="s">
        <v>8</v>
      </c>
      <c r="C11" s="277">
        <v>0</v>
      </c>
      <c r="D11" s="281">
        <v>0</v>
      </c>
      <c r="E11" s="385">
        <v>0</v>
      </c>
      <c r="F11" s="280">
        <v>0</v>
      </c>
      <c r="G11" s="281">
        <v>6524</v>
      </c>
      <c r="H11" s="281">
        <v>11307</v>
      </c>
      <c r="I11" s="281">
        <v>12231</v>
      </c>
      <c r="J11" s="281">
        <v>14133</v>
      </c>
      <c r="K11" s="281">
        <v>15865</v>
      </c>
      <c r="L11" s="282">
        <v>60060</v>
      </c>
      <c r="M11" s="283">
        <v>60060</v>
      </c>
      <c r="N11" s="277">
        <v>0</v>
      </c>
      <c r="O11" s="281">
        <v>0</v>
      </c>
      <c r="P11" s="278">
        <v>0</v>
      </c>
      <c r="Q11" s="280">
        <v>0</v>
      </c>
      <c r="R11" s="281">
        <v>7</v>
      </c>
      <c r="S11" s="281">
        <v>70</v>
      </c>
      <c r="T11" s="281">
        <v>158</v>
      </c>
      <c r="U11" s="281">
        <v>251</v>
      </c>
      <c r="V11" s="281">
        <v>548</v>
      </c>
      <c r="W11" s="278">
        <v>1034</v>
      </c>
      <c r="X11" s="283">
        <v>1034</v>
      </c>
      <c r="Y11" s="277">
        <v>175</v>
      </c>
      <c r="Z11" s="281">
        <v>327</v>
      </c>
      <c r="AA11" s="278">
        <v>502</v>
      </c>
      <c r="AB11" s="280">
        <v>0</v>
      </c>
      <c r="AC11" s="281">
        <v>1652</v>
      </c>
      <c r="AD11" s="281">
        <v>2632</v>
      </c>
      <c r="AE11" s="281">
        <v>1695</v>
      </c>
      <c r="AF11" s="281">
        <v>1639</v>
      </c>
      <c r="AG11" s="281">
        <v>1502</v>
      </c>
      <c r="AH11" s="278">
        <v>9120</v>
      </c>
      <c r="AI11" s="283">
        <v>9622</v>
      </c>
      <c r="AJ11" s="277">
        <v>40</v>
      </c>
      <c r="AK11" s="281">
        <v>154</v>
      </c>
      <c r="AL11" s="278">
        <v>194</v>
      </c>
      <c r="AM11" s="280">
        <v>0</v>
      </c>
      <c r="AN11" s="281">
        <v>640</v>
      </c>
      <c r="AO11" s="281">
        <v>837</v>
      </c>
      <c r="AP11" s="281">
        <v>734</v>
      </c>
      <c r="AQ11" s="281">
        <v>461</v>
      </c>
      <c r="AR11" s="281">
        <v>355</v>
      </c>
      <c r="AS11" s="278">
        <v>3027</v>
      </c>
      <c r="AT11" s="283">
        <v>3221</v>
      </c>
      <c r="AU11" s="277">
        <v>0</v>
      </c>
      <c r="AV11" s="281">
        <v>0</v>
      </c>
      <c r="AW11" s="278">
        <v>0</v>
      </c>
      <c r="AX11" s="280">
        <v>0</v>
      </c>
      <c r="AY11" s="281">
        <v>5351</v>
      </c>
      <c r="AZ11" s="281">
        <v>5930</v>
      </c>
      <c r="BA11" s="281">
        <v>4383</v>
      </c>
      <c r="BB11" s="281">
        <v>2325</v>
      </c>
      <c r="BC11" s="281">
        <v>1424</v>
      </c>
      <c r="BD11" s="282">
        <v>19413</v>
      </c>
      <c r="BE11" s="283">
        <v>19413</v>
      </c>
      <c r="BF11" s="277">
        <v>0</v>
      </c>
      <c r="BG11" s="281">
        <v>0</v>
      </c>
      <c r="BH11" s="278">
        <v>0</v>
      </c>
      <c r="BI11" s="280">
        <v>0</v>
      </c>
      <c r="BJ11" s="281">
        <v>852</v>
      </c>
      <c r="BK11" s="281">
        <v>1339</v>
      </c>
      <c r="BL11" s="281">
        <v>697</v>
      </c>
      <c r="BM11" s="281">
        <v>479</v>
      </c>
      <c r="BN11" s="281">
        <v>118</v>
      </c>
      <c r="BO11" s="278">
        <v>3485</v>
      </c>
      <c r="BP11" s="283">
        <v>3485</v>
      </c>
      <c r="BQ11" s="277">
        <v>8</v>
      </c>
      <c r="BR11" s="281">
        <v>44</v>
      </c>
      <c r="BS11" s="278">
        <v>52</v>
      </c>
      <c r="BT11" s="280">
        <v>0</v>
      </c>
      <c r="BU11" s="281">
        <v>531</v>
      </c>
      <c r="BV11" s="281">
        <v>1290</v>
      </c>
      <c r="BW11" s="281">
        <v>2371</v>
      </c>
      <c r="BX11" s="281">
        <v>1799</v>
      </c>
      <c r="BY11" s="281">
        <v>945</v>
      </c>
      <c r="BZ11" s="278">
        <v>6936</v>
      </c>
      <c r="CA11" s="283">
        <v>6988</v>
      </c>
      <c r="CB11" s="277">
        <v>0</v>
      </c>
      <c r="CC11" s="281">
        <v>0</v>
      </c>
      <c r="CD11" s="278">
        <v>0</v>
      </c>
      <c r="CE11" s="280">
        <v>0</v>
      </c>
      <c r="CF11" s="281">
        <v>23</v>
      </c>
      <c r="CG11" s="281">
        <v>22</v>
      </c>
      <c r="CH11" s="281">
        <v>70</v>
      </c>
      <c r="CI11" s="281">
        <v>18</v>
      </c>
      <c r="CJ11" s="281">
        <v>0</v>
      </c>
      <c r="CK11" s="278">
        <v>133</v>
      </c>
      <c r="CL11" s="283">
        <v>133</v>
      </c>
      <c r="CM11" s="277">
        <v>0</v>
      </c>
      <c r="CN11" s="281">
        <v>0</v>
      </c>
      <c r="CO11" s="278">
        <v>0</v>
      </c>
      <c r="CP11" s="280">
        <v>0</v>
      </c>
      <c r="CQ11" s="281">
        <v>0</v>
      </c>
      <c r="CR11" s="281">
        <v>0</v>
      </c>
      <c r="CS11" s="281">
        <v>0</v>
      </c>
      <c r="CT11" s="281">
        <v>0</v>
      </c>
      <c r="CU11" s="281">
        <v>0</v>
      </c>
      <c r="CV11" s="278">
        <v>0</v>
      </c>
      <c r="CW11" s="283">
        <v>0</v>
      </c>
      <c r="CX11" s="277">
        <v>0</v>
      </c>
      <c r="CY11" s="281">
        <v>0</v>
      </c>
      <c r="CZ11" s="278">
        <v>0</v>
      </c>
      <c r="DA11" s="280">
        <v>0</v>
      </c>
      <c r="DB11" s="281">
        <v>0</v>
      </c>
      <c r="DC11" s="281">
        <v>0</v>
      </c>
      <c r="DD11" s="281">
        <v>0</v>
      </c>
      <c r="DE11" s="281">
        <v>0</v>
      </c>
      <c r="DF11" s="281">
        <v>0</v>
      </c>
      <c r="DG11" s="278">
        <v>0</v>
      </c>
      <c r="DH11" s="283">
        <v>0</v>
      </c>
    </row>
    <row r="12" spans="2:112" ht="19.8" customHeight="1" x14ac:dyDescent="0.2">
      <c r="B12" s="262" t="s">
        <v>9</v>
      </c>
      <c r="C12" s="277">
        <v>0</v>
      </c>
      <c r="D12" s="281">
        <v>0</v>
      </c>
      <c r="E12" s="385">
        <v>0</v>
      </c>
      <c r="F12" s="280">
        <v>0</v>
      </c>
      <c r="G12" s="281">
        <v>6046</v>
      </c>
      <c r="H12" s="281">
        <v>7903</v>
      </c>
      <c r="I12" s="281">
        <v>10057</v>
      </c>
      <c r="J12" s="281">
        <v>16270</v>
      </c>
      <c r="K12" s="281">
        <v>14143</v>
      </c>
      <c r="L12" s="282">
        <v>54419</v>
      </c>
      <c r="M12" s="283">
        <v>54419</v>
      </c>
      <c r="N12" s="277">
        <v>0</v>
      </c>
      <c r="O12" s="281">
        <v>0</v>
      </c>
      <c r="P12" s="278">
        <v>0</v>
      </c>
      <c r="Q12" s="280">
        <v>0</v>
      </c>
      <c r="R12" s="281">
        <v>28</v>
      </c>
      <c r="S12" s="281">
        <v>28</v>
      </c>
      <c r="T12" s="281">
        <v>93</v>
      </c>
      <c r="U12" s="281">
        <v>241</v>
      </c>
      <c r="V12" s="281">
        <v>514</v>
      </c>
      <c r="W12" s="278">
        <v>904</v>
      </c>
      <c r="X12" s="283">
        <v>904</v>
      </c>
      <c r="Y12" s="277">
        <v>165</v>
      </c>
      <c r="Z12" s="281">
        <v>494</v>
      </c>
      <c r="AA12" s="278">
        <v>659</v>
      </c>
      <c r="AB12" s="280">
        <v>0</v>
      </c>
      <c r="AC12" s="281">
        <v>3438</v>
      </c>
      <c r="AD12" s="281">
        <v>3113</v>
      </c>
      <c r="AE12" s="281">
        <v>2357</v>
      </c>
      <c r="AF12" s="281">
        <v>2507</v>
      </c>
      <c r="AG12" s="281">
        <v>2307</v>
      </c>
      <c r="AH12" s="278">
        <v>13722</v>
      </c>
      <c r="AI12" s="283">
        <v>14381</v>
      </c>
      <c r="AJ12" s="277">
        <v>28</v>
      </c>
      <c r="AK12" s="281">
        <v>172</v>
      </c>
      <c r="AL12" s="278">
        <v>200</v>
      </c>
      <c r="AM12" s="280">
        <v>0</v>
      </c>
      <c r="AN12" s="281">
        <v>681</v>
      </c>
      <c r="AO12" s="281">
        <v>583</v>
      </c>
      <c r="AP12" s="281">
        <v>606</v>
      </c>
      <c r="AQ12" s="281">
        <v>611</v>
      </c>
      <c r="AR12" s="281">
        <v>542</v>
      </c>
      <c r="AS12" s="278">
        <v>3023</v>
      </c>
      <c r="AT12" s="283">
        <v>3223</v>
      </c>
      <c r="AU12" s="277">
        <v>0</v>
      </c>
      <c r="AV12" s="281">
        <v>0</v>
      </c>
      <c r="AW12" s="278">
        <v>0</v>
      </c>
      <c r="AX12" s="280">
        <v>0</v>
      </c>
      <c r="AY12" s="281">
        <v>4585</v>
      </c>
      <c r="AZ12" s="281">
        <v>3396</v>
      </c>
      <c r="BA12" s="281">
        <v>2518</v>
      </c>
      <c r="BB12" s="281">
        <v>1606</v>
      </c>
      <c r="BC12" s="281">
        <v>646</v>
      </c>
      <c r="BD12" s="282">
        <v>12751</v>
      </c>
      <c r="BE12" s="283">
        <v>12751</v>
      </c>
      <c r="BF12" s="277">
        <v>0</v>
      </c>
      <c r="BG12" s="281">
        <v>0</v>
      </c>
      <c r="BH12" s="278">
        <v>0</v>
      </c>
      <c r="BI12" s="280">
        <v>0</v>
      </c>
      <c r="BJ12" s="281">
        <v>836</v>
      </c>
      <c r="BK12" s="281">
        <v>886</v>
      </c>
      <c r="BL12" s="281">
        <v>453</v>
      </c>
      <c r="BM12" s="281">
        <v>572</v>
      </c>
      <c r="BN12" s="281">
        <v>117</v>
      </c>
      <c r="BO12" s="278">
        <v>2864</v>
      </c>
      <c r="BP12" s="283">
        <v>2864</v>
      </c>
      <c r="BQ12" s="277">
        <v>6</v>
      </c>
      <c r="BR12" s="281">
        <v>8</v>
      </c>
      <c r="BS12" s="278">
        <v>14</v>
      </c>
      <c r="BT12" s="280">
        <v>0</v>
      </c>
      <c r="BU12" s="281">
        <v>393</v>
      </c>
      <c r="BV12" s="281">
        <v>777</v>
      </c>
      <c r="BW12" s="281">
        <v>1406</v>
      </c>
      <c r="BX12" s="281">
        <v>1194</v>
      </c>
      <c r="BY12" s="281">
        <v>640</v>
      </c>
      <c r="BZ12" s="278">
        <v>4410</v>
      </c>
      <c r="CA12" s="283">
        <v>4424</v>
      </c>
      <c r="CB12" s="277">
        <v>5</v>
      </c>
      <c r="CC12" s="281">
        <v>0</v>
      </c>
      <c r="CD12" s="278">
        <v>5</v>
      </c>
      <c r="CE12" s="280">
        <v>0</v>
      </c>
      <c r="CF12" s="281">
        <v>37</v>
      </c>
      <c r="CG12" s="281">
        <v>83</v>
      </c>
      <c r="CH12" s="281">
        <v>213</v>
      </c>
      <c r="CI12" s="281">
        <v>160</v>
      </c>
      <c r="CJ12" s="281">
        <v>87</v>
      </c>
      <c r="CK12" s="278">
        <v>580</v>
      </c>
      <c r="CL12" s="283">
        <v>585</v>
      </c>
      <c r="CM12" s="277">
        <v>0</v>
      </c>
      <c r="CN12" s="281">
        <v>0</v>
      </c>
      <c r="CO12" s="278">
        <v>0</v>
      </c>
      <c r="CP12" s="280">
        <v>0</v>
      </c>
      <c r="CQ12" s="281">
        <v>0</v>
      </c>
      <c r="CR12" s="281">
        <v>0</v>
      </c>
      <c r="CS12" s="281">
        <v>0</v>
      </c>
      <c r="CT12" s="281">
        <v>0</v>
      </c>
      <c r="CU12" s="281">
        <v>0</v>
      </c>
      <c r="CV12" s="278">
        <v>0</v>
      </c>
      <c r="CW12" s="283">
        <v>0</v>
      </c>
      <c r="CX12" s="277">
        <v>0</v>
      </c>
      <c r="CY12" s="281">
        <v>0</v>
      </c>
      <c r="CZ12" s="278">
        <v>0</v>
      </c>
      <c r="DA12" s="280">
        <v>0</v>
      </c>
      <c r="DB12" s="281">
        <v>0</v>
      </c>
      <c r="DC12" s="281">
        <v>0</v>
      </c>
      <c r="DD12" s="281">
        <v>0</v>
      </c>
      <c r="DE12" s="281">
        <v>0</v>
      </c>
      <c r="DF12" s="281">
        <v>0</v>
      </c>
      <c r="DG12" s="278">
        <v>0</v>
      </c>
      <c r="DH12" s="283">
        <v>0</v>
      </c>
    </row>
    <row r="13" spans="2:112" ht="19.8" customHeight="1" x14ac:dyDescent="0.2">
      <c r="B13" s="262" t="s">
        <v>10</v>
      </c>
      <c r="C13" s="277">
        <v>0</v>
      </c>
      <c r="D13" s="281">
        <v>0</v>
      </c>
      <c r="E13" s="385">
        <v>0</v>
      </c>
      <c r="F13" s="280">
        <v>0</v>
      </c>
      <c r="G13" s="281">
        <v>17446</v>
      </c>
      <c r="H13" s="281">
        <v>15922</v>
      </c>
      <c r="I13" s="281">
        <v>18144</v>
      </c>
      <c r="J13" s="281">
        <v>24675</v>
      </c>
      <c r="K13" s="281">
        <v>22613</v>
      </c>
      <c r="L13" s="282">
        <v>98800</v>
      </c>
      <c r="M13" s="283">
        <v>98800</v>
      </c>
      <c r="N13" s="277">
        <v>0</v>
      </c>
      <c r="O13" s="281">
        <v>0</v>
      </c>
      <c r="P13" s="278">
        <v>0</v>
      </c>
      <c r="Q13" s="280">
        <v>0</v>
      </c>
      <c r="R13" s="281">
        <v>45</v>
      </c>
      <c r="S13" s="281">
        <v>107</v>
      </c>
      <c r="T13" s="281">
        <v>174</v>
      </c>
      <c r="U13" s="281">
        <v>426</v>
      </c>
      <c r="V13" s="281">
        <v>803</v>
      </c>
      <c r="W13" s="278">
        <v>1555</v>
      </c>
      <c r="X13" s="283">
        <v>1555</v>
      </c>
      <c r="Y13" s="277">
        <v>836</v>
      </c>
      <c r="Z13" s="281">
        <v>2348</v>
      </c>
      <c r="AA13" s="278">
        <v>3184</v>
      </c>
      <c r="AB13" s="280">
        <v>0</v>
      </c>
      <c r="AC13" s="281">
        <v>8030</v>
      </c>
      <c r="AD13" s="281">
        <v>6185</v>
      </c>
      <c r="AE13" s="281">
        <v>3580</v>
      </c>
      <c r="AF13" s="281">
        <v>3611</v>
      </c>
      <c r="AG13" s="281">
        <v>3212</v>
      </c>
      <c r="AH13" s="278">
        <v>24618</v>
      </c>
      <c r="AI13" s="283">
        <v>27802</v>
      </c>
      <c r="AJ13" s="277">
        <v>230</v>
      </c>
      <c r="AK13" s="281">
        <v>452</v>
      </c>
      <c r="AL13" s="278">
        <v>682</v>
      </c>
      <c r="AM13" s="280">
        <v>0</v>
      </c>
      <c r="AN13" s="281">
        <v>1134</v>
      </c>
      <c r="AO13" s="281">
        <v>1271</v>
      </c>
      <c r="AP13" s="281">
        <v>621</v>
      </c>
      <c r="AQ13" s="281">
        <v>656</v>
      </c>
      <c r="AR13" s="281">
        <v>669</v>
      </c>
      <c r="AS13" s="278">
        <v>4351</v>
      </c>
      <c r="AT13" s="283">
        <v>5033</v>
      </c>
      <c r="AU13" s="277">
        <v>0</v>
      </c>
      <c r="AV13" s="281">
        <v>0</v>
      </c>
      <c r="AW13" s="278">
        <v>0</v>
      </c>
      <c r="AX13" s="280">
        <v>0</v>
      </c>
      <c r="AY13" s="281">
        <v>14106</v>
      </c>
      <c r="AZ13" s="281">
        <v>8430</v>
      </c>
      <c r="BA13" s="281">
        <v>5620</v>
      </c>
      <c r="BB13" s="281">
        <v>3026</v>
      </c>
      <c r="BC13" s="281">
        <v>1333</v>
      </c>
      <c r="BD13" s="282">
        <v>32515</v>
      </c>
      <c r="BE13" s="283">
        <v>32515</v>
      </c>
      <c r="BF13" s="277">
        <v>0</v>
      </c>
      <c r="BG13" s="281">
        <v>0</v>
      </c>
      <c r="BH13" s="278">
        <v>0</v>
      </c>
      <c r="BI13" s="280">
        <v>0</v>
      </c>
      <c r="BJ13" s="281">
        <v>1963</v>
      </c>
      <c r="BK13" s="281">
        <v>1320</v>
      </c>
      <c r="BL13" s="281">
        <v>788</v>
      </c>
      <c r="BM13" s="281">
        <v>463</v>
      </c>
      <c r="BN13" s="281">
        <v>165</v>
      </c>
      <c r="BO13" s="278">
        <v>4699</v>
      </c>
      <c r="BP13" s="283">
        <v>4699</v>
      </c>
      <c r="BQ13" s="277">
        <v>36</v>
      </c>
      <c r="BR13" s="281">
        <v>133</v>
      </c>
      <c r="BS13" s="278">
        <v>169</v>
      </c>
      <c r="BT13" s="280">
        <v>0</v>
      </c>
      <c r="BU13" s="281">
        <v>1224</v>
      </c>
      <c r="BV13" s="281">
        <v>1476</v>
      </c>
      <c r="BW13" s="281">
        <v>2392</v>
      </c>
      <c r="BX13" s="281">
        <v>1691</v>
      </c>
      <c r="BY13" s="281">
        <v>1100</v>
      </c>
      <c r="BZ13" s="278">
        <v>7883</v>
      </c>
      <c r="CA13" s="283">
        <v>8052</v>
      </c>
      <c r="CB13" s="277">
        <v>0</v>
      </c>
      <c r="CC13" s="281">
        <v>8</v>
      </c>
      <c r="CD13" s="278">
        <v>8</v>
      </c>
      <c r="CE13" s="280">
        <v>0</v>
      </c>
      <c r="CF13" s="281">
        <v>93</v>
      </c>
      <c r="CG13" s="281">
        <v>136</v>
      </c>
      <c r="CH13" s="281">
        <v>132</v>
      </c>
      <c r="CI13" s="281">
        <v>101</v>
      </c>
      <c r="CJ13" s="281">
        <v>32</v>
      </c>
      <c r="CK13" s="278">
        <v>494</v>
      </c>
      <c r="CL13" s="283">
        <v>502</v>
      </c>
      <c r="CM13" s="277">
        <v>0</v>
      </c>
      <c r="CN13" s="281">
        <v>0</v>
      </c>
      <c r="CO13" s="278">
        <v>0</v>
      </c>
      <c r="CP13" s="280">
        <v>0</v>
      </c>
      <c r="CQ13" s="281">
        <v>0</v>
      </c>
      <c r="CR13" s="281">
        <v>0</v>
      </c>
      <c r="CS13" s="281">
        <v>0</v>
      </c>
      <c r="CT13" s="281">
        <v>0</v>
      </c>
      <c r="CU13" s="281">
        <v>0</v>
      </c>
      <c r="CV13" s="278">
        <v>0</v>
      </c>
      <c r="CW13" s="283">
        <v>0</v>
      </c>
      <c r="CX13" s="277">
        <v>0</v>
      </c>
      <c r="CY13" s="281">
        <v>0</v>
      </c>
      <c r="CZ13" s="278">
        <v>0</v>
      </c>
      <c r="DA13" s="280">
        <v>0</v>
      </c>
      <c r="DB13" s="281">
        <v>0</v>
      </c>
      <c r="DC13" s="281">
        <v>0</v>
      </c>
      <c r="DD13" s="281">
        <v>0</v>
      </c>
      <c r="DE13" s="281">
        <v>0</v>
      </c>
      <c r="DF13" s="281">
        <v>0</v>
      </c>
      <c r="DG13" s="278">
        <v>0</v>
      </c>
      <c r="DH13" s="283">
        <v>0</v>
      </c>
    </row>
    <row r="14" spans="2:112" ht="19.8" customHeight="1" x14ac:dyDescent="0.2">
      <c r="B14" s="262" t="s">
        <v>11</v>
      </c>
      <c r="C14" s="277">
        <v>0</v>
      </c>
      <c r="D14" s="281">
        <v>0</v>
      </c>
      <c r="E14" s="385">
        <v>0</v>
      </c>
      <c r="F14" s="280">
        <v>0</v>
      </c>
      <c r="G14" s="281">
        <v>6153</v>
      </c>
      <c r="H14" s="281">
        <v>6654</v>
      </c>
      <c r="I14" s="281">
        <v>8298</v>
      </c>
      <c r="J14" s="281">
        <v>9326</v>
      </c>
      <c r="K14" s="281">
        <v>9474</v>
      </c>
      <c r="L14" s="282">
        <v>39905</v>
      </c>
      <c r="M14" s="283">
        <v>39905</v>
      </c>
      <c r="N14" s="277">
        <v>0</v>
      </c>
      <c r="O14" s="281">
        <v>1</v>
      </c>
      <c r="P14" s="278">
        <v>1</v>
      </c>
      <c r="Q14" s="280">
        <v>0</v>
      </c>
      <c r="R14" s="281">
        <v>7</v>
      </c>
      <c r="S14" s="281">
        <v>48</v>
      </c>
      <c r="T14" s="281">
        <v>130</v>
      </c>
      <c r="U14" s="281">
        <v>214</v>
      </c>
      <c r="V14" s="281">
        <v>350</v>
      </c>
      <c r="W14" s="278">
        <v>749</v>
      </c>
      <c r="X14" s="283">
        <v>750</v>
      </c>
      <c r="Y14" s="277">
        <v>215</v>
      </c>
      <c r="Z14" s="281">
        <v>368</v>
      </c>
      <c r="AA14" s="278">
        <v>583</v>
      </c>
      <c r="AB14" s="280">
        <v>0</v>
      </c>
      <c r="AC14" s="281">
        <v>2722</v>
      </c>
      <c r="AD14" s="281">
        <v>2018</v>
      </c>
      <c r="AE14" s="281">
        <v>1871</v>
      </c>
      <c r="AF14" s="281">
        <v>1707</v>
      </c>
      <c r="AG14" s="281">
        <v>1575</v>
      </c>
      <c r="AH14" s="278">
        <v>9893</v>
      </c>
      <c r="AI14" s="283">
        <v>10476</v>
      </c>
      <c r="AJ14" s="277">
        <v>35</v>
      </c>
      <c r="AK14" s="281">
        <v>127</v>
      </c>
      <c r="AL14" s="278">
        <v>162</v>
      </c>
      <c r="AM14" s="280">
        <v>0</v>
      </c>
      <c r="AN14" s="281">
        <v>560</v>
      </c>
      <c r="AO14" s="281">
        <v>366</v>
      </c>
      <c r="AP14" s="281">
        <v>297</v>
      </c>
      <c r="AQ14" s="281">
        <v>314</v>
      </c>
      <c r="AR14" s="281">
        <v>57</v>
      </c>
      <c r="AS14" s="278">
        <v>1594</v>
      </c>
      <c r="AT14" s="283">
        <v>1756</v>
      </c>
      <c r="AU14" s="277">
        <v>0</v>
      </c>
      <c r="AV14" s="281">
        <v>0</v>
      </c>
      <c r="AW14" s="278">
        <v>0</v>
      </c>
      <c r="AX14" s="280">
        <v>0</v>
      </c>
      <c r="AY14" s="281">
        <v>6714</v>
      </c>
      <c r="AZ14" s="281">
        <v>3994</v>
      </c>
      <c r="BA14" s="281">
        <v>2983</v>
      </c>
      <c r="BB14" s="281">
        <v>1903</v>
      </c>
      <c r="BC14" s="281">
        <v>1041</v>
      </c>
      <c r="BD14" s="282">
        <v>16635</v>
      </c>
      <c r="BE14" s="283">
        <v>16635</v>
      </c>
      <c r="BF14" s="277">
        <v>0</v>
      </c>
      <c r="BG14" s="281">
        <v>0</v>
      </c>
      <c r="BH14" s="278">
        <v>0</v>
      </c>
      <c r="BI14" s="280">
        <v>0</v>
      </c>
      <c r="BJ14" s="281">
        <v>1588</v>
      </c>
      <c r="BK14" s="281">
        <v>1021</v>
      </c>
      <c r="BL14" s="281">
        <v>703</v>
      </c>
      <c r="BM14" s="281">
        <v>464</v>
      </c>
      <c r="BN14" s="281">
        <v>140</v>
      </c>
      <c r="BO14" s="278">
        <v>3916</v>
      </c>
      <c r="BP14" s="283">
        <v>3916</v>
      </c>
      <c r="BQ14" s="277">
        <v>22</v>
      </c>
      <c r="BR14" s="281">
        <v>46</v>
      </c>
      <c r="BS14" s="278">
        <v>68</v>
      </c>
      <c r="BT14" s="280">
        <v>0</v>
      </c>
      <c r="BU14" s="281">
        <v>586</v>
      </c>
      <c r="BV14" s="281">
        <v>764</v>
      </c>
      <c r="BW14" s="281">
        <v>1261</v>
      </c>
      <c r="BX14" s="281">
        <v>792</v>
      </c>
      <c r="BY14" s="281">
        <v>375</v>
      </c>
      <c r="BZ14" s="278">
        <v>3778</v>
      </c>
      <c r="CA14" s="283">
        <v>3846</v>
      </c>
      <c r="CB14" s="277">
        <v>0</v>
      </c>
      <c r="CC14" s="281">
        <v>0</v>
      </c>
      <c r="CD14" s="278">
        <v>0</v>
      </c>
      <c r="CE14" s="280">
        <v>0</v>
      </c>
      <c r="CF14" s="281">
        <v>48</v>
      </c>
      <c r="CG14" s="281">
        <v>40</v>
      </c>
      <c r="CH14" s="281">
        <v>131</v>
      </c>
      <c r="CI14" s="281">
        <v>50</v>
      </c>
      <c r="CJ14" s="281">
        <v>94</v>
      </c>
      <c r="CK14" s="278">
        <v>363</v>
      </c>
      <c r="CL14" s="283">
        <v>363</v>
      </c>
      <c r="CM14" s="277">
        <v>0</v>
      </c>
      <c r="CN14" s="281">
        <v>0</v>
      </c>
      <c r="CO14" s="278">
        <v>0</v>
      </c>
      <c r="CP14" s="280">
        <v>0</v>
      </c>
      <c r="CQ14" s="281">
        <v>0</v>
      </c>
      <c r="CR14" s="281">
        <v>0</v>
      </c>
      <c r="CS14" s="281">
        <v>0</v>
      </c>
      <c r="CT14" s="281">
        <v>0</v>
      </c>
      <c r="CU14" s="281">
        <v>0</v>
      </c>
      <c r="CV14" s="278">
        <v>0</v>
      </c>
      <c r="CW14" s="283">
        <v>0</v>
      </c>
      <c r="CX14" s="277">
        <v>0</v>
      </c>
      <c r="CY14" s="281">
        <v>0</v>
      </c>
      <c r="CZ14" s="278">
        <v>0</v>
      </c>
      <c r="DA14" s="280">
        <v>0</v>
      </c>
      <c r="DB14" s="281">
        <v>0</v>
      </c>
      <c r="DC14" s="281">
        <v>0</v>
      </c>
      <c r="DD14" s="281">
        <v>0</v>
      </c>
      <c r="DE14" s="281">
        <v>0</v>
      </c>
      <c r="DF14" s="281">
        <v>0</v>
      </c>
      <c r="DG14" s="278">
        <v>0</v>
      </c>
      <c r="DH14" s="283">
        <v>0</v>
      </c>
    </row>
    <row r="15" spans="2:112" ht="19.8" customHeight="1" x14ac:dyDescent="0.2">
      <c r="B15" s="262" t="s">
        <v>12</v>
      </c>
      <c r="C15" s="277">
        <v>0</v>
      </c>
      <c r="D15" s="281">
        <v>0</v>
      </c>
      <c r="E15" s="385">
        <v>0</v>
      </c>
      <c r="F15" s="280">
        <v>0</v>
      </c>
      <c r="G15" s="281">
        <v>6105</v>
      </c>
      <c r="H15" s="281">
        <v>7978</v>
      </c>
      <c r="I15" s="281">
        <v>9114</v>
      </c>
      <c r="J15" s="281">
        <v>12762</v>
      </c>
      <c r="K15" s="281">
        <v>11592</v>
      </c>
      <c r="L15" s="282">
        <v>47551</v>
      </c>
      <c r="M15" s="283">
        <v>47551</v>
      </c>
      <c r="N15" s="277">
        <v>0</v>
      </c>
      <c r="O15" s="281">
        <v>17</v>
      </c>
      <c r="P15" s="278">
        <v>17</v>
      </c>
      <c r="Q15" s="280">
        <v>0</v>
      </c>
      <c r="R15" s="281">
        <v>15</v>
      </c>
      <c r="S15" s="281">
        <v>72</v>
      </c>
      <c r="T15" s="281">
        <v>69</v>
      </c>
      <c r="U15" s="281">
        <v>302</v>
      </c>
      <c r="V15" s="281">
        <v>364</v>
      </c>
      <c r="W15" s="278">
        <v>822</v>
      </c>
      <c r="X15" s="283">
        <v>839</v>
      </c>
      <c r="Y15" s="277">
        <v>457</v>
      </c>
      <c r="Z15" s="281">
        <v>1154</v>
      </c>
      <c r="AA15" s="278">
        <v>1611</v>
      </c>
      <c r="AB15" s="280">
        <v>0</v>
      </c>
      <c r="AC15" s="281">
        <v>1721</v>
      </c>
      <c r="AD15" s="281">
        <v>2134</v>
      </c>
      <c r="AE15" s="281">
        <v>1563</v>
      </c>
      <c r="AF15" s="281">
        <v>1531</v>
      </c>
      <c r="AG15" s="281">
        <v>1255</v>
      </c>
      <c r="AH15" s="278">
        <v>8204</v>
      </c>
      <c r="AI15" s="283">
        <v>9815</v>
      </c>
      <c r="AJ15" s="277">
        <v>38</v>
      </c>
      <c r="AK15" s="281">
        <v>203</v>
      </c>
      <c r="AL15" s="278">
        <v>241</v>
      </c>
      <c r="AM15" s="280">
        <v>0</v>
      </c>
      <c r="AN15" s="281">
        <v>196</v>
      </c>
      <c r="AO15" s="281">
        <v>665</v>
      </c>
      <c r="AP15" s="281">
        <v>340</v>
      </c>
      <c r="AQ15" s="281">
        <v>308</v>
      </c>
      <c r="AR15" s="281">
        <v>209</v>
      </c>
      <c r="AS15" s="278">
        <v>1718</v>
      </c>
      <c r="AT15" s="283">
        <v>1959</v>
      </c>
      <c r="AU15" s="277">
        <v>0</v>
      </c>
      <c r="AV15" s="281">
        <v>0</v>
      </c>
      <c r="AW15" s="278">
        <v>0</v>
      </c>
      <c r="AX15" s="280">
        <v>0</v>
      </c>
      <c r="AY15" s="281">
        <v>5430</v>
      </c>
      <c r="AZ15" s="281">
        <v>4097</v>
      </c>
      <c r="BA15" s="281">
        <v>3644</v>
      </c>
      <c r="BB15" s="281">
        <v>2234</v>
      </c>
      <c r="BC15" s="281">
        <v>1072</v>
      </c>
      <c r="BD15" s="282">
        <v>16477</v>
      </c>
      <c r="BE15" s="283">
        <v>16477</v>
      </c>
      <c r="BF15" s="277">
        <v>0</v>
      </c>
      <c r="BG15" s="281">
        <v>0</v>
      </c>
      <c r="BH15" s="278">
        <v>0</v>
      </c>
      <c r="BI15" s="280">
        <v>0</v>
      </c>
      <c r="BJ15" s="281">
        <v>957</v>
      </c>
      <c r="BK15" s="281">
        <v>1410</v>
      </c>
      <c r="BL15" s="281">
        <v>1004</v>
      </c>
      <c r="BM15" s="281">
        <v>717</v>
      </c>
      <c r="BN15" s="281">
        <v>278</v>
      </c>
      <c r="BO15" s="278">
        <v>4366</v>
      </c>
      <c r="BP15" s="283">
        <v>4366</v>
      </c>
      <c r="BQ15" s="277">
        <v>48</v>
      </c>
      <c r="BR15" s="281">
        <v>50</v>
      </c>
      <c r="BS15" s="278">
        <v>98</v>
      </c>
      <c r="BT15" s="280">
        <v>0</v>
      </c>
      <c r="BU15" s="281">
        <v>649</v>
      </c>
      <c r="BV15" s="281">
        <v>753</v>
      </c>
      <c r="BW15" s="281">
        <v>1190</v>
      </c>
      <c r="BX15" s="281">
        <v>1243</v>
      </c>
      <c r="BY15" s="281">
        <v>592</v>
      </c>
      <c r="BZ15" s="278">
        <v>4427</v>
      </c>
      <c r="CA15" s="283">
        <v>4525</v>
      </c>
      <c r="CB15" s="277">
        <v>0</v>
      </c>
      <c r="CC15" s="281">
        <v>15</v>
      </c>
      <c r="CD15" s="278">
        <v>15</v>
      </c>
      <c r="CE15" s="280">
        <v>0</v>
      </c>
      <c r="CF15" s="281">
        <v>24</v>
      </c>
      <c r="CG15" s="281">
        <v>21</v>
      </c>
      <c r="CH15" s="281">
        <v>21</v>
      </c>
      <c r="CI15" s="281">
        <v>17</v>
      </c>
      <c r="CJ15" s="281">
        <v>8</v>
      </c>
      <c r="CK15" s="278">
        <v>91</v>
      </c>
      <c r="CL15" s="283">
        <v>106</v>
      </c>
      <c r="CM15" s="277">
        <v>0</v>
      </c>
      <c r="CN15" s="281">
        <v>0</v>
      </c>
      <c r="CO15" s="278">
        <v>0</v>
      </c>
      <c r="CP15" s="280">
        <v>0</v>
      </c>
      <c r="CQ15" s="281">
        <v>0</v>
      </c>
      <c r="CR15" s="281">
        <v>0</v>
      </c>
      <c r="CS15" s="281">
        <v>0</v>
      </c>
      <c r="CT15" s="281">
        <v>0</v>
      </c>
      <c r="CU15" s="281">
        <v>0</v>
      </c>
      <c r="CV15" s="278">
        <v>0</v>
      </c>
      <c r="CW15" s="283">
        <v>0</v>
      </c>
      <c r="CX15" s="277">
        <v>0</v>
      </c>
      <c r="CY15" s="281">
        <v>0</v>
      </c>
      <c r="CZ15" s="278">
        <v>0</v>
      </c>
      <c r="DA15" s="280">
        <v>0</v>
      </c>
      <c r="DB15" s="281">
        <v>0</v>
      </c>
      <c r="DC15" s="281">
        <v>0</v>
      </c>
      <c r="DD15" s="281">
        <v>0</v>
      </c>
      <c r="DE15" s="281">
        <v>0</v>
      </c>
      <c r="DF15" s="281">
        <v>0</v>
      </c>
      <c r="DG15" s="278">
        <v>0</v>
      </c>
      <c r="DH15" s="283">
        <v>0</v>
      </c>
    </row>
    <row r="16" spans="2:112" ht="19.8" customHeight="1" x14ac:dyDescent="0.2">
      <c r="B16" s="262" t="s">
        <v>13</v>
      </c>
      <c r="C16" s="277">
        <v>0</v>
      </c>
      <c r="D16" s="281">
        <v>0</v>
      </c>
      <c r="E16" s="385">
        <v>0</v>
      </c>
      <c r="F16" s="280">
        <v>0</v>
      </c>
      <c r="G16" s="281">
        <v>2114</v>
      </c>
      <c r="H16" s="281">
        <v>3544</v>
      </c>
      <c r="I16" s="281">
        <v>3896</v>
      </c>
      <c r="J16" s="281">
        <v>4770</v>
      </c>
      <c r="K16" s="281">
        <v>5711</v>
      </c>
      <c r="L16" s="282">
        <v>20035</v>
      </c>
      <c r="M16" s="283">
        <v>20035</v>
      </c>
      <c r="N16" s="277">
        <v>3</v>
      </c>
      <c r="O16" s="281">
        <v>0</v>
      </c>
      <c r="P16" s="278">
        <v>3</v>
      </c>
      <c r="Q16" s="280">
        <v>0</v>
      </c>
      <c r="R16" s="281">
        <v>0</v>
      </c>
      <c r="S16" s="281">
        <v>16</v>
      </c>
      <c r="T16" s="281">
        <v>35</v>
      </c>
      <c r="U16" s="281">
        <v>79</v>
      </c>
      <c r="V16" s="281">
        <v>174</v>
      </c>
      <c r="W16" s="278">
        <v>304</v>
      </c>
      <c r="X16" s="283">
        <v>307</v>
      </c>
      <c r="Y16" s="277">
        <v>44</v>
      </c>
      <c r="Z16" s="281">
        <v>190</v>
      </c>
      <c r="AA16" s="278">
        <v>234</v>
      </c>
      <c r="AB16" s="280">
        <v>0</v>
      </c>
      <c r="AC16" s="281">
        <v>918</v>
      </c>
      <c r="AD16" s="281">
        <v>1192</v>
      </c>
      <c r="AE16" s="281">
        <v>910</v>
      </c>
      <c r="AF16" s="281">
        <v>1005</v>
      </c>
      <c r="AG16" s="281">
        <v>862</v>
      </c>
      <c r="AH16" s="278">
        <v>4887</v>
      </c>
      <c r="AI16" s="283">
        <v>5121</v>
      </c>
      <c r="AJ16" s="277">
        <v>28</v>
      </c>
      <c r="AK16" s="281">
        <v>68</v>
      </c>
      <c r="AL16" s="278">
        <v>96</v>
      </c>
      <c r="AM16" s="280">
        <v>0</v>
      </c>
      <c r="AN16" s="281">
        <v>199</v>
      </c>
      <c r="AO16" s="281">
        <v>324</v>
      </c>
      <c r="AP16" s="281">
        <v>70</v>
      </c>
      <c r="AQ16" s="281">
        <v>126</v>
      </c>
      <c r="AR16" s="281">
        <v>68</v>
      </c>
      <c r="AS16" s="278">
        <v>787</v>
      </c>
      <c r="AT16" s="283">
        <v>883</v>
      </c>
      <c r="AU16" s="277">
        <v>0</v>
      </c>
      <c r="AV16" s="281">
        <v>0</v>
      </c>
      <c r="AW16" s="278">
        <v>0</v>
      </c>
      <c r="AX16" s="280">
        <v>0</v>
      </c>
      <c r="AY16" s="281">
        <v>1555</v>
      </c>
      <c r="AZ16" s="281">
        <v>1508</v>
      </c>
      <c r="BA16" s="281">
        <v>1137</v>
      </c>
      <c r="BB16" s="281">
        <v>738</v>
      </c>
      <c r="BC16" s="281">
        <v>311</v>
      </c>
      <c r="BD16" s="282">
        <v>5249</v>
      </c>
      <c r="BE16" s="283">
        <v>5249</v>
      </c>
      <c r="BF16" s="277">
        <v>0</v>
      </c>
      <c r="BG16" s="281">
        <v>0</v>
      </c>
      <c r="BH16" s="278">
        <v>0</v>
      </c>
      <c r="BI16" s="280">
        <v>0</v>
      </c>
      <c r="BJ16" s="281">
        <v>187</v>
      </c>
      <c r="BK16" s="281">
        <v>262</v>
      </c>
      <c r="BL16" s="281">
        <v>189</v>
      </c>
      <c r="BM16" s="281">
        <v>164</v>
      </c>
      <c r="BN16" s="281">
        <v>104</v>
      </c>
      <c r="BO16" s="278">
        <v>906</v>
      </c>
      <c r="BP16" s="283">
        <v>906</v>
      </c>
      <c r="BQ16" s="277">
        <v>0</v>
      </c>
      <c r="BR16" s="281">
        <v>0</v>
      </c>
      <c r="BS16" s="278">
        <v>0</v>
      </c>
      <c r="BT16" s="280">
        <v>0</v>
      </c>
      <c r="BU16" s="281">
        <v>112</v>
      </c>
      <c r="BV16" s="281">
        <v>118</v>
      </c>
      <c r="BW16" s="281">
        <v>591</v>
      </c>
      <c r="BX16" s="281">
        <v>561</v>
      </c>
      <c r="BY16" s="281">
        <v>321</v>
      </c>
      <c r="BZ16" s="278">
        <v>1703</v>
      </c>
      <c r="CA16" s="283">
        <v>1703</v>
      </c>
      <c r="CB16" s="277">
        <v>0</v>
      </c>
      <c r="CC16" s="281">
        <v>0</v>
      </c>
      <c r="CD16" s="278">
        <v>0</v>
      </c>
      <c r="CE16" s="280">
        <v>0</v>
      </c>
      <c r="CF16" s="281">
        <v>5</v>
      </c>
      <c r="CG16" s="281">
        <v>49</v>
      </c>
      <c r="CH16" s="281">
        <v>14</v>
      </c>
      <c r="CI16" s="281">
        <v>35</v>
      </c>
      <c r="CJ16" s="281">
        <v>6</v>
      </c>
      <c r="CK16" s="278">
        <v>109</v>
      </c>
      <c r="CL16" s="283">
        <v>109</v>
      </c>
      <c r="CM16" s="277">
        <v>0</v>
      </c>
      <c r="CN16" s="281">
        <v>0</v>
      </c>
      <c r="CO16" s="278">
        <v>0</v>
      </c>
      <c r="CP16" s="280">
        <v>0</v>
      </c>
      <c r="CQ16" s="281">
        <v>0</v>
      </c>
      <c r="CR16" s="281">
        <v>0</v>
      </c>
      <c r="CS16" s="281">
        <v>0</v>
      </c>
      <c r="CT16" s="281">
        <v>0</v>
      </c>
      <c r="CU16" s="281">
        <v>0</v>
      </c>
      <c r="CV16" s="278">
        <v>0</v>
      </c>
      <c r="CW16" s="283">
        <v>0</v>
      </c>
      <c r="CX16" s="277">
        <v>0</v>
      </c>
      <c r="CY16" s="281">
        <v>0</v>
      </c>
      <c r="CZ16" s="278">
        <v>0</v>
      </c>
      <c r="DA16" s="280">
        <v>0</v>
      </c>
      <c r="DB16" s="281">
        <v>0</v>
      </c>
      <c r="DC16" s="281">
        <v>0</v>
      </c>
      <c r="DD16" s="281">
        <v>0</v>
      </c>
      <c r="DE16" s="281">
        <v>0</v>
      </c>
      <c r="DF16" s="281">
        <v>0</v>
      </c>
      <c r="DG16" s="278">
        <v>0</v>
      </c>
      <c r="DH16" s="283">
        <v>0</v>
      </c>
    </row>
    <row r="17" spans="2:112" ht="19.8" customHeight="1" x14ac:dyDescent="0.2">
      <c r="B17" s="262" t="s">
        <v>15</v>
      </c>
      <c r="C17" s="277">
        <v>0</v>
      </c>
      <c r="D17" s="281">
        <v>0</v>
      </c>
      <c r="E17" s="385">
        <v>0</v>
      </c>
      <c r="F17" s="280">
        <v>0</v>
      </c>
      <c r="G17" s="281">
        <v>1181</v>
      </c>
      <c r="H17" s="281">
        <v>2065</v>
      </c>
      <c r="I17" s="281">
        <v>1725</v>
      </c>
      <c r="J17" s="281">
        <v>1355</v>
      </c>
      <c r="K17" s="281">
        <v>2231</v>
      </c>
      <c r="L17" s="282">
        <v>8557</v>
      </c>
      <c r="M17" s="283">
        <v>8557</v>
      </c>
      <c r="N17" s="277">
        <v>0</v>
      </c>
      <c r="O17" s="281">
        <v>0</v>
      </c>
      <c r="P17" s="278">
        <v>0</v>
      </c>
      <c r="Q17" s="280">
        <v>0</v>
      </c>
      <c r="R17" s="281">
        <v>2</v>
      </c>
      <c r="S17" s="281">
        <v>34</v>
      </c>
      <c r="T17" s="281">
        <v>34</v>
      </c>
      <c r="U17" s="281">
        <v>75</v>
      </c>
      <c r="V17" s="281">
        <v>156</v>
      </c>
      <c r="W17" s="278">
        <v>301</v>
      </c>
      <c r="X17" s="283">
        <v>301</v>
      </c>
      <c r="Y17" s="277">
        <v>15</v>
      </c>
      <c r="Z17" s="281">
        <v>94</v>
      </c>
      <c r="AA17" s="278">
        <v>109</v>
      </c>
      <c r="AB17" s="280">
        <v>0</v>
      </c>
      <c r="AC17" s="281">
        <v>299</v>
      </c>
      <c r="AD17" s="281">
        <v>542</v>
      </c>
      <c r="AE17" s="281">
        <v>280</v>
      </c>
      <c r="AF17" s="281">
        <v>266</v>
      </c>
      <c r="AG17" s="281">
        <v>413</v>
      </c>
      <c r="AH17" s="278">
        <v>1800</v>
      </c>
      <c r="AI17" s="283">
        <v>1909</v>
      </c>
      <c r="AJ17" s="277">
        <v>0</v>
      </c>
      <c r="AK17" s="281">
        <v>10</v>
      </c>
      <c r="AL17" s="278">
        <v>10</v>
      </c>
      <c r="AM17" s="280">
        <v>0</v>
      </c>
      <c r="AN17" s="281">
        <v>70</v>
      </c>
      <c r="AO17" s="281">
        <v>126</v>
      </c>
      <c r="AP17" s="281">
        <v>39</v>
      </c>
      <c r="AQ17" s="281">
        <v>36</v>
      </c>
      <c r="AR17" s="281">
        <v>72</v>
      </c>
      <c r="AS17" s="278">
        <v>343</v>
      </c>
      <c r="AT17" s="283">
        <v>353</v>
      </c>
      <c r="AU17" s="277">
        <v>0</v>
      </c>
      <c r="AV17" s="281">
        <v>0</v>
      </c>
      <c r="AW17" s="278">
        <v>0</v>
      </c>
      <c r="AX17" s="280">
        <v>0</v>
      </c>
      <c r="AY17" s="281">
        <v>824</v>
      </c>
      <c r="AZ17" s="281">
        <v>1233</v>
      </c>
      <c r="BA17" s="281">
        <v>589</v>
      </c>
      <c r="BB17" s="281">
        <v>147</v>
      </c>
      <c r="BC17" s="281">
        <v>132</v>
      </c>
      <c r="BD17" s="282">
        <v>2925</v>
      </c>
      <c r="BE17" s="283">
        <v>2925</v>
      </c>
      <c r="BF17" s="277">
        <v>0</v>
      </c>
      <c r="BG17" s="281">
        <v>0</v>
      </c>
      <c r="BH17" s="278">
        <v>0</v>
      </c>
      <c r="BI17" s="280">
        <v>0</v>
      </c>
      <c r="BJ17" s="281">
        <v>207</v>
      </c>
      <c r="BK17" s="281">
        <v>283</v>
      </c>
      <c r="BL17" s="281">
        <v>190</v>
      </c>
      <c r="BM17" s="281">
        <v>105</v>
      </c>
      <c r="BN17" s="281">
        <v>30</v>
      </c>
      <c r="BO17" s="278">
        <v>815</v>
      </c>
      <c r="BP17" s="283">
        <v>815</v>
      </c>
      <c r="BQ17" s="277">
        <v>0</v>
      </c>
      <c r="BR17" s="281">
        <v>3</v>
      </c>
      <c r="BS17" s="278">
        <v>3</v>
      </c>
      <c r="BT17" s="280">
        <v>0</v>
      </c>
      <c r="BU17" s="281">
        <v>47</v>
      </c>
      <c r="BV17" s="281">
        <v>261</v>
      </c>
      <c r="BW17" s="281">
        <v>659</v>
      </c>
      <c r="BX17" s="281">
        <v>958</v>
      </c>
      <c r="BY17" s="281">
        <v>327</v>
      </c>
      <c r="BZ17" s="278">
        <v>2252</v>
      </c>
      <c r="CA17" s="283">
        <v>2255</v>
      </c>
      <c r="CB17" s="277">
        <v>0</v>
      </c>
      <c r="CC17" s="281">
        <v>0</v>
      </c>
      <c r="CD17" s="278">
        <v>0</v>
      </c>
      <c r="CE17" s="280">
        <v>0</v>
      </c>
      <c r="CF17" s="281">
        <v>48</v>
      </c>
      <c r="CG17" s="281">
        <v>11</v>
      </c>
      <c r="CH17" s="281">
        <v>25</v>
      </c>
      <c r="CI17" s="281">
        <v>43</v>
      </c>
      <c r="CJ17" s="281">
        <v>8</v>
      </c>
      <c r="CK17" s="278">
        <v>135</v>
      </c>
      <c r="CL17" s="283">
        <v>135</v>
      </c>
      <c r="CM17" s="277">
        <v>0</v>
      </c>
      <c r="CN17" s="281">
        <v>0</v>
      </c>
      <c r="CO17" s="278">
        <v>0</v>
      </c>
      <c r="CP17" s="280">
        <v>0</v>
      </c>
      <c r="CQ17" s="281">
        <v>0</v>
      </c>
      <c r="CR17" s="281">
        <v>0</v>
      </c>
      <c r="CS17" s="281">
        <v>0</v>
      </c>
      <c r="CT17" s="281">
        <v>0</v>
      </c>
      <c r="CU17" s="281">
        <v>0</v>
      </c>
      <c r="CV17" s="278">
        <v>0</v>
      </c>
      <c r="CW17" s="283">
        <v>0</v>
      </c>
      <c r="CX17" s="277">
        <v>0</v>
      </c>
      <c r="CY17" s="281">
        <v>0</v>
      </c>
      <c r="CZ17" s="278">
        <v>0</v>
      </c>
      <c r="DA17" s="280">
        <v>0</v>
      </c>
      <c r="DB17" s="281">
        <v>0</v>
      </c>
      <c r="DC17" s="281">
        <v>0</v>
      </c>
      <c r="DD17" s="281">
        <v>0</v>
      </c>
      <c r="DE17" s="281">
        <v>0</v>
      </c>
      <c r="DF17" s="281">
        <v>0</v>
      </c>
      <c r="DG17" s="278">
        <v>0</v>
      </c>
      <c r="DH17" s="283">
        <v>0</v>
      </c>
    </row>
    <row r="18" spans="2:112" ht="19.8" customHeight="1" x14ac:dyDescent="0.2">
      <c r="B18" s="262" t="s">
        <v>16</v>
      </c>
      <c r="C18" s="277">
        <v>0</v>
      </c>
      <c r="D18" s="281">
        <v>0</v>
      </c>
      <c r="E18" s="385">
        <v>0</v>
      </c>
      <c r="F18" s="280">
        <v>0</v>
      </c>
      <c r="G18" s="281">
        <v>2265</v>
      </c>
      <c r="H18" s="281">
        <v>3537</v>
      </c>
      <c r="I18" s="281">
        <v>4781</v>
      </c>
      <c r="J18" s="281">
        <v>5150</v>
      </c>
      <c r="K18" s="281">
        <v>3844</v>
      </c>
      <c r="L18" s="282">
        <v>19577</v>
      </c>
      <c r="M18" s="283">
        <v>19577</v>
      </c>
      <c r="N18" s="277">
        <v>0</v>
      </c>
      <c r="O18" s="281">
        <v>0</v>
      </c>
      <c r="P18" s="278">
        <v>0</v>
      </c>
      <c r="Q18" s="280">
        <v>0</v>
      </c>
      <c r="R18" s="281">
        <v>0</v>
      </c>
      <c r="S18" s="281">
        <v>49</v>
      </c>
      <c r="T18" s="281">
        <v>60</v>
      </c>
      <c r="U18" s="281">
        <v>129</v>
      </c>
      <c r="V18" s="281">
        <v>283</v>
      </c>
      <c r="W18" s="278">
        <v>521</v>
      </c>
      <c r="X18" s="283">
        <v>521</v>
      </c>
      <c r="Y18" s="277">
        <v>118</v>
      </c>
      <c r="Z18" s="281">
        <v>360</v>
      </c>
      <c r="AA18" s="278">
        <v>478</v>
      </c>
      <c r="AB18" s="280">
        <v>0</v>
      </c>
      <c r="AC18" s="281">
        <v>1372</v>
      </c>
      <c r="AD18" s="281">
        <v>2513</v>
      </c>
      <c r="AE18" s="281">
        <v>1734</v>
      </c>
      <c r="AF18" s="281">
        <v>1615</v>
      </c>
      <c r="AG18" s="281">
        <v>1357</v>
      </c>
      <c r="AH18" s="278">
        <v>8591</v>
      </c>
      <c r="AI18" s="283">
        <v>9069</v>
      </c>
      <c r="AJ18" s="277">
        <v>0</v>
      </c>
      <c r="AK18" s="281">
        <v>178</v>
      </c>
      <c r="AL18" s="278">
        <v>178</v>
      </c>
      <c r="AM18" s="280">
        <v>0</v>
      </c>
      <c r="AN18" s="281">
        <v>111</v>
      </c>
      <c r="AO18" s="281">
        <v>250</v>
      </c>
      <c r="AP18" s="281">
        <v>412</v>
      </c>
      <c r="AQ18" s="281">
        <v>81</v>
      </c>
      <c r="AR18" s="281">
        <v>138</v>
      </c>
      <c r="AS18" s="278">
        <v>992</v>
      </c>
      <c r="AT18" s="283">
        <v>1170</v>
      </c>
      <c r="AU18" s="277">
        <v>0</v>
      </c>
      <c r="AV18" s="281">
        <v>0</v>
      </c>
      <c r="AW18" s="278">
        <v>0</v>
      </c>
      <c r="AX18" s="280">
        <v>0</v>
      </c>
      <c r="AY18" s="281">
        <v>2934</v>
      </c>
      <c r="AZ18" s="281">
        <v>4366</v>
      </c>
      <c r="BA18" s="281">
        <v>3213</v>
      </c>
      <c r="BB18" s="281">
        <v>2213</v>
      </c>
      <c r="BC18" s="281">
        <v>1334</v>
      </c>
      <c r="BD18" s="282">
        <v>14060</v>
      </c>
      <c r="BE18" s="283">
        <v>14060</v>
      </c>
      <c r="BF18" s="277">
        <v>0</v>
      </c>
      <c r="BG18" s="281">
        <v>0</v>
      </c>
      <c r="BH18" s="278">
        <v>0</v>
      </c>
      <c r="BI18" s="280">
        <v>0</v>
      </c>
      <c r="BJ18" s="281">
        <v>1513</v>
      </c>
      <c r="BK18" s="281">
        <v>2274</v>
      </c>
      <c r="BL18" s="281">
        <v>1054</v>
      </c>
      <c r="BM18" s="281">
        <v>627</v>
      </c>
      <c r="BN18" s="281">
        <v>224</v>
      </c>
      <c r="BO18" s="278">
        <v>5692</v>
      </c>
      <c r="BP18" s="283">
        <v>5692</v>
      </c>
      <c r="BQ18" s="277">
        <v>0</v>
      </c>
      <c r="BR18" s="281">
        <v>5</v>
      </c>
      <c r="BS18" s="278">
        <v>5</v>
      </c>
      <c r="BT18" s="280">
        <v>0</v>
      </c>
      <c r="BU18" s="281">
        <v>271</v>
      </c>
      <c r="BV18" s="281">
        <v>545</v>
      </c>
      <c r="BW18" s="281">
        <v>1310</v>
      </c>
      <c r="BX18" s="281">
        <v>645</v>
      </c>
      <c r="BY18" s="281">
        <v>333</v>
      </c>
      <c r="BZ18" s="278">
        <v>3104</v>
      </c>
      <c r="CA18" s="283">
        <v>3109</v>
      </c>
      <c r="CB18" s="277">
        <v>0</v>
      </c>
      <c r="CC18" s="281">
        <v>0</v>
      </c>
      <c r="CD18" s="278">
        <v>0</v>
      </c>
      <c r="CE18" s="280">
        <v>0</v>
      </c>
      <c r="CF18" s="281">
        <v>12</v>
      </c>
      <c r="CG18" s="281">
        <v>24</v>
      </c>
      <c r="CH18" s="281">
        <v>47</v>
      </c>
      <c r="CI18" s="281">
        <v>53</v>
      </c>
      <c r="CJ18" s="281">
        <v>48</v>
      </c>
      <c r="CK18" s="278">
        <v>184</v>
      </c>
      <c r="CL18" s="283">
        <v>184</v>
      </c>
      <c r="CM18" s="277">
        <v>0</v>
      </c>
      <c r="CN18" s="281">
        <v>0</v>
      </c>
      <c r="CO18" s="278">
        <v>0</v>
      </c>
      <c r="CP18" s="280">
        <v>0</v>
      </c>
      <c r="CQ18" s="281">
        <v>0</v>
      </c>
      <c r="CR18" s="281">
        <v>0</v>
      </c>
      <c r="CS18" s="281">
        <v>0</v>
      </c>
      <c r="CT18" s="281">
        <v>0</v>
      </c>
      <c r="CU18" s="281">
        <v>0</v>
      </c>
      <c r="CV18" s="278">
        <v>0</v>
      </c>
      <c r="CW18" s="283">
        <v>0</v>
      </c>
      <c r="CX18" s="277">
        <v>0</v>
      </c>
      <c r="CY18" s="281">
        <v>0</v>
      </c>
      <c r="CZ18" s="278">
        <v>0</v>
      </c>
      <c r="DA18" s="280">
        <v>0</v>
      </c>
      <c r="DB18" s="281">
        <v>0</v>
      </c>
      <c r="DC18" s="281">
        <v>0</v>
      </c>
      <c r="DD18" s="281">
        <v>0</v>
      </c>
      <c r="DE18" s="281">
        <v>0</v>
      </c>
      <c r="DF18" s="281">
        <v>0</v>
      </c>
      <c r="DG18" s="278">
        <v>0</v>
      </c>
      <c r="DH18" s="283">
        <v>0</v>
      </c>
    </row>
    <row r="19" spans="2:112" ht="19.8" customHeight="1" x14ac:dyDescent="0.2">
      <c r="B19" s="262" t="s">
        <v>17</v>
      </c>
      <c r="C19" s="277">
        <v>0</v>
      </c>
      <c r="D19" s="281">
        <v>0</v>
      </c>
      <c r="E19" s="385">
        <v>0</v>
      </c>
      <c r="F19" s="280">
        <v>0</v>
      </c>
      <c r="G19" s="281">
        <v>2398</v>
      </c>
      <c r="H19" s="281">
        <v>6851</v>
      </c>
      <c r="I19" s="281">
        <v>7379</v>
      </c>
      <c r="J19" s="281">
        <v>10076</v>
      </c>
      <c r="K19" s="281">
        <v>12227</v>
      </c>
      <c r="L19" s="282">
        <v>38931</v>
      </c>
      <c r="M19" s="283">
        <v>38931</v>
      </c>
      <c r="N19" s="277">
        <v>0</v>
      </c>
      <c r="O19" s="281">
        <v>7</v>
      </c>
      <c r="P19" s="278">
        <v>7</v>
      </c>
      <c r="Q19" s="280">
        <v>0</v>
      </c>
      <c r="R19" s="281">
        <v>6</v>
      </c>
      <c r="S19" s="281">
        <v>19</v>
      </c>
      <c r="T19" s="281">
        <v>103</v>
      </c>
      <c r="U19" s="281">
        <v>203</v>
      </c>
      <c r="V19" s="281">
        <v>421</v>
      </c>
      <c r="W19" s="278">
        <v>752</v>
      </c>
      <c r="X19" s="283">
        <v>759</v>
      </c>
      <c r="Y19" s="277">
        <v>128</v>
      </c>
      <c r="Z19" s="281">
        <v>599</v>
      </c>
      <c r="AA19" s="278">
        <v>727</v>
      </c>
      <c r="AB19" s="280">
        <v>0</v>
      </c>
      <c r="AC19" s="281">
        <v>1194</v>
      </c>
      <c r="AD19" s="281">
        <v>2911</v>
      </c>
      <c r="AE19" s="281">
        <v>1928</v>
      </c>
      <c r="AF19" s="281">
        <v>1737</v>
      </c>
      <c r="AG19" s="281">
        <v>1568</v>
      </c>
      <c r="AH19" s="278">
        <v>9338</v>
      </c>
      <c r="AI19" s="283">
        <v>10065</v>
      </c>
      <c r="AJ19" s="277">
        <v>27</v>
      </c>
      <c r="AK19" s="281">
        <v>62</v>
      </c>
      <c r="AL19" s="278">
        <v>89</v>
      </c>
      <c r="AM19" s="280">
        <v>0</v>
      </c>
      <c r="AN19" s="281">
        <v>170</v>
      </c>
      <c r="AO19" s="281">
        <v>384</v>
      </c>
      <c r="AP19" s="281">
        <v>268</v>
      </c>
      <c r="AQ19" s="281">
        <v>252</v>
      </c>
      <c r="AR19" s="281">
        <v>108</v>
      </c>
      <c r="AS19" s="278">
        <v>1182</v>
      </c>
      <c r="AT19" s="283">
        <v>1271</v>
      </c>
      <c r="AU19" s="277">
        <v>0</v>
      </c>
      <c r="AV19" s="281">
        <v>0</v>
      </c>
      <c r="AW19" s="278">
        <v>0</v>
      </c>
      <c r="AX19" s="280">
        <v>0</v>
      </c>
      <c r="AY19" s="281">
        <v>3369</v>
      </c>
      <c r="AZ19" s="281">
        <v>5562</v>
      </c>
      <c r="BA19" s="281">
        <v>3218</v>
      </c>
      <c r="BB19" s="281">
        <v>2203</v>
      </c>
      <c r="BC19" s="281">
        <v>1032</v>
      </c>
      <c r="BD19" s="282">
        <v>15384</v>
      </c>
      <c r="BE19" s="283">
        <v>15384</v>
      </c>
      <c r="BF19" s="277">
        <v>0</v>
      </c>
      <c r="BG19" s="281">
        <v>0</v>
      </c>
      <c r="BH19" s="278">
        <v>0</v>
      </c>
      <c r="BI19" s="280">
        <v>0</v>
      </c>
      <c r="BJ19" s="281">
        <v>520</v>
      </c>
      <c r="BK19" s="281">
        <v>1465</v>
      </c>
      <c r="BL19" s="281">
        <v>679</v>
      </c>
      <c r="BM19" s="281">
        <v>381</v>
      </c>
      <c r="BN19" s="281">
        <v>150</v>
      </c>
      <c r="BO19" s="278">
        <v>3195</v>
      </c>
      <c r="BP19" s="283">
        <v>3195</v>
      </c>
      <c r="BQ19" s="277">
        <v>10</v>
      </c>
      <c r="BR19" s="281">
        <v>6</v>
      </c>
      <c r="BS19" s="278">
        <v>16</v>
      </c>
      <c r="BT19" s="280">
        <v>0</v>
      </c>
      <c r="BU19" s="281">
        <v>319</v>
      </c>
      <c r="BV19" s="281">
        <v>776</v>
      </c>
      <c r="BW19" s="281">
        <v>1001</v>
      </c>
      <c r="BX19" s="281">
        <v>1140</v>
      </c>
      <c r="BY19" s="281">
        <v>427</v>
      </c>
      <c r="BZ19" s="278">
        <v>3663</v>
      </c>
      <c r="CA19" s="283">
        <v>3679</v>
      </c>
      <c r="CB19" s="277">
        <v>0</v>
      </c>
      <c r="CC19" s="281">
        <v>0</v>
      </c>
      <c r="CD19" s="278">
        <v>0</v>
      </c>
      <c r="CE19" s="280">
        <v>0</v>
      </c>
      <c r="CF19" s="281">
        <v>37</v>
      </c>
      <c r="CG19" s="281">
        <v>116</v>
      </c>
      <c r="CH19" s="281">
        <v>51</v>
      </c>
      <c r="CI19" s="281">
        <v>84</v>
      </c>
      <c r="CJ19" s="281">
        <v>66</v>
      </c>
      <c r="CK19" s="278">
        <v>354</v>
      </c>
      <c r="CL19" s="283">
        <v>354</v>
      </c>
      <c r="CM19" s="277">
        <v>0</v>
      </c>
      <c r="CN19" s="281">
        <v>0</v>
      </c>
      <c r="CO19" s="278">
        <v>0</v>
      </c>
      <c r="CP19" s="280">
        <v>0</v>
      </c>
      <c r="CQ19" s="281">
        <v>0</v>
      </c>
      <c r="CR19" s="281">
        <v>0</v>
      </c>
      <c r="CS19" s="281">
        <v>0</v>
      </c>
      <c r="CT19" s="281">
        <v>0</v>
      </c>
      <c r="CU19" s="281">
        <v>0</v>
      </c>
      <c r="CV19" s="278">
        <v>0</v>
      </c>
      <c r="CW19" s="283">
        <v>0</v>
      </c>
      <c r="CX19" s="277">
        <v>0</v>
      </c>
      <c r="CY19" s="281">
        <v>0</v>
      </c>
      <c r="CZ19" s="278">
        <v>0</v>
      </c>
      <c r="DA19" s="280">
        <v>0</v>
      </c>
      <c r="DB19" s="281">
        <v>0</v>
      </c>
      <c r="DC19" s="281">
        <v>0</v>
      </c>
      <c r="DD19" s="281">
        <v>0</v>
      </c>
      <c r="DE19" s="281">
        <v>0</v>
      </c>
      <c r="DF19" s="281">
        <v>0</v>
      </c>
      <c r="DG19" s="278">
        <v>0</v>
      </c>
      <c r="DH19" s="283">
        <v>0</v>
      </c>
    </row>
    <row r="20" spans="2:112" ht="19.8" customHeight="1" x14ac:dyDescent="0.2">
      <c r="B20" s="262" t="s">
        <v>18</v>
      </c>
      <c r="C20" s="277">
        <v>0</v>
      </c>
      <c r="D20" s="281">
        <v>0</v>
      </c>
      <c r="E20" s="385">
        <v>0</v>
      </c>
      <c r="F20" s="280">
        <v>0</v>
      </c>
      <c r="G20" s="281">
        <v>5383</v>
      </c>
      <c r="H20" s="281">
        <v>8714</v>
      </c>
      <c r="I20" s="281">
        <v>8563</v>
      </c>
      <c r="J20" s="281">
        <v>13084</v>
      </c>
      <c r="K20" s="281">
        <v>10569</v>
      </c>
      <c r="L20" s="282">
        <v>46313</v>
      </c>
      <c r="M20" s="283">
        <v>46313</v>
      </c>
      <c r="N20" s="277">
        <v>0</v>
      </c>
      <c r="O20" s="281">
        <v>0</v>
      </c>
      <c r="P20" s="278">
        <v>0</v>
      </c>
      <c r="Q20" s="280">
        <v>0</v>
      </c>
      <c r="R20" s="281">
        <v>10</v>
      </c>
      <c r="S20" s="281">
        <v>69</v>
      </c>
      <c r="T20" s="281">
        <v>92</v>
      </c>
      <c r="U20" s="281">
        <v>172</v>
      </c>
      <c r="V20" s="281">
        <v>444</v>
      </c>
      <c r="W20" s="278">
        <v>787</v>
      </c>
      <c r="X20" s="283">
        <v>787</v>
      </c>
      <c r="Y20" s="277">
        <v>318</v>
      </c>
      <c r="Z20" s="281">
        <v>694</v>
      </c>
      <c r="AA20" s="278">
        <v>1012</v>
      </c>
      <c r="AB20" s="280">
        <v>0</v>
      </c>
      <c r="AC20" s="281">
        <v>2703</v>
      </c>
      <c r="AD20" s="281">
        <v>3124</v>
      </c>
      <c r="AE20" s="281">
        <v>2141</v>
      </c>
      <c r="AF20" s="281">
        <v>2108</v>
      </c>
      <c r="AG20" s="281">
        <v>1883</v>
      </c>
      <c r="AH20" s="278">
        <v>11959</v>
      </c>
      <c r="AI20" s="283">
        <v>12971</v>
      </c>
      <c r="AJ20" s="277">
        <v>101</v>
      </c>
      <c r="AK20" s="281">
        <v>99</v>
      </c>
      <c r="AL20" s="278">
        <v>200</v>
      </c>
      <c r="AM20" s="280">
        <v>0</v>
      </c>
      <c r="AN20" s="281">
        <v>520</v>
      </c>
      <c r="AO20" s="281">
        <v>591</v>
      </c>
      <c r="AP20" s="281">
        <v>519</v>
      </c>
      <c r="AQ20" s="281">
        <v>451</v>
      </c>
      <c r="AR20" s="281">
        <v>243</v>
      </c>
      <c r="AS20" s="278">
        <v>2324</v>
      </c>
      <c r="AT20" s="283">
        <v>2524</v>
      </c>
      <c r="AU20" s="277">
        <v>0</v>
      </c>
      <c r="AV20" s="281">
        <v>0</v>
      </c>
      <c r="AW20" s="278">
        <v>0</v>
      </c>
      <c r="AX20" s="280">
        <v>0</v>
      </c>
      <c r="AY20" s="281">
        <v>6131</v>
      </c>
      <c r="AZ20" s="281">
        <v>6144</v>
      </c>
      <c r="BA20" s="281">
        <v>4159</v>
      </c>
      <c r="BB20" s="281">
        <v>2494</v>
      </c>
      <c r="BC20" s="281">
        <v>1058</v>
      </c>
      <c r="BD20" s="282">
        <v>19986</v>
      </c>
      <c r="BE20" s="283">
        <v>19986</v>
      </c>
      <c r="BF20" s="277">
        <v>0</v>
      </c>
      <c r="BG20" s="281">
        <v>0</v>
      </c>
      <c r="BH20" s="278">
        <v>0</v>
      </c>
      <c r="BI20" s="280">
        <v>0</v>
      </c>
      <c r="BJ20" s="281">
        <v>1282</v>
      </c>
      <c r="BK20" s="281">
        <v>1419</v>
      </c>
      <c r="BL20" s="281">
        <v>838</v>
      </c>
      <c r="BM20" s="281">
        <v>515</v>
      </c>
      <c r="BN20" s="281">
        <v>137</v>
      </c>
      <c r="BO20" s="278">
        <v>4191</v>
      </c>
      <c r="BP20" s="283">
        <v>4191</v>
      </c>
      <c r="BQ20" s="277">
        <v>6</v>
      </c>
      <c r="BR20" s="281">
        <v>19</v>
      </c>
      <c r="BS20" s="278">
        <v>25</v>
      </c>
      <c r="BT20" s="280">
        <v>0</v>
      </c>
      <c r="BU20" s="281">
        <v>423</v>
      </c>
      <c r="BV20" s="281">
        <v>907</v>
      </c>
      <c r="BW20" s="281">
        <v>2222</v>
      </c>
      <c r="BX20" s="281">
        <v>1772</v>
      </c>
      <c r="BY20" s="281">
        <v>751</v>
      </c>
      <c r="BZ20" s="278">
        <v>6075</v>
      </c>
      <c r="CA20" s="283">
        <v>6100</v>
      </c>
      <c r="CB20" s="277">
        <v>0</v>
      </c>
      <c r="CC20" s="281">
        <v>0</v>
      </c>
      <c r="CD20" s="278">
        <v>0</v>
      </c>
      <c r="CE20" s="280">
        <v>0</v>
      </c>
      <c r="CF20" s="281">
        <v>8</v>
      </c>
      <c r="CG20" s="281">
        <v>8</v>
      </c>
      <c r="CH20" s="281">
        <v>26</v>
      </c>
      <c r="CI20" s="281">
        <v>25</v>
      </c>
      <c r="CJ20" s="281">
        <v>10</v>
      </c>
      <c r="CK20" s="278">
        <v>77</v>
      </c>
      <c r="CL20" s="283">
        <v>77</v>
      </c>
      <c r="CM20" s="277">
        <v>0</v>
      </c>
      <c r="CN20" s="281">
        <v>0</v>
      </c>
      <c r="CO20" s="278">
        <v>0</v>
      </c>
      <c r="CP20" s="280">
        <v>0</v>
      </c>
      <c r="CQ20" s="281">
        <v>0</v>
      </c>
      <c r="CR20" s="281">
        <v>0</v>
      </c>
      <c r="CS20" s="281">
        <v>0</v>
      </c>
      <c r="CT20" s="281">
        <v>0</v>
      </c>
      <c r="CU20" s="281">
        <v>0</v>
      </c>
      <c r="CV20" s="278">
        <v>0</v>
      </c>
      <c r="CW20" s="283">
        <v>0</v>
      </c>
      <c r="CX20" s="277">
        <v>0</v>
      </c>
      <c r="CY20" s="281">
        <v>0</v>
      </c>
      <c r="CZ20" s="278">
        <v>0</v>
      </c>
      <c r="DA20" s="280">
        <v>0</v>
      </c>
      <c r="DB20" s="281">
        <v>0</v>
      </c>
      <c r="DC20" s="281">
        <v>0</v>
      </c>
      <c r="DD20" s="281">
        <v>0</v>
      </c>
      <c r="DE20" s="281">
        <v>0</v>
      </c>
      <c r="DF20" s="281">
        <v>0</v>
      </c>
      <c r="DG20" s="278">
        <v>0</v>
      </c>
      <c r="DH20" s="283">
        <v>0</v>
      </c>
    </row>
    <row r="21" spans="2:112" ht="19.8" customHeight="1" x14ac:dyDescent="0.2">
      <c r="B21" s="262" t="s">
        <v>19</v>
      </c>
      <c r="C21" s="277">
        <v>0</v>
      </c>
      <c r="D21" s="281">
        <v>0</v>
      </c>
      <c r="E21" s="385">
        <v>0</v>
      </c>
      <c r="F21" s="280">
        <v>0</v>
      </c>
      <c r="G21" s="281">
        <v>2035</v>
      </c>
      <c r="H21" s="281">
        <v>2263</v>
      </c>
      <c r="I21" s="281">
        <v>3377</v>
      </c>
      <c r="J21" s="281">
        <v>3605</v>
      </c>
      <c r="K21" s="281">
        <v>2568</v>
      </c>
      <c r="L21" s="282">
        <v>13848</v>
      </c>
      <c r="M21" s="283">
        <v>13848</v>
      </c>
      <c r="N21" s="277">
        <v>0</v>
      </c>
      <c r="O21" s="281">
        <v>0</v>
      </c>
      <c r="P21" s="278">
        <v>0</v>
      </c>
      <c r="Q21" s="280">
        <v>0</v>
      </c>
      <c r="R21" s="281">
        <v>15</v>
      </c>
      <c r="S21" s="281">
        <v>10</v>
      </c>
      <c r="T21" s="281">
        <v>54</v>
      </c>
      <c r="U21" s="281">
        <v>112</v>
      </c>
      <c r="V21" s="281">
        <v>162</v>
      </c>
      <c r="W21" s="278">
        <v>353</v>
      </c>
      <c r="X21" s="283">
        <v>353</v>
      </c>
      <c r="Y21" s="277">
        <v>141</v>
      </c>
      <c r="Z21" s="281">
        <v>271</v>
      </c>
      <c r="AA21" s="278">
        <v>412</v>
      </c>
      <c r="AB21" s="280">
        <v>0</v>
      </c>
      <c r="AC21" s="281">
        <v>1332</v>
      </c>
      <c r="AD21" s="281">
        <v>1323</v>
      </c>
      <c r="AE21" s="281">
        <v>953</v>
      </c>
      <c r="AF21" s="281">
        <v>810</v>
      </c>
      <c r="AG21" s="281">
        <v>744</v>
      </c>
      <c r="AH21" s="278">
        <v>5162</v>
      </c>
      <c r="AI21" s="283">
        <v>5574</v>
      </c>
      <c r="AJ21" s="277">
        <v>18</v>
      </c>
      <c r="AK21" s="281">
        <v>55</v>
      </c>
      <c r="AL21" s="278">
        <v>73</v>
      </c>
      <c r="AM21" s="280">
        <v>0</v>
      </c>
      <c r="AN21" s="281">
        <v>279</v>
      </c>
      <c r="AO21" s="281">
        <v>164</v>
      </c>
      <c r="AP21" s="281">
        <v>119</v>
      </c>
      <c r="AQ21" s="281">
        <v>123</v>
      </c>
      <c r="AR21" s="281">
        <v>59</v>
      </c>
      <c r="AS21" s="278">
        <v>744</v>
      </c>
      <c r="AT21" s="283">
        <v>817</v>
      </c>
      <c r="AU21" s="277">
        <v>0</v>
      </c>
      <c r="AV21" s="281">
        <v>0</v>
      </c>
      <c r="AW21" s="278">
        <v>0</v>
      </c>
      <c r="AX21" s="280">
        <v>0</v>
      </c>
      <c r="AY21" s="281">
        <v>2241</v>
      </c>
      <c r="AZ21" s="281">
        <v>2347</v>
      </c>
      <c r="BA21" s="281">
        <v>1231</v>
      </c>
      <c r="BB21" s="281">
        <v>567</v>
      </c>
      <c r="BC21" s="281">
        <v>500</v>
      </c>
      <c r="BD21" s="282">
        <v>6886</v>
      </c>
      <c r="BE21" s="283">
        <v>6886</v>
      </c>
      <c r="BF21" s="277">
        <v>0</v>
      </c>
      <c r="BG21" s="281">
        <v>0</v>
      </c>
      <c r="BH21" s="278">
        <v>0</v>
      </c>
      <c r="BI21" s="280">
        <v>0</v>
      </c>
      <c r="BJ21" s="281">
        <v>770</v>
      </c>
      <c r="BK21" s="281">
        <v>719</v>
      </c>
      <c r="BL21" s="281">
        <v>417</v>
      </c>
      <c r="BM21" s="281">
        <v>247</v>
      </c>
      <c r="BN21" s="281">
        <v>92</v>
      </c>
      <c r="BO21" s="278">
        <v>2245</v>
      </c>
      <c r="BP21" s="283">
        <v>2245</v>
      </c>
      <c r="BQ21" s="277">
        <v>2</v>
      </c>
      <c r="BR21" s="281">
        <v>5</v>
      </c>
      <c r="BS21" s="278">
        <v>7</v>
      </c>
      <c r="BT21" s="280">
        <v>0</v>
      </c>
      <c r="BU21" s="281">
        <v>115</v>
      </c>
      <c r="BV21" s="281">
        <v>339</v>
      </c>
      <c r="BW21" s="281">
        <v>584</v>
      </c>
      <c r="BX21" s="281">
        <v>317</v>
      </c>
      <c r="BY21" s="281">
        <v>135</v>
      </c>
      <c r="BZ21" s="278">
        <v>1490</v>
      </c>
      <c r="CA21" s="283">
        <v>1497</v>
      </c>
      <c r="CB21" s="277">
        <v>0</v>
      </c>
      <c r="CC21" s="281">
        <v>0</v>
      </c>
      <c r="CD21" s="278">
        <v>0</v>
      </c>
      <c r="CE21" s="280">
        <v>0</v>
      </c>
      <c r="CF21" s="281">
        <v>20</v>
      </c>
      <c r="CG21" s="281">
        <v>56</v>
      </c>
      <c r="CH21" s="281">
        <v>48</v>
      </c>
      <c r="CI21" s="281">
        <v>60</v>
      </c>
      <c r="CJ21" s="281">
        <v>53</v>
      </c>
      <c r="CK21" s="278">
        <v>237</v>
      </c>
      <c r="CL21" s="283">
        <v>237</v>
      </c>
      <c r="CM21" s="277">
        <v>0</v>
      </c>
      <c r="CN21" s="281">
        <v>0</v>
      </c>
      <c r="CO21" s="278">
        <v>0</v>
      </c>
      <c r="CP21" s="280">
        <v>0</v>
      </c>
      <c r="CQ21" s="281">
        <v>0</v>
      </c>
      <c r="CR21" s="281">
        <v>0</v>
      </c>
      <c r="CS21" s="281">
        <v>0</v>
      </c>
      <c r="CT21" s="281">
        <v>0</v>
      </c>
      <c r="CU21" s="281">
        <v>0</v>
      </c>
      <c r="CV21" s="278">
        <v>0</v>
      </c>
      <c r="CW21" s="283">
        <v>0</v>
      </c>
      <c r="CX21" s="277">
        <v>0</v>
      </c>
      <c r="CY21" s="281">
        <v>0</v>
      </c>
      <c r="CZ21" s="278">
        <v>0</v>
      </c>
      <c r="DA21" s="280">
        <v>0</v>
      </c>
      <c r="DB21" s="281">
        <v>0</v>
      </c>
      <c r="DC21" s="281">
        <v>0</v>
      </c>
      <c r="DD21" s="281">
        <v>0</v>
      </c>
      <c r="DE21" s="281">
        <v>0</v>
      </c>
      <c r="DF21" s="281">
        <v>0</v>
      </c>
      <c r="DG21" s="278">
        <v>0</v>
      </c>
      <c r="DH21" s="283">
        <v>0</v>
      </c>
    </row>
    <row r="22" spans="2:112" ht="19.8" customHeight="1" x14ac:dyDescent="0.2">
      <c r="B22" s="262" t="s">
        <v>20</v>
      </c>
      <c r="C22" s="277">
        <v>0</v>
      </c>
      <c r="D22" s="281">
        <v>0</v>
      </c>
      <c r="E22" s="385">
        <v>0</v>
      </c>
      <c r="F22" s="280">
        <v>0</v>
      </c>
      <c r="G22" s="281">
        <v>2764</v>
      </c>
      <c r="H22" s="281">
        <v>3361</v>
      </c>
      <c r="I22" s="281">
        <v>4820</v>
      </c>
      <c r="J22" s="281">
        <v>4438</v>
      </c>
      <c r="K22" s="281">
        <v>3309</v>
      </c>
      <c r="L22" s="282">
        <v>18692</v>
      </c>
      <c r="M22" s="283">
        <v>18692</v>
      </c>
      <c r="N22" s="277">
        <v>0</v>
      </c>
      <c r="O22" s="281">
        <v>0</v>
      </c>
      <c r="P22" s="278">
        <v>0</v>
      </c>
      <c r="Q22" s="280">
        <v>0</v>
      </c>
      <c r="R22" s="281">
        <v>0</v>
      </c>
      <c r="S22" s="281">
        <v>39</v>
      </c>
      <c r="T22" s="281">
        <v>49</v>
      </c>
      <c r="U22" s="281">
        <v>111</v>
      </c>
      <c r="V22" s="281">
        <v>240</v>
      </c>
      <c r="W22" s="278">
        <v>439</v>
      </c>
      <c r="X22" s="283">
        <v>439</v>
      </c>
      <c r="Y22" s="277">
        <v>216</v>
      </c>
      <c r="Z22" s="281">
        <v>610</v>
      </c>
      <c r="AA22" s="278">
        <v>826</v>
      </c>
      <c r="AB22" s="280">
        <v>0</v>
      </c>
      <c r="AC22" s="281">
        <v>2115</v>
      </c>
      <c r="AD22" s="281">
        <v>1876</v>
      </c>
      <c r="AE22" s="281">
        <v>1187</v>
      </c>
      <c r="AF22" s="281">
        <v>851</v>
      </c>
      <c r="AG22" s="281">
        <v>653</v>
      </c>
      <c r="AH22" s="278">
        <v>6682</v>
      </c>
      <c r="AI22" s="283">
        <v>7508</v>
      </c>
      <c r="AJ22" s="277">
        <v>104</v>
      </c>
      <c r="AK22" s="281">
        <v>304</v>
      </c>
      <c r="AL22" s="278">
        <v>408</v>
      </c>
      <c r="AM22" s="280">
        <v>0</v>
      </c>
      <c r="AN22" s="281">
        <v>672</v>
      </c>
      <c r="AO22" s="281">
        <v>625</v>
      </c>
      <c r="AP22" s="281">
        <v>387</v>
      </c>
      <c r="AQ22" s="281">
        <v>405</v>
      </c>
      <c r="AR22" s="281">
        <v>162</v>
      </c>
      <c r="AS22" s="278">
        <v>2251</v>
      </c>
      <c r="AT22" s="283">
        <v>2659</v>
      </c>
      <c r="AU22" s="277">
        <v>0</v>
      </c>
      <c r="AV22" s="281">
        <v>0</v>
      </c>
      <c r="AW22" s="278">
        <v>0</v>
      </c>
      <c r="AX22" s="280">
        <v>0</v>
      </c>
      <c r="AY22" s="281">
        <v>2777</v>
      </c>
      <c r="AZ22" s="281">
        <v>1882</v>
      </c>
      <c r="BA22" s="281">
        <v>1598</v>
      </c>
      <c r="BB22" s="281">
        <v>769</v>
      </c>
      <c r="BC22" s="281">
        <v>340</v>
      </c>
      <c r="BD22" s="282">
        <v>7366</v>
      </c>
      <c r="BE22" s="283">
        <v>7366</v>
      </c>
      <c r="BF22" s="277">
        <v>0</v>
      </c>
      <c r="BG22" s="281">
        <v>0</v>
      </c>
      <c r="BH22" s="278">
        <v>0</v>
      </c>
      <c r="BI22" s="280">
        <v>0</v>
      </c>
      <c r="BJ22" s="281">
        <v>1265</v>
      </c>
      <c r="BK22" s="281">
        <v>921</v>
      </c>
      <c r="BL22" s="281">
        <v>540</v>
      </c>
      <c r="BM22" s="281">
        <v>335</v>
      </c>
      <c r="BN22" s="281">
        <v>79</v>
      </c>
      <c r="BO22" s="278">
        <v>3140</v>
      </c>
      <c r="BP22" s="283">
        <v>3140</v>
      </c>
      <c r="BQ22" s="277">
        <v>0</v>
      </c>
      <c r="BR22" s="281">
        <v>18</v>
      </c>
      <c r="BS22" s="278">
        <v>18</v>
      </c>
      <c r="BT22" s="280">
        <v>0</v>
      </c>
      <c r="BU22" s="281">
        <v>432</v>
      </c>
      <c r="BV22" s="281">
        <v>417</v>
      </c>
      <c r="BW22" s="281">
        <v>1198</v>
      </c>
      <c r="BX22" s="281">
        <v>679</v>
      </c>
      <c r="BY22" s="281">
        <v>282</v>
      </c>
      <c r="BZ22" s="278">
        <v>3008</v>
      </c>
      <c r="CA22" s="283">
        <v>3026</v>
      </c>
      <c r="CB22" s="277">
        <v>0</v>
      </c>
      <c r="CC22" s="281">
        <v>0</v>
      </c>
      <c r="CD22" s="278">
        <v>0</v>
      </c>
      <c r="CE22" s="280">
        <v>0</v>
      </c>
      <c r="CF22" s="281">
        <v>12</v>
      </c>
      <c r="CG22" s="281">
        <v>34</v>
      </c>
      <c r="CH22" s="281">
        <v>73</v>
      </c>
      <c r="CI22" s="281">
        <v>41</v>
      </c>
      <c r="CJ22" s="281">
        <v>12</v>
      </c>
      <c r="CK22" s="278">
        <v>172</v>
      </c>
      <c r="CL22" s="283">
        <v>172</v>
      </c>
      <c r="CM22" s="277">
        <v>0</v>
      </c>
      <c r="CN22" s="281">
        <v>0</v>
      </c>
      <c r="CO22" s="278">
        <v>0</v>
      </c>
      <c r="CP22" s="280">
        <v>0</v>
      </c>
      <c r="CQ22" s="281">
        <v>0</v>
      </c>
      <c r="CR22" s="281">
        <v>0</v>
      </c>
      <c r="CS22" s="281">
        <v>0</v>
      </c>
      <c r="CT22" s="281">
        <v>0</v>
      </c>
      <c r="CU22" s="281">
        <v>0</v>
      </c>
      <c r="CV22" s="278">
        <v>0</v>
      </c>
      <c r="CW22" s="283">
        <v>0</v>
      </c>
      <c r="CX22" s="277">
        <v>0</v>
      </c>
      <c r="CY22" s="281">
        <v>0</v>
      </c>
      <c r="CZ22" s="278">
        <v>0</v>
      </c>
      <c r="DA22" s="280">
        <v>0</v>
      </c>
      <c r="DB22" s="281">
        <v>0</v>
      </c>
      <c r="DC22" s="281">
        <v>0</v>
      </c>
      <c r="DD22" s="281">
        <v>0</v>
      </c>
      <c r="DE22" s="281">
        <v>0</v>
      </c>
      <c r="DF22" s="281">
        <v>0</v>
      </c>
      <c r="DG22" s="278">
        <v>0</v>
      </c>
      <c r="DH22" s="283">
        <v>0</v>
      </c>
    </row>
    <row r="23" spans="2:112" ht="19.8" customHeight="1" x14ac:dyDescent="0.2">
      <c r="B23" s="262" t="s">
        <v>21</v>
      </c>
      <c r="C23" s="277">
        <v>0</v>
      </c>
      <c r="D23" s="281">
        <v>0</v>
      </c>
      <c r="E23" s="385">
        <v>0</v>
      </c>
      <c r="F23" s="280">
        <v>0</v>
      </c>
      <c r="G23" s="281">
        <v>2771</v>
      </c>
      <c r="H23" s="281">
        <v>6149</v>
      </c>
      <c r="I23" s="281">
        <v>5211</v>
      </c>
      <c r="J23" s="281">
        <v>7607</v>
      </c>
      <c r="K23" s="281">
        <v>5049</v>
      </c>
      <c r="L23" s="282">
        <v>26787</v>
      </c>
      <c r="M23" s="283">
        <v>26787</v>
      </c>
      <c r="N23" s="277">
        <v>0</v>
      </c>
      <c r="O23" s="281">
        <v>0</v>
      </c>
      <c r="P23" s="278">
        <v>0</v>
      </c>
      <c r="Q23" s="280">
        <v>0</v>
      </c>
      <c r="R23" s="281">
        <v>3</v>
      </c>
      <c r="S23" s="281">
        <v>18</v>
      </c>
      <c r="T23" s="281">
        <v>89</v>
      </c>
      <c r="U23" s="281">
        <v>143</v>
      </c>
      <c r="V23" s="281">
        <v>218</v>
      </c>
      <c r="W23" s="278">
        <v>471</v>
      </c>
      <c r="X23" s="283">
        <v>471</v>
      </c>
      <c r="Y23" s="277">
        <v>355</v>
      </c>
      <c r="Z23" s="281">
        <v>473</v>
      </c>
      <c r="AA23" s="278">
        <v>828</v>
      </c>
      <c r="AB23" s="280">
        <v>0</v>
      </c>
      <c r="AC23" s="281">
        <v>1657</v>
      </c>
      <c r="AD23" s="281">
        <v>2630</v>
      </c>
      <c r="AE23" s="281">
        <v>1431</v>
      </c>
      <c r="AF23" s="281">
        <v>1404</v>
      </c>
      <c r="AG23" s="281">
        <v>755</v>
      </c>
      <c r="AH23" s="278">
        <v>7877</v>
      </c>
      <c r="AI23" s="283">
        <v>8705</v>
      </c>
      <c r="AJ23" s="277">
        <v>118</v>
      </c>
      <c r="AK23" s="281">
        <v>335</v>
      </c>
      <c r="AL23" s="278">
        <v>453</v>
      </c>
      <c r="AM23" s="280">
        <v>0</v>
      </c>
      <c r="AN23" s="281">
        <v>196</v>
      </c>
      <c r="AO23" s="281">
        <v>421</v>
      </c>
      <c r="AP23" s="281">
        <v>180</v>
      </c>
      <c r="AQ23" s="281">
        <v>211</v>
      </c>
      <c r="AR23" s="281">
        <v>80</v>
      </c>
      <c r="AS23" s="278">
        <v>1088</v>
      </c>
      <c r="AT23" s="283">
        <v>1541</v>
      </c>
      <c r="AU23" s="277">
        <v>0</v>
      </c>
      <c r="AV23" s="281">
        <v>0</v>
      </c>
      <c r="AW23" s="278">
        <v>0</v>
      </c>
      <c r="AX23" s="280">
        <v>0</v>
      </c>
      <c r="AY23" s="281">
        <v>2540</v>
      </c>
      <c r="AZ23" s="281">
        <v>3255</v>
      </c>
      <c r="BA23" s="281">
        <v>1837</v>
      </c>
      <c r="BB23" s="281">
        <v>1144</v>
      </c>
      <c r="BC23" s="281">
        <v>371</v>
      </c>
      <c r="BD23" s="282">
        <v>9147</v>
      </c>
      <c r="BE23" s="283">
        <v>9147</v>
      </c>
      <c r="BF23" s="277">
        <v>0</v>
      </c>
      <c r="BG23" s="281">
        <v>0</v>
      </c>
      <c r="BH23" s="278">
        <v>0</v>
      </c>
      <c r="BI23" s="280">
        <v>0</v>
      </c>
      <c r="BJ23" s="281">
        <v>382</v>
      </c>
      <c r="BK23" s="281">
        <v>527</v>
      </c>
      <c r="BL23" s="281">
        <v>371</v>
      </c>
      <c r="BM23" s="281">
        <v>119</v>
      </c>
      <c r="BN23" s="281">
        <v>100</v>
      </c>
      <c r="BO23" s="278">
        <v>1499</v>
      </c>
      <c r="BP23" s="283">
        <v>1499</v>
      </c>
      <c r="BQ23" s="277">
        <v>16</v>
      </c>
      <c r="BR23" s="281">
        <v>14</v>
      </c>
      <c r="BS23" s="278">
        <v>30</v>
      </c>
      <c r="BT23" s="280">
        <v>0</v>
      </c>
      <c r="BU23" s="281">
        <v>249</v>
      </c>
      <c r="BV23" s="281">
        <v>470</v>
      </c>
      <c r="BW23" s="281">
        <v>944</v>
      </c>
      <c r="BX23" s="281">
        <v>783</v>
      </c>
      <c r="BY23" s="281">
        <v>479</v>
      </c>
      <c r="BZ23" s="278">
        <v>2925</v>
      </c>
      <c r="CA23" s="283">
        <v>2955</v>
      </c>
      <c r="CB23" s="277">
        <v>0</v>
      </c>
      <c r="CC23" s="281">
        <v>0</v>
      </c>
      <c r="CD23" s="278">
        <v>0</v>
      </c>
      <c r="CE23" s="280">
        <v>0</v>
      </c>
      <c r="CF23" s="281">
        <v>19</v>
      </c>
      <c r="CG23" s="281">
        <v>44</v>
      </c>
      <c r="CH23" s="281">
        <v>23</v>
      </c>
      <c r="CI23" s="281">
        <v>7</v>
      </c>
      <c r="CJ23" s="281">
        <v>37</v>
      </c>
      <c r="CK23" s="278">
        <v>130</v>
      </c>
      <c r="CL23" s="283">
        <v>130</v>
      </c>
      <c r="CM23" s="277">
        <v>0</v>
      </c>
      <c r="CN23" s="281">
        <v>0</v>
      </c>
      <c r="CO23" s="278">
        <v>0</v>
      </c>
      <c r="CP23" s="280">
        <v>0</v>
      </c>
      <c r="CQ23" s="281">
        <v>0</v>
      </c>
      <c r="CR23" s="281">
        <v>0</v>
      </c>
      <c r="CS23" s="281">
        <v>0</v>
      </c>
      <c r="CT23" s="281">
        <v>0</v>
      </c>
      <c r="CU23" s="281">
        <v>0</v>
      </c>
      <c r="CV23" s="278">
        <v>0</v>
      </c>
      <c r="CW23" s="283">
        <v>0</v>
      </c>
      <c r="CX23" s="277">
        <v>0</v>
      </c>
      <c r="CY23" s="281">
        <v>0</v>
      </c>
      <c r="CZ23" s="278">
        <v>0</v>
      </c>
      <c r="DA23" s="280">
        <v>0</v>
      </c>
      <c r="DB23" s="281">
        <v>0</v>
      </c>
      <c r="DC23" s="281">
        <v>0</v>
      </c>
      <c r="DD23" s="281">
        <v>0</v>
      </c>
      <c r="DE23" s="281">
        <v>0</v>
      </c>
      <c r="DF23" s="281">
        <v>0</v>
      </c>
      <c r="DG23" s="278">
        <v>0</v>
      </c>
      <c r="DH23" s="283">
        <v>0</v>
      </c>
    </row>
    <row r="24" spans="2:112" ht="19.8" customHeight="1" x14ac:dyDescent="0.2">
      <c r="B24" s="262" t="s">
        <v>22</v>
      </c>
      <c r="C24" s="277">
        <v>0</v>
      </c>
      <c r="D24" s="281">
        <v>0</v>
      </c>
      <c r="E24" s="385">
        <v>0</v>
      </c>
      <c r="F24" s="280">
        <v>0</v>
      </c>
      <c r="G24" s="281">
        <v>658</v>
      </c>
      <c r="H24" s="281">
        <v>1063</v>
      </c>
      <c r="I24" s="281">
        <v>649</v>
      </c>
      <c r="J24" s="281">
        <v>1513</v>
      </c>
      <c r="K24" s="281">
        <v>1625</v>
      </c>
      <c r="L24" s="282">
        <v>5508</v>
      </c>
      <c r="M24" s="283">
        <v>5508</v>
      </c>
      <c r="N24" s="277">
        <v>0</v>
      </c>
      <c r="O24" s="281">
        <v>0</v>
      </c>
      <c r="P24" s="278">
        <v>0</v>
      </c>
      <c r="Q24" s="280">
        <v>0</v>
      </c>
      <c r="R24" s="281">
        <v>3</v>
      </c>
      <c r="S24" s="281">
        <v>8</v>
      </c>
      <c r="T24" s="281">
        <v>17</v>
      </c>
      <c r="U24" s="281">
        <v>48</v>
      </c>
      <c r="V24" s="281">
        <v>126</v>
      </c>
      <c r="W24" s="278">
        <v>202</v>
      </c>
      <c r="X24" s="283">
        <v>202</v>
      </c>
      <c r="Y24" s="277">
        <v>19</v>
      </c>
      <c r="Z24" s="281">
        <v>76</v>
      </c>
      <c r="AA24" s="278">
        <v>95</v>
      </c>
      <c r="AB24" s="280">
        <v>0</v>
      </c>
      <c r="AC24" s="281">
        <v>339</v>
      </c>
      <c r="AD24" s="281">
        <v>701</v>
      </c>
      <c r="AE24" s="281">
        <v>195</v>
      </c>
      <c r="AF24" s="281">
        <v>274</v>
      </c>
      <c r="AG24" s="281">
        <v>323</v>
      </c>
      <c r="AH24" s="278">
        <v>1832</v>
      </c>
      <c r="AI24" s="283">
        <v>1927</v>
      </c>
      <c r="AJ24" s="277">
        <v>0</v>
      </c>
      <c r="AK24" s="281">
        <v>27</v>
      </c>
      <c r="AL24" s="278">
        <v>27</v>
      </c>
      <c r="AM24" s="280">
        <v>0</v>
      </c>
      <c r="AN24" s="281">
        <v>141</v>
      </c>
      <c r="AO24" s="281">
        <v>182</v>
      </c>
      <c r="AP24" s="281">
        <v>122</v>
      </c>
      <c r="AQ24" s="281">
        <v>37</v>
      </c>
      <c r="AR24" s="281">
        <v>75</v>
      </c>
      <c r="AS24" s="278">
        <v>557</v>
      </c>
      <c r="AT24" s="283">
        <v>584</v>
      </c>
      <c r="AU24" s="277">
        <v>0</v>
      </c>
      <c r="AV24" s="281">
        <v>0</v>
      </c>
      <c r="AW24" s="278">
        <v>0</v>
      </c>
      <c r="AX24" s="280">
        <v>0</v>
      </c>
      <c r="AY24" s="281">
        <v>1271</v>
      </c>
      <c r="AZ24" s="281">
        <v>1112</v>
      </c>
      <c r="BA24" s="281">
        <v>488</v>
      </c>
      <c r="BB24" s="281">
        <v>323</v>
      </c>
      <c r="BC24" s="281">
        <v>217</v>
      </c>
      <c r="BD24" s="282">
        <v>3411</v>
      </c>
      <c r="BE24" s="283">
        <v>3411</v>
      </c>
      <c r="BF24" s="277">
        <v>0</v>
      </c>
      <c r="BG24" s="281">
        <v>0</v>
      </c>
      <c r="BH24" s="278">
        <v>0</v>
      </c>
      <c r="BI24" s="280">
        <v>0</v>
      </c>
      <c r="BJ24" s="281">
        <v>129</v>
      </c>
      <c r="BK24" s="281">
        <v>156</v>
      </c>
      <c r="BL24" s="281">
        <v>145</v>
      </c>
      <c r="BM24" s="281">
        <v>107</v>
      </c>
      <c r="BN24" s="281">
        <v>34</v>
      </c>
      <c r="BO24" s="278">
        <v>571</v>
      </c>
      <c r="BP24" s="283">
        <v>571</v>
      </c>
      <c r="BQ24" s="277">
        <v>0</v>
      </c>
      <c r="BR24" s="281">
        <v>0</v>
      </c>
      <c r="BS24" s="278">
        <v>0</v>
      </c>
      <c r="BT24" s="280">
        <v>0</v>
      </c>
      <c r="BU24" s="281">
        <v>73</v>
      </c>
      <c r="BV24" s="281">
        <v>143</v>
      </c>
      <c r="BW24" s="281">
        <v>401</v>
      </c>
      <c r="BX24" s="281">
        <v>297</v>
      </c>
      <c r="BY24" s="281">
        <v>143</v>
      </c>
      <c r="BZ24" s="278">
        <v>1057</v>
      </c>
      <c r="CA24" s="283">
        <v>1057</v>
      </c>
      <c r="CB24" s="277">
        <v>0</v>
      </c>
      <c r="CC24" s="281">
        <v>0</v>
      </c>
      <c r="CD24" s="278">
        <v>0</v>
      </c>
      <c r="CE24" s="280">
        <v>0</v>
      </c>
      <c r="CF24" s="281">
        <v>18</v>
      </c>
      <c r="CG24" s="281">
        <v>20</v>
      </c>
      <c r="CH24" s="281">
        <v>51</v>
      </c>
      <c r="CI24" s="281">
        <v>23</v>
      </c>
      <c r="CJ24" s="281">
        <v>16</v>
      </c>
      <c r="CK24" s="278">
        <v>128</v>
      </c>
      <c r="CL24" s="283">
        <v>128</v>
      </c>
      <c r="CM24" s="277">
        <v>0</v>
      </c>
      <c r="CN24" s="281">
        <v>0</v>
      </c>
      <c r="CO24" s="278">
        <v>0</v>
      </c>
      <c r="CP24" s="280">
        <v>0</v>
      </c>
      <c r="CQ24" s="281">
        <v>0</v>
      </c>
      <c r="CR24" s="281">
        <v>0</v>
      </c>
      <c r="CS24" s="281">
        <v>0</v>
      </c>
      <c r="CT24" s="281">
        <v>0</v>
      </c>
      <c r="CU24" s="281">
        <v>0</v>
      </c>
      <c r="CV24" s="278">
        <v>0</v>
      </c>
      <c r="CW24" s="283">
        <v>0</v>
      </c>
      <c r="CX24" s="277">
        <v>0</v>
      </c>
      <c r="CY24" s="281">
        <v>0</v>
      </c>
      <c r="CZ24" s="278">
        <v>0</v>
      </c>
      <c r="DA24" s="280">
        <v>0</v>
      </c>
      <c r="DB24" s="281">
        <v>0</v>
      </c>
      <c r="DC24" s="281">
        <v>0</v>
      </c>
      <c r="DD24" s="281">
        <v>0</v>
      </c>
      <c r="DE24" s="281">
        <v>0</v>
      </c>
      <c r="DF24" s="281">
        <v>0</v>
      </c>
      <c r="DG24" s="278">
        <v>0</v>
      </c>
      <c r="DH24" s="283">
        <v>0</v>
      </c>
    </row>
    <row r="25" spans="2:112" ht="19.8" customHeight="1" x14ac:dyDescent="0.2">
      <c r="B25" s="262" t="s">
        <v>23</v>
      </c>
      <c r="C25" s="277">
        <v>0</v>
      </c>
      <c r="D25" s="281">
        <v>0</v>
      </c>
      <c r="E25" s="385">
        <v>0</v>
      </c>
      <c r="F25" s="280">
        <v>0</v>
      </c>
      <c r="G25" s="281">
        <v>1357</v>
      </c>
      <c r="H25" s="281">
        <v>2210</v>
      </c>
      <c r="I25" s="281">
        <v>2897</v>
      </c>
      <c r="J25" s="281">
        <v>2600</v>
      </c>
      <c r="K25" s="281">
        <v>2093</v>
      </c>
      <c r="L25" s="282">
        <v>11157</v>
      </c>
      <c r="M25" s="283">
        <v>11157</v>
      </c>
      <c r="N25" s="277">
        <v>1</v>
      </c>
      <c r="O25" s="281">
        <v>0</v>
      </c>
      <c r="P25" s="278">
        <v>1</v>
      </c>
      <c r="Q25" s="280">
        <v>0</v>
      </c>
      <c r="R25" s="281">
        <v>0</v>
      </c>
      <c r="S25" s="281">
        <v>19</v>
      </c>
      <c r="T25" s="281">
        <v>29</v>
      </c>
      <c r="U25" s="281">
        <v>75</v>
      </c>
      <c r="V25" s="281">
        <v>67</v>
      </c>
      <c r="W25" s="278">
        <v>190</v>
      </c>
      <c r="X25" s="283">
        <v>191</v>
      </c>
      <c r="Y25" s="277">
        <v>178</v>
      </c>
      <c r="Z25" s="281">
        <v>450</v>
      </c>
      <c r="AA25" s="278">
        <v>628</v>
      </c>
      <c r="AB25" s="280">
        <v>0</v>
      </c>
      <c r="AC25" s="281">
        <v>1045</v>
      </c>
      <c r="AD25" s="281">
        <v>1627</v>
      </c>
      <c r="AE25" s="281">
        <v>768</v>
      </c>
      <c r="AF25" s="281">
        <v>778</v>
      </c>
      <c r="AG25" s="281">
        <v>522</v>
      </c>
      <c r="AH25" s="278">
        <v>4740</v>
      </c>
      <c r="AI25" s="283">
        <v>5368</v>
      </c>
      <c r="AJ25" s="277">
        <v>34</v>
      </c>
      <c r="AK25" s="281">
        <v>117</v>
      </c>
      <c r="AL25" s="278">
        <v>151</v>
      </c>
      <c r="AM25" s="280">
        <v>0</v>
      </c>
      <c r="AN25" s="281">
        <v>80</v>
      </c>
      <c r="AO25" s="281">
        <v>274</v>
      </c>
      <c r="AP25" s="281">
        <v>118</v>
      </c>
      <c r="AQ25" s="281">
        <v>144</v>
      </c>
      <c r="AR25" s="281">
        <v>44</v>
      </c>
      <c r="AS25" s="278">
        <v>660</v>
      </c>
      <c r="AT25" s="283">
        <v>811</v>
      </c>
      <c r="AU25" s="277">
        <v>0</v>
      </c>
      <c r="AV25" s="281">
        <v>0</v>
      </c>
      <c r="AW25" s="278">
        <v>0</v>
      </c>
      <c r="AX25" s="280">
        <v>0</v>
      </c>
      <c r="AY25" s="281">
        <v>2527</v>
      </c>
      <c r="AZ25" s="281">
        <v>2479</v>
      </c>
      <c r="BA25" s="281">
        <v>1398</v>
      </c>
      <c r="BB25" s="281">
        <v>1040</v>
      </c>
      <c r="BC25" s="281">
        <v>385</v>
      </c>
      <c r="BD25" s="282">
        <v>7829</v>
      </c>
      <c r="BE25" s="283">
        <v>7829</v>
      </c>
      <c r="BF25" s="277">
        <v>0</v>
      </c>
      <c r="BG25" s="281">
        <v>0</v>
      </c>
      <c r="BH25" s="278">
        <v>0</v>
      </c>
      <c r="BI25" s="280">
        <v>0</v>
      </c>
      <c r="BJ25" s="281">
        <v>326</v>
      </c>
      <c r="BK25" s="281">
        <v>477</v>
      </c>
      <c r="BL25" s="281">
        <v>307</v>
      </c>
      <c r="BM25" s="281">
        <v>201</v>
      </c>
      <c r="BN25" s="281">
        <v>22</v>
      </c>
      <c r="BO25" s="278">
        <v>1333</v>
      </c>
      <c r="BP25" s="283">
        <v>1333</v>
      </c>
      <c r="BQ25" s="277">
        <v>6</v>
      </c>
      <c r="BR25" s="281">
        <v>2</v>
      </c>
      <c r="BS25" s="278">
        <v>8</v>
      </c>
      <c r="BT25" s="280">
        <v>0</v>
      </c>
      <c r="BU25" s="281">
        <v>102</v>
      </c>
      <c r="BV25" s="281">
        <v>398</v>
      </c>
      <c r="BW25" s="281">
        <v>440</v>
      </c>
      <c r="BX25" s="281">
        <v>451</v>
      </c>
      <c r="BY25" s="281">
        <v>182</v>
      </c>
      <c r="BZ25" s="278">
        <v>1573</v>
      </c>
      <c r="CA25" s="283">
        <v>1581</v>
      </c>
      <c r="CB25" s="277">
        <v>0</v>
      </c>
      <c r="CC25" s="281">
        <v>0</v>
      </c>
      <c r="CD25" s="278">
        <v>0</v>
      </c>
      <c r="CE25" s="280">
        <v>0</v>
      </c>
      <c r="CF25" s="281">
        <v>5</v>
      </c>
      <c r="CG25" s="281">
        <v>26</v>
      </c>
      <c r="CH25" s="281">
        <v>0</v>
      </c>
      <c r="CI25" s="281">
        <v>19</v>
      </c>
      <c r="CJ25" s="281">
        <v>31</v>
      </c>
      <c r="CK25" s="278">
        <v>81</v>
      </c>
      <c r="CL25" s="283">
        <v>81</v>
      </c>
      <c r="CM25" s="277">
        <v>0</v>
      </c>
      <c r="CN25" s="281">
        <v>0</v>
      </c>
      <c r="CO25" s="278">
        <v>0</v>
      </c>
      <c r="CP25" s="280">
        <v>0</v>
      </c>
      <c r="CQ25" s="281">
        <v>0</v>
      </c>
      <c r="CR25" s="281">
        <v>0</v>
      </c>
      <c r="CS25" s="281">
        <v>0</v>
      </c>
      <c r="CT25" s="281">
        <v>0</v>
      </c>
      <c r="CU25" s="281">
        <v>0</v>
      </c>
      <c r="CV25" s="278">
        <v>0</v>
      </c>
      <c r="CW25" s="283">
        <v>0</v>
      </c>
      <c r="CX25" s="277">
        <v>0</v>
      </c>
      <c r="CY25" s="281">
        <v>0</v>
      </c>
      <c r="CZ25" s="278">
        <v>0</v>
      </c>
      <c r="DA25" s="280">
        <v>0</v>
      </c>
      <c r="DB25" s="281">
        <v>0</v>
      </c>
      <c r="DC25" s="281">
        <v>0</v>
      </c>
      <c r="DD25" s="281">
        <v>0</v>
      </c>
      <c r="DE25" s="281">
        <v>0</v>
      </c>
      <c r="DF25" s="281">
        <v>0</v>
      </c>
      <c r="DG25" s="278">
        <v>0</v>
      </c>
      <c r="DH25" s="283">
        <v>0</v>
      </c>
    </row>
    <row r="26" spans="2:112" ht="19.8" customHeight="1" x14ac:dyDescent="0.2">
      <c r="B26" s="262" t="s">
        <v>24</v>
      </c>
      <c r="C26" s="277">
        <v>0</v>
      </c>
      <c r="D26" s="281">
        <v>0</v>
      </c>
      <c r="E26" s="385">
        <v>0</v>
      </c>
      <c r="F26" s="280">
        <v>0</v>
      </c>
      <c r="G26" s="281">
        <v>780</v>
      </c>
      <c r="H26" s="281">
        <v>931</v>
      </c>
      <c r="I26" s="281">
        <v>847</v>
      </c>
      <c r="J26" s="281">
        <v>1840</v>
      </c>
      <c r="K26" s="281">
        <v>1664</v>
      </c>
      <c r="L26" s="282">
        <v>6062</v>
      </c>
      <c r="M26" s="283">
        <v>6062</v>
      </c>
      <c r="N26" s="277">
        <v>0</v>
      </c>
      <c r="O26" s="281">
        <v>0</v>
      </c>
      <c r="P26" s="278">
        <v>0</v>
      </c>
      <c r="Q26" s="280">
        <v>0</v>
      </c>
      <c r="R26" s="281">
        <v>6</v>
      </c>
      <c r="S26" s="281">
        <v>5</v>
      </c>
      <c r="T26" s="281">
        <v>29</v>
      </c>
      <c r="U26" s="281">
        <v>35</v>
      </c>
      <c r="V26" s="281">
        <v>121</v>
      </c>
      <c r="W26" s="278">
        <v>196</v>
      </c>
      <c r="X26" s="283">
        <v>196</v>
      </c>
      <c r="Y26" s="277">
        <v>52</v>
      </c>
      <c r="Z26" s="281">
        <v>122</v>
      </c>
      <c r="AA26" s="278">
        <v>174</v>
      </c>
      <c r="AB26" s="280">
        <v>0</v>
      </c>
      <c r="AC26" s="281">
        <v>566</v>
      </c>
      <c r="AD26" s="281">
        <v>435</v>
      </c>
      <c r="AE26" s="281">
        <v>431</v>
      </c>
      <c r="AF26" s="281">
        <v>330</v>
      </c>
      <c r="AG26" s="281">
        <v>390</v>
      </c>
      <c r="AH26" s="278">
        <v>2152</v>
      </c>
      <c r="AI26" s="283">
        <v>2326</v>
      </c>
      <c r="AJ26" s="277">
        <v>0</v>
      </c>
      <c r="AK26" s="281">
        <v>24</v>
      </c>
      <c r="AL26" s="278">
        <v>24</v>
      </c>
      <c r="AM26" s="280">
        <v>0</v>
      </c>
      <c r="AN26" s="281">
        <v>61</v>
      </c>
      <c r="AO26" s="281">
        <v>50</v>
      </c>
      <c r="AP26" s="281">
        <v>6</v>
      </c>
      <c r="AQ26" s="281">
        <v>90</v>
      </c>
      <c r="AR26" s="281">
        <v>70</v>
      </c>
      <c r="AS26" s="278">
        <v>277</v>
      </c>
      <c r="AT26" s="283">
        <v>301</v>
      </c>
      <c r="AU26" s="277">
        <v>0</v>
      </c>
      <c r="AV26" s="281">
        <v>0</v>
      </c>
      <c r="AW26" s="278">
        <v>0</v>
      </c>
      <c r="AX26" s="280">
        <v>0</v>
      </c>
      <c r="AY26" s="281">
        <v>979</v>
      </c>
      <c r="AZ26" s="281">
        <v>767</v>
      </c>
      <c r="BA26" s="281">
        <v>442</v>
      </c>
      <c r="BB26" s="281">
        <v>221</v>
      </c>
      <c r="BC26" s="281">
        <v>89</v>
      </c>
      <c r="BD26" s="282">
        <v>2498</v>
      </c>
      <c r="BE26" s="283">
        <v>2498</v>
      </c>
      <c r="BF26" s="277">
        <v>0</v>
      </c>
      <c r="BG26" s="281">
        <v>0</v>
      </c>
      <c r="BH26" s="278">
        <v>0</v>
      </c>
      <c r="BI26" s="280">
        <v>0</v>
      </c>
      <c r="BJ26" s="281">
        <v>348</v>
      </c>
      <c r="BK26" s="281">
        <v>284</v>
      </c>
      <c r="BL26" s="281">
        <v>130</v>
      </c>
      <c r="BM26" s="281">
        <v>75</v>
      </c>
      <c r="BN26" s="281">
        <v>132</v>
      </c>
      <c r="BO26" s="278">
        <v>969</v>
      </c>
      <c r="BP26" s="283">
        <v>969</v>
      </c>
      <c r="BQ26" s="277">
        <v>2</v>
      </c>
      <c r="BR26" s="281">
        <v>0</v>
      </c>
      <c r="BS26" s="278">
        <v>2</v>
      </c>
      <c r="BT26" s="280">
        <v>0</v>
      </c>
      <c r="BU26" s="281">
        <v>106</v>
      </c>
      <c r="BV26" s="281">
        <v>168</v>
      </c>
      <c r="BW26" s="281">
        <v>175</v>
      </c>
      <c r="BX26" s="281">
        <v>215</v>
      </c>
      <c r="BY26" s="281">
        <v>142</v>
      </c>
      <c r="BZ26" s="278">
        <v>806</v>
      </c>
      <c r="CA26" s="283">
        <v>808</v>
      </c>
      <c r="CB26" s="277">
        <v>0</v>
      </c>
      <c r="CC26" s="281">
        <v>0</v>
      </c>
      <c r="CD26" s="278">
        <v>0</v>
      </c>
      <c r="CE26" s="280">
        <v>0</v>
      </c>
      <c r="CF26" s="281">
        <v>3</v>
      </c>
      <c r="CG26" s="281">
        <v>29</v>
      </c>
      <c r="CH26" s="281">
        <v>21</v>
      </c>
      <c r="CI26" s="281">
        <v>36</v>
      </c>
      <c r="CJ26" s="281">
        <v>10</v>
      </c>
      <c r="CK26" s="278">
        <v>99</v>
      </c>
      <c r="CL26" s="283">
        <v>99</v>
      </c>
      <c r="CM26" s="277">
        <v>0</v>
      </c>
      <c r="CN26" s="281">
        <v>0</v>
      </c>
      <c r="CO26" s="278">
        <v>0</v>
      </c>
      <c r="CP26" s="280">
        <v>0</v>
      </c>
      <c r="CQ26" s="281">
        <v>0</v>
      </c>
      <c r="CR26" s="281">
        <v>0</v>
      </c>
      <c r="CS26" s="281">
        <v>0</v>
      </c>
      <c r="CT26" s="281">
        <v>0</v>
      </c>
      <c r="CU26" s="281">
        <v>0</v>
      </c>
      <c r="CV26" s="278">
        <v>0</v>
      </c>
      <c r="CW26" s="283">
        <v>0</v>
      </c>
      <c r="CX26" s="277">
        <v>0</v>
      </c>
      <c r="CY26" s="281">
        <v>0</v>
      </c>
      <c r="CZ26" s="278">
        <v>0</v>
      </c>
      <c r="DA26" s="280">
        <v>0</v>
      </c>
      <c r="DB26" s="281">
        <v>0</v>
      </c>
      <c r="DC26" s="281">
        <v>0</v>
      </c>
      <c r="DD26" s="281">
        <v>0</v>
      </c>
      <c r="DE26" s="281">
        <v>0</v>
      </c>
      <c r="DF26" s="281">
        <v>0</v>
      </c>
      <c r="DG26" s="278">
        <v>0</v>
      </c>
      <c r="DH26" s="283">
        <v>0</v>
      </c>
    </row>
    <row r="27" spans="2:112" ht="19.8" customHeight="1" x14ac:dyDescent="0.2">
      <c r="B27" s="262" t="s">
        <v>25</v>
      </c>
      <c r="C27" s="277">
        <v>0</v>
      </c>
      <c r="D27" s="281">
        <v>0</v>
      </c>
      <c r="E27" s="385">
        <v>0</v>
      </c>
      <c r="F27" s="280">
        <v>0</v>
      </c>
      <c r="G27" s="281">
        <v>1519</v>
      </c>
      <c r="H27" s="281">
        <v>1358</v>
      </c>
      <c r="I27" s="281">
        <v>1355</v>
      </c>
      <c r="J27" s="281">
        <v>2309</v>
      </c>
      <c r="K27" s="281">
        <v>2004</v>
      </c>
      <c r="L27" s="282">
        <v>8545</v>
      </c>
      <c r="M27" s="283">
        <v>8545</v>
      </c>
      <c r="N27" s="277">
        <v>0</v>
      </c>
      <c r="O27" s="281">
        <v>0</v>
      </c>
      <c r="P27" s="278">
        <v>0</v>
      </c>
      <c r="Q27" s="280">
        <v>0</v>
      </c>
      <c r="R27" s="281">
        <v>8</v>
      </c>
      <c r="S27" s="281">
        <v>33</v>
      </c>
      <c r="T27" s="281">
        <v>29</v>
      </c>
      <c r="U27" s="281">
        <v>90</v>
      </c>
      <c r="V27" s="281">
        <v>130</v>
      </c>
      <c r="W27" s="278">
        <v>290</v>
      </c>
      <c r="X27" s="283">
        <v>290</v>
      </c>
      <c r="Y27" s="277">
        <v>81</v>
      </c>
      <c r="Z27" s="281">
        <v>234</v>
      </c>
      <c r="AA27" s="278">
        <v>315</v>
      </c>
      <c r="AB27" s="280">
        <v>0</v>
      </c>
      <c r="AC27" s="281">
        <v>593</v>
      </c>
      <c r="AD27" s="281">
        <v>573</v>
      </c>
      <c r="AE27" s="281">
        <v>352</v>
      </c>
      <c r="AF27" s="281">
        <v>222</v>
      </c>
      <c r="AG27" s="281">
        <v>237</v>
      </c>
      <c r="AH27" s="278">
        <v>1977</v>
      </c>
      <c r="AI27" s="283">
        <v>2292</v>
      </c>
      <c r="AJ27" s="277">
        <v>24</v>
      </c>
      <c r="AK27" s="281">
        <v>57</v>
      </c>
      <c r="AL27" s="278">
        <v>81</v>
      </c>
      <c r="AM27" s="280">
        <v>0</v>
      </c>
      <c r="AN27" s="281">
        <v>34</v>
      </c>
      <c r="AO27" s="281">
        <v>145</v>
      </c>
      <c r="AP27" s="281">
        <v>86</v>
      </c>
      <c r="AQ27" s="281">
        <v>51</v>
      </c>
      <c r="AR27" s="281">
        <v>51</v>
      </c>
      <c r="AS27" s="278">
        <v>367</v>
      </c>
      <c r="AT27" s="283">
        <v>448</v>
      </c>
      <c r="AU27" s="277">
        <v>0</v>
      </c>
      <c r="AV27" s="281">
        <v>0</v>
      </c>
      <c r="AW27" s="278">
        <v>0</v>
      </c>
      <c r="AX27" s="280">
        <v>0</v>
      </c>
      <c r="AY27" s="281">
        <v>1353</v>
      </c>
      <c r="AZ27" s="281">
        <v>835</v>
      </c>
      <c r="BA27" s="281">
        <v>466</v>
      </c>
      <c r="BB27" s="281">
        <v>586</v>
      </c>
      <c r="BC27" s="281">
        <v>81</v>
      </c>
      <c r="BD27" s="282">
        <v>3321</v>
      </c>
      <c r="BE27" s="283">
        <v>3321</v>
      </c>
      <c r="BF27" s="277">
        <v>0</v>
      </c>
      <c r="BG27" s="281">
        <v>0</v>
      </c>
      <c r="BH27" s="278">
        <v>0</v>
      </c>
      <c r="BI27" s="280">
        <v>0</v>
      </c>
      <c r="BJ27" s="281">
        <v>361</v>
      </c>
      <c r="BK27" s="281">
        <v>518</v>
      </c>
      <c r="BL27" s="281">
        <v>183</v>
      </c>
      <c r="BM27" s="281">
        <v>101</v>
      </c>
      <c r="BN27" s="281">
        <v>34</v>
      </c>
      <c r="BO27" s="278">
        <v>1197</v>
      </c>
      <c r="BP27" s="283">
        <v>1197</v>
      </c>
      <c r="BQ27" s="277">
        <v>0</v>
      </c>
      <c r="BR27" s="281">
        <v>34</v>
      </c>
      <c r="BS27" s="278">
        <v>34</v>
      </c>
      <c r="BT27" s="280">
        <v>0</v>
      </c>
      <c r="BU27" s="281">
        <v>98</v>
      </c>
      <c r="BV27" s="281">
        <v>184</v>
      </c>
      <c r="BW27" s="281">
        <v>142</v>
      </c>
      <c r="BX27" s="281">
        <v>107</v>
      </c>
      <c r="BY27" s="281">
        <v>52</v>
      </c>
      <c r="BZ27" s="278">
        <v>583</v>
      </c>
      <c r="CA27" s="283">
        <v>617</v>
      </c>
      <c r="CB27" s="277">
        <v>0</v>
      </c>
      <c r="CC27" s="281">
        <v>0</v>
      </c>
      <c r="CD27" s="278">
        <v>0</v>
      </c>
      <c r="CE27" s="280">
        <v>0</v>
      </c>
      <c r="CF27" s="281">
        <v>24</v>
      </c>
      <c r="CG27" s="281">
        <v>29</v>
      </c>
      <c r="CH27" s="281">
        <v>42</v>
      </c>
      <c r="CI27" s="281">
        <v>27</v>
      </c>
      <c r="CJ27" s="281">
        <v>28</v>
      </c>
      <c r="CK27" s="278">
        <v>150</v>
      </c>
      <c r="CL27" s="283">
        <v>150</v>
      </c>
      <c r="CM27" s="277">
        <v>0</v>
      </c>
      <c r="CN27" s="281">
        <v>0</v>
      </c>
      <c r="CO27" s="278">
        <v>0</v>
      </c>
      <c r="CP27" s="280">
        <v>0</v>
      </c>
      <c r="CQ27" s="281">
        <v>0</v>
      </c>
      <c r="CR27" s="281">
        <v>0</v>
      </c>
      <c r="CS27" s="281">
        <v>0</v>
      </c>
      <c r="CT27" s="281">
        <v>0</v>
      </c>
      <c r="CU27" s="281">
        <v>0</v>
      </c>
      <c r="CV27" s="278">
        <v>0</v>
      </c>
      <c r="CW27" s="283">
        <v>0</v>
      </c>
      <c r="CX27" s="277">
        <v>0</v>
      </c>
      <c r="CY27" s="281">
        <v>0</v>
      </c>
      <c r="CZ27" s="278">
        <v>0</v>
      </c>
      <c r="DA27" s="280">
        <v>0</v>
      </c>
      <c r="DB27" s="281">
        <v>0</v>
      </c>
      <c r="DC27" s="281">
        <v>0</v>
      </c>
      <c r="DD27" s="281">
        <v>0</v>
      </c>
      <c r="DE27" s="281">
        <v>0</v>
      </c>
      <c r="DF27" s="281">
        <v>0</v>
      </c>
      <c r="DG27" s="278">
        <v>0</v>
      </c>
      <c r="DH27" s="283">
        <v>0</v>
      </c>
    </row>
    <row r="28" spans="2:112" ht="19.8" customHeight="1" x14ac:dyDescent="0.2">
      <c r="B28" s="262" t="s">
        <v>26</v>
      </c>
      <c r="C28" s="277">
        <v>0</v>
      </c>
      <c r="D28" s="281">
        <v>0</v>
      </c>
      <c r="E28" s="385">
        <v>0</v>
      </c>
      <c r="F28" s="280">
        <v>0</v>
      </c>
      <c r="G28" s="281">
        <v>924</v>
      </c>
      <c r="H28" s="281">
        <v>1169</v>
      </c>
      <c r="I28" s="281">
        <v>963</v>
      </c>
      <c r="J28" s="281">
        <v>1716</v>
      </c>
      <c r="K28" s="281">
        <v>2054</v>
      </c>
      <c r="L28" s="282">
        <v>6826</v>
      </c>
      <c r="M28" s="283">
        <v>6826</v>
      </c>
      <c r="N28" s="277">
        <v>0</v>
      </c>
      <c r="O28" s="281">
        <v>0</v>
      </c>
      <c r="P28" s="278">
        <v>0</v>
      </c>
      <c r="Q28" s="280">
        <v>0</v>
      </c>
      <c r="R28" s="281">
        <v>0</v>
      </c>
      <c r="S28" s="281">
        <v>6</v>
      </c>
      <c r="T28" s="281">
        <v>28</v>
      </c>
      <c r="U28" s="281">
        <v>64</v>
      </c>
      <c r="V28" s="281">
        <v>71</v>
      </c>
      <c r="W28" s="278">
        <v>169</v>
      </c>
      <c r="X28" s="283">
        <v>169</v>
      </c>
      <c r="Y28" s="277">
        <v>30</v>
      </c>
      <c r="Z28" s="281">
        <v>106</v>
      </c>
      <c r="AA28" s="278">
        <v>136</v>
      </c>
      <c r="AB28" s="280">
        <v>0</v>
      </c>
      <c r="AC28" s="281">
        <v>371</v>
      </c>
      <c r="AD28" s="281">
        <v>498</v>
      </c>
      <c r="AE28" s="281">
        <v>348</v>
      </c>
      <c r="AF28" s="281">
        <v>320</v>
      </c>
      <c r="AG28" s="281">
        <v>362</v>
      </c>
      <c r="AH28" s="278">
        <v>1899</v>
      </c>
      <c r="AI28" s="283">
        <v>2035</v>
      </c>
      <c r="AJ28" s="277">
        <v>0</v>
      </c>
      <c r="AK28" s="281">
        <v>0</v>
      </c>
      <c r="AL28" s="278">
        <v>0</v>
      </c>
      <c r="AM28" s="280">
        <v>0</v>
      </c>
      <c r="AN28" s="281">
        <v>76</v>
      </c>
      <c r="AO28" s="281">
        <v>94</v>
      </c>
      <c r="AP28" s="281">
        <v>96</v>
      </c>
      <c r="AQ28" s="281">
        <v>6</v>
      </c>
      <c r="AR28" s="281">
        <v>46</v>
      </c>
      <c r="AS28" s="278">
        <v>318</v>
      </c>
      <c r="AT28" s="283">
        <v>318</v>
      </c>
      <c r="AU28" s="277">
        <v>0</v>
      </c>
      <c r="AV28" s="281">
        <v>0</v>
      </c>
      <c r="AW28" s="278">
        <v>0</v>
      </c>
      <c r="AX28" s="280">
        <v>0</v>
      </c>
      <c r="AY28" s="281">
        <v>1042</v>
      </c>
      <c r="AZ28" s="281">
        <v>744</v>
      </c>
      <c r="BA28" s="281">
        <v>542</v>
      </c>
      <c r="BB28" s="281">
        <v>242</v>
      </c>
      <c r="BC28" s="281">
        <v>170</v>
      </c>
      <c r="BD28" s="282">
        <v>2740</v>
      </c>
      <c r="BE28" s="283">
        <v>2740</v>
      </c>
      <c r="BF28" s="277">
        <v>0</v>
      </c>
      <c r="BG28" s="281">
        <v>0</v>
      </c>
      <c r="BH28" s="278">
        <v>0</v>
      </c>
      <c r="BI28" s="280">
        <v>0</v>
      </c>
      <c r="BJ28" s="281">
        <v>169</v>
      </c>
      <c r="BK28" s="281">
        <v>209</v>
      </c>
      <c r="BL28" s="281">
        <v>130</v>
      </c>
      <c r="BM28" s="281">
        <v>59</v>
      </c>
      <c r="BN28" s="281">
        <v>49</v>
      </c>
      <c r="BO28" s="278">
        <v>616</v>
      </c>
      <c r="BP28" s="283">
        <v>616</v>
      </c>
      <c r="BQ28" s="277">
        <v>0</v>
      </c>
      <c r="BR28" s="281">
        <v>14</v>
      </c>
      <c r="BS28" s="278">
        <v>14</v>
      </c>
      <c r="BT28" s="280">
        <v>0</v>
      </c>
      <c r="BU28" s="281">
        <v>49</v>
      </c>
      <c r="BV28" s="281">
        <v>92</v>
      </c>
      <c r="BW28" s="281">
        <v>299</v>
      </c>
      <c r="BX28" s="281">
        <v>241</v>
      </c>
      <c r="BY28" s="281">
        <v>66</v>
      </c>
      <c r="BZ28" s="278">
        <v>747</v>
      </c>
      <c r="CA28" s="283">
        <v>761</v>
      </c>
      <c r="CB28" s="277">
        <v>0</v>
      </c>
      <c r="CC28" s="281">
        <v>0</v>
      </c>
      <c r="CD28" s="278">
        <v>0</v>
      </c>
      <c r="CE28" s="280">
        <v>0</v>
      </c>
      <c r="CF28" s="281">
        <v>10</v>
      </c>
      <c r="CG28" s="281">
        <v>13</v>
      </c>
      <c r="CH28" s="281">
        <v>12</v>
      </c>
      <c r="CI28" s="281">
        <v>19</v>
      </c>
      <c r="CJ28" s="281">
        <v>17</v>
      </c>
      <c r="CK28" s="278">
        <v>71</v>
      </c>
      <c r="CL28" s="283">
        <v>71</v>
      </c>
      <c r="CM28" s="277">
        <v>0</v>
      </c>
      <c r="CN28" s="281">
        <v>0</v>
      </c>
      <c r="CO28" s="278">
        <v>0</v>
      </c>
      <c r="CP28" s="280">
        <v>0</v>
      </c>
      <c r="CQ28" s="281">
        <v>0</v>
      </c>
      <c r="CR28" s="281">
        <v>0</v>
      </c>
      <c r="CS28" s="281">
        <v>0</v>
      </c>
      <c r="CT28" s="281">
        <v>0</v>
      </c>
      <c r="CU28" s="281">
        <v>0</v>
      </c>
      <c r="CV28" s="278">
        <v>0</v>
      </c>
      <c r="CW28" s="283">
        <v>0</v>
      </c>
      <c r="CX28" s="277">
        <v>0</v>
      </c>
      <c r="CY28" s="281">
        <v>0</v>
      </c>
      <c r="CZ28" s="278">
        <v>0</v>
      </c>
      <c r="DA28" s="280">
        <v>0</v>
      </c>
      <c r="DB28" s="281">
        <v>0</v>
      </c>
      <c r="DC28" s="281">
        <v>0</v>
      </c>
      <c r="DD28" s="281">
        <v>0</v>
      </c>
      <c r="DE28" s="281">
        <v>0</v>
      </c>
      <c r="DF28" s="281">
        <v>0</v>
      </c>
      <c r="DG28" s="278">
        <v>0</v>
      </c>
      <c r="DH28" s="283">
        <v>0</v>
      </c>
    </row>
    <row r="29" spans="2:112" ht="19.8" customHeight="1" x14ac:dyDescent="0.2">
      <c r="B29" s="262" t="s">
        <v>27</v>
      </c>
      <c r="C29" s="277">
        <v>0</v>
      </c>
      <c r="D29" s="281">
        <v>0</v>
      </c>
      <c r="E29" s="385">
        <v>0</v>
      </c>
      <c r="F29" s="280">
        <v>0</v>
      </c>
      <c r="G29" s="281">
        <v>682</v>
      </c>
      <c r="H29" s="281">
        <v>923</v>
      </c>
      <c r="I29" s="281">
        <v>1259</v>
      </c>
      <c r="J29" s="281">
        <v>1304</v>
      </c>
      <c r="K29" s="281">
        <v>1446</v>
      </c>
      <c r="L29" s="282">
        <v>5614</v>
      </c>
      <c r="M29" s="283">
        <v>5614</v>
      </c>
      <c r="N29" s="277">
        <v>0</v>
      </c>
      <c r="O29" s="281">
        <v>0</v>
      </c>
      <c r="P29" s="278">
        <v>0</v>
      </c>
      <c r="Q29" s="280">
        <v>0</v>
      </c>
      <c r="R29" s="281">
        <v>4</v>
      </c>
      <c r="S29" s="281">
        <v>10</v>
      </c>
      <c r="T29" s="281">
        <v>24</v>
      </c>
      <c r="U29" s="281">
        <v>62</v>
      </c>
      <c r="V29" s="281">
        <v>83</v>
      </c>
      <c r="W29" s="278">
        <v>183</v>
      </c>
      <c r="X29" s="283">
        <v>183</v>
      </c>
      <c r="Y29" s="277">
        <v>144</v>
      </c>
      <c r="Z29" s="281">
        <v>307</v>
      </c>
      <c r="AA29" s="278">
        <v>451</v>
      </c>
      <c r="AB29" s="280">
        <v>0</v>
      </c>
      <c r="AC29" s="281">
        <v>208</v>
      </c>
      <c r="AD29" s="281">
        <v>337</v>
      </c>
      <c r="AE29" s="281">
        <v>349</v>
      </c>
      <c r="AF29" s="281">
        <v>346</v>
      </c>
      <c r="AG29" s="281">
        <v>265</v>
      </c>
      <c r="AH29" s="278">
        <v>1505</v>
      </c>
      <c r="AI29" s="283">
        <v>1956</v>
      </c>
      <c r="AJ29" s="277">
        <v>0</v>
      </c>
      <c r="AK29" s="281">
        <v>26</v>
      </c>
      <c r="AL29" s="278">
        <v>26</v>
      </c>
      <c r="AM29" s="280">
        <v>0</v>
      </c>
      <c r="AN29" s="281">
        <v>0</v>
      </c>
      <c r="AO29" s="281">
        <v>0</v>
      </c>
      <c r="AP29" s="281">
        <v>0</v>
      </c>
      <c r="AQ29" s="281">
        <v>0</v>
      </c>
      <c r="AR29" s="281">
        <v>28</v>
      </c>
      <c r="AS29" s="278">
        <v>28</v>
      </c>
      <c r="AT29" s="283">
        <v>54</v>
      </c>
      <c r="AU29" s="277">
        <v>0</v>
      </c>
      <c r="AV29" s="281">
        <v>0</v>
      </c>
      <c r="AW29" s="278">
        <v>0</v>
      </c>
      <c r="AX29" s="280">
        <v>0</v>
      </c>
      <c r="AY29" s="281">
        <v>869</v>
      </c>
      <c r="AZ29" s="281">
        <v>778</v>
      </c>
      <c r="BA29" s="281">
        <v>512</v>
      </c>
      <c r="BB29" s="281">
        <v>276</v>
      </c>
      <c r="BC29" s="281">
        <v>150</v>
      </c>
      <c r="BD29" s="282">
        <v>2585</v>
      </c>
      <c r="BE29" s="283">
        <v>2585</v>
      </c>
      <c r="BF29" s="277">
        <v>0</v>
      </c>
      <c r="BG29" s="281">
        <v>0</v>
      </c>
      <c r="BH29" s="278">
        <v>0</v>
      </c>
      <c r="BI29" s="280">
        <v>0</v>
      </c>
      <c r="BJ29" s="281">
        <v>150</v>
      </c>
      <c r="BK29" s="281">
        <v>227</v>
      </c>
      <c r="BL29" s="281">
        <v>85</v>
      </c>
      <c r="BM29" s="281">
        <v>39</v>
      </c>
      <c r="BN29" s="281">
        <v>30</v>
      </c>
      <c r="BO29" s="278">
        <v>531</v>
      </c>
      <c r="BP29" s="283">
        <v>531</v>
      </c>
      <c r="BQ29" s="277">
        <v>0</v>
      </c>
      <c r="BR29" s="281">
        <v>13</v>
      </c>
      <c r="BS29" s="278">
        <v>13</v>
      </c>
      <c r="BT29" s="280">
        <v>0</v>
      </c>
      <c r="BU29" s="281">
        <v>62</v>
      </c>
      <c r="BV29" s="281">
        <v>75</v>
      </c>
      <c r="BW29" s="281">
        <v>105</v>
      </c>
      <c r="BX29" s="281">
        <v>150</v>
      </c>
      <c r="BY29" s="281">
        <v>85</v>
      </c>
      <c r="BZ29" s="278">
        <v>477</v>
      </c>
      <c r="CA29" s="283">
        <v>490</v>
      </c>
      <c r="CB29" s="277">
        <v>0</v>
      </c>
      <c r="CC29" s="281">
        <v>0</v>
      </c>
      <c r="CD29" s="278">
        <v>0</v>
      </c>
      <c r="CE29" s="280">
        <v>0</v>
      </c>
      <c r="CF29" s="281">
        <v>51</v>
      </c>
      <c r="CG29" s="281">
        <v>32</v>
      </c>
      <c r="CH29" s="281">
        <v>7</v>
      </c>
      <c r="CI29" s="281">
        <v>24</v>
      </c>
      <c r="CJ29" s="281">
        <v>2</v>
      </c>
      <c r="CK29" s="278">
        <v>116</v>
      </c>
      <c r="CL29" s="283">
        <v>116</v>
      </c>
      <c r="CM29" s="277">
        <v>0</v>
      </c>
      <c r="CN29" s="281">
        <v>0</v>
      </c>
      <c r="CO29" s="278">
        <v>0</v>
      </c>
      <c r="CP29" s="280">
        <v>0</v>
      </c>
      <c r="CQ29" s="281">
        <v>0</v>
      </c>
      <c r="CR29" s="281">
        <v>0</v>
      </c>
      <c r="CS29" s="281">
        <v>0</v>
      </c>
      <c r="CT29" s="281">
        <v>0</v>
      </c>
      <c r="CU29" s="281">
        <v>0</v>
      </c>
      <c r="CV29" s="278">
        <v>0</v>
      </c>
      <c r="CW29" s="283">
        <v>0</v>
      </c>
      <c r="CX29" s="277">
        <v>0</v>
      </c>
      <c r="CY29" s="281">
        <v>0</v>
      </c>
      <c r="CZ29" s="278">
        <v>0</v>
      </c>
      <c r="DA29" s="280">
        <v>0</v>
      </c>
      <c r="DB29" s="281">
        <v>0</v>
      </c>
      <c r="DC29" s="281">
        <v>0</v>
      </c>
      <c r="DD29" s="281">
        <v>0</v>
      </c>
      <c r="DE29" s="281">
        <v>0</v>
      </c>
      <c r="DF29" s="281">
        <v>0</v>
      </c>
      <c r="DG29" s="278">
        <v>0</v>
      </c>
      <c r="DH29" s="283">
        <v>0</v>
      </c>
    </row>
    <row r="30" spans="2:112" ht="19.8" customHeight="1" x14ac:dyDescent="0.2">
      <c r="B30" s="262" t="s">
        <v>28</v>
      </c>
      <c r="C30" s="277">
        <v>0</v>
      </c>
      <c r="D30" s="281">
        <v>0</v>
      </c>
      <c r="E30" s="385">
        <v>0</v>
      </c>
      <c r="F30" s="280">
        <v>0</v>
      </c>
      <c r="G30" s="281">
        <v>158</v>
      </c>
      <c r="H30" s="281">
        <v>253</v>
      </c>
      <c r="I30" s="281">
        <v>133</v>
      </c>
      <c r="J30" s="281">
        <v>69</v>
      </c>
      <c r="K30" s="281">
        <v>335</v>
      </c>
      <c r="L30" s="282">
        <v>948</v>
      </c>
      <c r="M30" s="283">
        <v>948</v>
      </c>
      <c r="N30" s="277">
        <v>0</v>
      </c>
      <c r="O30" s="281">
        <v>0</v>
      </c>
      <c r="P30" s="278">
        <v>0</v>
      </c>
      <c r="Q30" s="280">
        <v>0</v>
      </c>
      <c r="R30" s="281">
        <v>0</v>
      </c>
      <c r="S30" s="281">
        <v>0</v>
      </c>
      <c r="T30" s="281">
        <v>12</v>
      </c>
      <c r="U30" s="281">
        <v>12</v>
      </c>
      <c r="V30" s="281">
        <v>14</v>
      </c>
      <c r="W30" s="278">
        <v>38</v>
      </c>
      <c r="X30" s="283">
        <v>38</v>
      </c>
      <c r="Y30" s="277">
        <v>9</v>
      </c>
      <c r="Z30" s="281">
        <v>12</v>
      </c>
      <c r="AA30" s="278">
        <v>21</v>
      </c>
      <c r="AB30" s="280">
        <v>0</v>
      </c>
      <c r="AC30" s="281">
        <v>49</v>
      </c>
      <c r="AD30" s="281">
        <v>150</v>
      </c>
      <c r="AE30" s="281">
        <v>81</v>
      </c>
      <c r="AF30" s="281">
        <v>95</v>
      </c>
      <c r="AG30" s="281">
        <v>96</v>
      </c>
      <c r="AH30" s="278">
        <v>471</v>
      </c>
      <c r="AI30" s="283">
        <v>492</v>
      </c>
      <c r="AJ30" s="277">
        <v>0</v>
      </c>
      <c r="AK30" s="281">
        <v>0</v>
      </c>
      <c r="AL30" s="278">
        <v>0</v>
      </c>
      <c r="AM30" s="280">
        <v>0</v>
      </c>
      <c r="AN30" s="281">
        <v>51</v>
      </c>
      <c r="AO30" s="281">
        <v>9</v>
      </c>
      <c r="AP30" s="281">
        <v>0</v>
      </c>
      <c r="AQ30" s="281">
        <v>6</v>
      </c>
      <c r="AR30" s="281">
        <v>12</v>
      </c>
      <c r="AS30" s="278">
        <v>78</v>
      </c>
      <c r="AT30" s="283">
        <v>78</v>
      </c>
      <c r="AU30" s="277">
        <v>3</v>
      </c>
      <c r="AV30" s="281">
        <v>0</v>
      </c>
      <c r="AW30" s="278">
        <v>3</v>
      </c>
      <c r="AX30" s="280">
        <v>0</v>
      </c>
      <c r="AY30" s="281">
        <v>263</v>
      </c>
      <c r="AZ30" s="281">
        <v>336</v>
      </c>
      <c r="BA30" s="281">
        <v>129</v>
      </c>
      <c r="BB30" s="281">
        <v>166</v>
      </c>
      <c r="BC30" s="281">
        <v>63</v>
      </c>
      <c r="BD30" s="282">
        <v>957</v>
      </c>
      <c r="BE30" s="283">
        <v>960</v>
      </c>
      <c r="BF30" s="277">
        <v>0</v>
      </c>
      <c r="BG30" s="281">
        <v>0</v>
      </c>
      <c r="BH30" s="278">
        <v>0</v>
      </c>
      <c r="BI30" s="280">
        <v>0</v>
      </c>
      <c r="BJ30" s="281">
        <v>46</v>
      </c>
      <c r="BK30" s="281">
        <v>100</v>
      </c>
      <c r="BL30" s="281">
        <v>52</v>
      </c>
      <c r="BM30" s="281">
        <v>54</v>
      </c>
      <c r="BN30" s="281">
        <v>45</v>
      </c>
      <c r="BO30" s="278">
        <v>297</v>
      </c>
      <c r="BP30" s="283">
        <v>297</v>
      </c>
      <c r="BQ30" s="277">
        <v>12</v>
      </c>
      <c r="BR30" s="281">
        <v>4</v>
      </c>
      <c r="BS30" s="278">
        <v>16</v>
      </c>
      <c r="BT30" s="280">
        <v>0</v>
      </c>
      <c r="BU30" s="281">
        <v>6</v>
      </c>
      <c r="BV30" s="281">
        <v>19</v>
      </c>
      <c r="BW30" s="281">
        <v>71</v>
      </c>
      <c r="BX30" s="281">
        <v>64</v>
      </c>
      <c r="BY30" s="281">
        <v>22</v>
      </c>
      <c r="BZ30" s="278">
        <v>182</v>
      </c>
      <c r="CA30" s="283">
        <v>198</v>
      </c>
      <c r="CB30" s="277">
        <v>0</v>
      </c>
      <c r="CC30" s="281">
        <v>0</v>
      </c>
      <c r="CD30" s="278">
        <v>0</v>
      </c>
      <c r="CE30" s="280">
        <v>0</v>
      </c>
      <c r="CF30" s="281">
        <v>12</v>
      </c>
      <c r="CG30" s="281">
        <v>3</v>
      </c>
      <c r="CH30" s="281">
        <v>7</v>
      </c>
      <c r="CI30" s="281">
        <v>9</v>
      </c>
      <c r="CJ30" s="281">
        <v>3</v>
      </c>
      <c r="CK30" s="278">
        <v>34</v>
      </c>
      <c r="CL30" s="283">
        <v>34</v>
      </c>
      <c r="CM30" s="277">
        <v>0</v>
      </c>
      <c r="CN30" s="281">
        <v>0</v>
      </c>
      <c r="CO30" s="278">
        <v>0</v>
      </c>
      <c r="CP30" s="280">
        <v>0</v>
      </c>
      <c r="CQ30" s="281">
        <v>0</v>
      </c>
      <c r="CR30" s="281">
        <v>0</v>
      </c>
      <c r="CS30" s="281">
        <v>0</v>
      </c>
      <c r="CT30" s="281">
        <v>0</v>
      </c>
      <c r="CU30" s="281">
        <v>0</v>
      </c>
      <c r="CV30" s="278">
        <v>0</v>
      </c>
      <c r="CW30" s="283">
        <v>0</v>
      </c>
      <c r="CX30" s="277">
        <v>0</v>
      </c>
      <c r="CY30" s="281">
        <v>0</v>
      </c>
      <c r="CZ30" s="278">
        <v>0</v>
      </c>
      <c r="DA30" s="280">
        <v>0</v>
      </c>
      <c r="DB30" s="281">
        <v>0</v>
      </c>
      <c r="DC30" s="281">
        <v>0</v>
      </c>
      <c r="DD30" s="281">
        <v>0</v>
      </c>
      <c r="DE30" s="281">
        <v>0</v>
      </c>
      <c r="DF30" s="281">
        <v>0</v>
      </c>
      <c r="DG30" s="278">
        <v>0</v>
      </c>
      <c r="DH30" s="283">
        <v>0</v>
      </c>
    </row>
    <row r="31" spans="2:112" ht="19.8" customHeight="1" x14ac:dyDescent="0.2">
      <c r="B31" s="262" t="s">
        <v>29</v>
      </c>
      <c r="C31" s="277">
        <v>0</v>
      </c>
      <c r="D31" s="281">
        <v>0</v>
      </c>
      <c r="E31" s="385">
        <v>0</v>
      </c>
      <c r="F31" s="280">
        <v>0</v>
      </c>
      <c r="G31" s="281">
        <v>220</v>
      </c>
      <c r="H31" s="281">
        <v>293</v>
      </c>
      <c r="I31" s="281">
        <v>209</v>
      </c>
      <c r="J31" s="281">
        <v>822</v>
      </c>
      <c r="K31" s="281">
        <v>457</v>
      </c>
      <c r="L31" s="282">
        <v>2001</v>
      </c>
      <c r="M31" s="283">
        <v>2001</v>
      </c>
      <c r="N31" s="277">
        <v>0</v>
      </c>
      <c r="O31" s="281">
        <v>0</v>
      </c>
      <c r="P31" s="278">
        <v>0</v>
      </c>
      <c r="Q31" s="280">
        <v>0</v>
      </c>
      <c r="R31" s="281">
        <v>0</v>
      </c>
      <c r="S31" s="281">
        <v>4</v>
      </c>
      <c r="T31" s="281">
        <v>9</v>
      </c>
      <c r="U31" s="281">
        <v>9</v>
      </c>
      <c r="V31" s="281">
        <v>22</v>
      </c>
      <c r="W31" s="278">
        <v>44</v>
      </c>
      <c r="X31" s="283">
        <v>44</v>
      </c>
      <c r="Y31" s="277">
        <v>7</v>
      </c>
      <c r="Z31" s="281">
        <v>34</v>
      </c>
      <c r="AA31" s="278">
        <v>41</v>
      </c>
      <c r="AB31" s="280">
        <v>0</v>
      </c>
      <c r="AC31" s="281">
        <v>205</v>
      </c>
      <c r="AD31" s="281">
        <v>159</v>
      </c>
      <c r="AE31" s="281">
        <v>121</v>
      </c>
      <c r="AF31" s="281">
        <v>104</v>
      </c>
      <c r="AG31" s="281">
        <v>65</v>
      </c>
      <c r="AH31" s="278">
        <v>654</v>
      </c>
      <c r="AI31" s="283">
        <v>695</v>
      </c>
      <c r="AJ31" s="277">
        <v>0</v>
      </c>
      <c r="AK31" s="281">
        <v>12</v>
      </c>
      <c r="AL31" s="278">
        <v>12</v>
      </c>
      <c r="AM31" s="280">
        <v>0</v>
      </c>
      <c r="AN31" s="281">
        <v>15</v>
      </c>
      <c r="AO31" s="281">
        <v>27</v>
      </c>
      <c r="AP31" s="281">
        <v>0</v>
      </c>
      <c r="AQ31" s="281">
        <v>74</v>
      </c>
      <c r="AR31" s="281">
        <v>0</v>
      </c>
      <c r="AS31" s="278">
        <v>116</v>
      </c>
      <c r="AT31" s="283">
        <v>128</v>
      </c>
      <c r="AU31" s="277">
        <v>0</v>
      </c>
      <c r="AV31" s="281">
        <v>0</v>
      </c>
      <c r="AW31" s="278">
        <v>0</v>
      </c>
      <c r="AX31" s="280">
        <v>0</v>
      </c>
      <c r="AY31" s="281">
        <v>383</v>
      </c>
      <c r="AZ31" s="281">
        <v>340</v>
      </c>
      <c r="BA31" s="281">
        <v>229</v>
      </c>
      <c r="BB31" s="281">
        <v>186</v>
      </c>
      <c r="BC31" s="281">
        <v>97</v>
      </c>
      <c r="BD31" s="282">
        <v>1235</v>
      </c>
      <c r="BE31" s="283">
        <v>1235</v>
      </c>
      <c r="BF31" s="277">
        <v>0</v>
      </c>
      <c r="BG31" s="281">
        <v>0</v>
      </c>
      <c r="BH31" s="278">
        <v>0</v>
      </c>
      <c r="BI31" s="280">
        <v>0</v>
      </c>
      <c r="BJ31" s="281">
        <v>156</v>
      </c>
      <c r="BK31" s="281">
        <v>93</v>
      </c>
      <c r="BL31" s="281">
        <v>51</v>
      </c>
      <c r="BM31" s="281">
        <v>47</v>
      </c>
      <c r="BN31" s="281">
        <v>26</v>
      </c>
      <c r="BO31" s="278">
        <v>373</v>
      </c>
      <c r="BP31" s="283">
        <v>373</v>
      </c>
      <c r="BQ31" s="277">
        <v>0</v>
      </c>
      <c r="BR31" s="281">
        <v>0</v>
      </c>
      <c r="BS31" s="278">
        <v>0</v>
      </c>
      <c r="BT31" s="280">
        <v>0</v>
      </c>
      <c r="BU31" s="281">
        <v>13</v>
      </c>
      <c r="BV31" s="281">
        <v>71</v>
      </c>
      <c r="BW31" s="281">
        <v>153</v>
      </c>
      <c r="BX31" s="281">
        <v>50</v>
      </c>
      <c r="BY31" s="281">
        <v>98</v>
      </c>
      <c r="BZ31" s="278">
        <v>385</v>
      </c>
      <c r="CA31" s="283">
        <v>385</v>
      </c>
      <c r="CB31" s="277">
        <v>0</v>
      </c>
      <c r="CC31" s="281">
        <v>0</v>
      </c>
      <c r="CD31" s="278">
        <v>0</v>
      </c>
      <c r="CE31" s="280">
        <v>0</v>
      </c>
      <c r="CF31" s="281">
        <v>0</v>
      </c>
      <c r="CG31" s="281">
        <v>32</v>
      </c>
      <c r="CH31" s="281">
        <v>3</v>
      </c>
      <c r="CI31" s="281">
        <v>52</v>
      </c>
      <c r="CJ31" s="281">
        <v>22</v>
      </c>
      <c r="CK31" s="278">
        <v>109</v>
      </c>
      <c r="CL31" s="283">
        <v>109</v>
      </c>
      <c r="CM31" s="277">
        <v>0</v>
      </c>
      <c r="CN31" s="281">
        <v>0</v>
      </c>
      <c r="CO31" s="278">
        <v>0</v>
      </c>
      <c r="CP31" s="280">
        <v>0</v>
      </c>
      <c r="CQ31" s="281">
        <v>0</v>
      </c>
      <c r="CR31" s="281">
        <v>0</v>
      </c>
      <c r="CS31" s="281">
        <v>0</v>
      </c>
      <c r="CT31" s="281">
        <v>0</v>
      </c>
      <c r="CU31" s="281">
        <v>0</v>
      </c>
      <c r="CV31" s="278">
        <v>0</v>
      </c>
      <c r="CW31" s="283">
        <v>0</v>
      </c>
      <c r="CX31" s="277">
        <v>0</v>
      </c>
      <c r="CY31" s="281">
        <v>0</v>
      </c>
      <c r="CZ31" s="278">
        <v>0</v>
      </c>
      <c r="DA31" s="280">
        <v>0</v>
      </c>
      <c r="DB31" s="281">
        <v>0</v>
      </c>
      <c r="DC31" s="281">
        <v>0</v>
      </c>
      <c r="DD31" s="281">
        <v>0</v>
      </c>
      <c r="DE31" s="281">
        <v>0</v>
      </c>
      <c r="DF31" s="281">
        <v>0</v>
      </c>
      <c r="DG31" s="278">
        <v>0</v>
      </c>
      <c r="DH31" s="283">
        <v>0</v>
      </c>
    </row>
    <row r="32" spans="2:112" ht="19.8" customHeight="1" x14ac:dyDescent="0.2">
      <c r="B32" s="262" t="s">
        <v>30</v>
      </c>
      <c r="C32" s="277">
        <v>0</v>
      </c>
      <c r="D32" s="281">
        <v>0</v>
      </c>
      <c r="E32" s="385">
        <v>0</v>
      </c>
      <c r="F32" s="280">
        <v>0</v>
      </c>
      <c r="G32" s="281">
        <v>133</v>
      </c>
      <c r="H32" s="281">
        <v>342</v>
      </c>
      <c r="I32" s="281">
        <v>398</v>
      </c>
      <c r="J32" s="281">
        <v>698</v>
      </c>
      <c r="K32" s="281">
        <v>520</v>
      </c>
      <c r="L32" s="282">
        <v>2091</v>
      </c>
      <c r="M32" s="283">
        <v>2091</v>
      </c>
      <c r="N32" s="277">
        <v>0</v>
      </c>
      <c r="O32" s="281">
        <v>0</v>
      </c>
      <c r="P32" s="278">
        <v>0</v>
      </c>
      <c r="Q32" s="280">
        <v>0</v>
      </c>
      <c r="R32" s="281">
        <v>4</v>
      </c>
      <c r="S32" s="281">
        <v>4</v>
      </c>
      <c r="T32" s="281">
        <v>10</v>
      </c>
      <c r="U32" s="281">
        <v>41</v>
      </c>
      <c r="V32" s="281">
        <v>31</v>
      </c>
      <c r="W32" s="278">
        <v>90</v>
      </c>
      <c r="X32" s="283">
        <v>90</v>
      </c>
      <c r="Y32" s="277">
        <v>23</v>
      </c>
      <c r="Z32" s="281">
        <v>39</v>
      </c>
      <c r="AA32" s="278">
        <v>62</v>
      </c>
      <c r="AB32" s="280">
        <v>0</v>
      </c>
      <c r="AC32" s="281">
        <v>211</v>
      </c>
      <c r="AD32" s="281">
        <v>157</v>
      </c>
      <c r="AE32" s="281">
        <v>171</v>
      </c>
      <c r="AF32" s="281">
        <v>129</v>
      </c>
      <c r="AG32" s="281">
        <v>62</v>
      </c>
      <c r="AH32" s="278">
        <v>730</v>
      </c>
      <c r="AI32" s="283">
        <v>792</v>
      </c>
      <c r="AJ32" s="277">
        <v>0</v>
      </c>
      <c r="AK32" s="281">
        <v>0</v>
      </c>
      <c r="AL32" s="278">
        <v>0</v>
      </c>
      <c r="AM32" s="280">
        <v>0</v>
      </c>
      <c r="AN32" s="281">
        <v>30</v>
      </c>
      <c r="AO32" s="281">
        <v>0</v>
      </c>
      <c r="AP32" s="281">
        <v>31</v>
      </c>
      <c r="AQ32" s="281">
        <v>27</v>
      </c>
      <c r="AR32" s="281">
        <v>0</v>
      </c>
      <c r="AS32" s="278">
        <v>88</v>
      </c>
      <c r="AT32" s="283">
        <v>88</v>
      </c>
      <c r="AU32" s="277">
        <v>0</v>
      </c>
      <c r="AV32" s="281">
        <v>0</v>
      </c>
      <c r="AW32" s="278">
        <v>0</v>
      </c>
      <c r="AX32" s="280">
        <v>0</v>
      </c>
      <c r="AY32" s="281">
        <v>330</v>
      </c>
      <c r="AZ32" s="281">
        <v>239</v>
      </c>
      <c r="BA32" s="281">
        <v>260</v>
      </c>
      <c r="BB32" s="281">
        <v>117</v>
      </c>
      <c r="BC32" s="281">
        <v>10</v>
      </c>
      <c r="BD32" s="282">
        <v>956</v>
      </c>
      <c r="BE32" s="283">
        <v>956</v>
      </c>
      <c r="BF32" s="277">
        <v>0</v>
      </c>
      <c r="BG32" s="281">
        <v>0</v>
      </c>
      <c r="BH32" s="278">
        <v>0</v>
      </c>
      <c r="BI32" s="280">
        <v>0</v>
      </c>
      <c r="BJ32" s="281">
        <v>54</v>
      </c>
      <c r="BK32" s="281">
        <v>73</v>
      </c>
      <c r="BL32" s="281">
        <v>26</v>
      </c>
      <c r="BM32" s="281">
        <v>39</v>
      </c>
      <c r="BN32" s="281">
        <v>0</v>
      </c>
      <c r="BO32" s="278">
        <v>192</v>
      </c>
      <c r="BP32" s="283">
        <v>192</v>
      </c>
      <c r="BQ32" s="277">
        <v>0</v>
      </c>
      <c r="BR32" s="281">
        <v>0</v>
      </c>
      <c r="BS32" s="278">
        <v>0</v>
      </c>
      <c r="BT32" s="280">
        <v>0</v>
      </c>
      <c r="BU32" s="281">
        <v>31</v>
      </c>
      <c r="BV32" s="281">
        <v>68</v>
      </c>
      <c r="BW32" s="281">
        <v>94</v>
      </c>
      <c r="BX32" s="281">
        <v>143</v>
      </c>
      <c r="BY32" s="281">
        <v>26</v>
      </c>
      <c r="BZ32" s="278">
        <v>362</v>
      </c>
      <c r="CA32" s="283">
        <v>362</v>
      </c>
      <c r="CB32" s="277">
        <v>0</v>
      </c>
      <c r="CC32" s="281">
        <v>0</v>
      </c>
      <c r="CD32" s="278">
        <v>0</v>
      </c>
      <c r="CE32" s="280">
        <v>0</v>
      </c>
      <c r="CF32" s="281">
        <v>11</v>
      </c>
      <c r="CG32" s="281">
        <v>7</v>
      </c>
      <c r="CH32" s="281">
        <v>0</v>
      </c>
      <c r="CI32" s="281">
        <v>29</v>
      </c>
      <c r="CJ32" s="281">
        <v>4</v>
      </c>
      <c r="CK32" s="278">
        <v>51</v>
      </c>
      <c r="CL32" s="283">
        <v>51</v>
      </c>
      <c r="CM32" s="277">
        <v>0</v>
      </c>
      <c r="CN32" s="281">
        <v>0</v>
      </c>
      <c r="CO32" s="278">
        <v>0</v>
      </c>
      <c r="CP32" s="280">
        <v>0</v>
      </c>
      <c r="CQ32" s="281">
        <v>0</v>
      </c>
      <c r="CR32" s="281">
        <v>0</v>
      </c>
      <c r="CS32" s="281">
        <v>0</v>
      </c>
      <c r="CT32" s="281">
        <v>0</v>
      </c>
      <c r="CU32" s="281">
        <v>0</v>
      </c>
      <c r="CV32" s="278">
        <v>0</v>
      </c>
      <c r="CW32" s="283">
        <v>0</v>
      </c>
      <c r="CX32" s="277">
        <v>0</v>
      </c>
      <c r="CY32" s="281">
        <v>0</v>
      </c>
      <c r="CZ32" s="278">
        <v>0</v>
      </c>
      <c r="DA32" s="280">
        <v>0</v>
      </c>
      <c r="DB32" s="281">
        <v>0</v>
      </c>
      <c r="DC32" s="281">
        <v>0</v>
      </c>
      <c r="DD32" s="281">
        <v>0</v>
      </c>
      <c r="DE32" s="281">
        <v>0</v>
      </c>
      <c r="DF32" s="281">
        <v>0</v>
      </c>
      <c r="DG32" s="278">
        <v>0</v>
      </c>
      <c r="DH32" s="283">
        <v>0</v>
      </c>
    </row>
    <row r="33" spans="2:112" ht="19.8" customHeight="1" x14ac:dyDescent="0.2">
      <c r="B33" s="262" t="s">
        <v>31</v>
      </c>
      <c r="C33" s="277">
        <v>0</v>
      </c>
      <c r="D33" s="281">
        <v>0</v>
      </c>
      <c r="E33" s="385">
        <v>0</v>
      </c>
      <c r="F33" s="280">
        <v>0</v>
      </c>
      <c r="G33" s="281">
        <v>202</v>
      </c>
      <c r="H33" s="281">
        <v>213</v>
      </c>
      <c r="I33" s="281">
        <v>56</v>
      </c>
      <c r="J33" s="281">
        <v>11</v>
      </c>
      <c r="K33" s="281">
        <v>276</v>
      </c>
      <c r="L33" s="282">
        <v>758</v>
      </c>
      <c r="M33" s="283">
        <v>758</v>
      </c>
      <c r="N33" s="277">
        <v>0</v>
      </c>
      <c r="O33" s="281">
        <v>0</v>
      </c>
      <c r="P33" s="278">
        <v>0</v>
      </c>
      <c r="Q33" s="280">
        <v>0</v>
      </c>
      <c r="R33" s="281">
        <v>0</v>
      </c>
      <c r="S33" s="281">
        <v>13</v>
      </c>
      <c r="T33" s="281">
        <v>23</v>
      </c>
      <c r="U33" s="281">
        <v>23</v>
      </c>
      <c r="V33" s="281">
        <v>28</v>
      </c>
      <c r="W33" s="278">
        <v>87</v>
      </c>
      <c r="X33" s="283">
        <v>87</v>
      </c>
      <c r="Y33" s="277">
        <v>10</v>
      </c>
      <c r="Z33" s="281">
        <v>16</v>
      </c>
      <c r="AA33" s="278">
        <v>26</v>
      </c>
      <c r="AB33" s="280">
        <v>0</v>
      </c>
      <c r="AC33" s="281">
        <v>66</v>
      </c>
      <c r="AD33" s="281">
        <v>112</v>
      </c>
      <c r="AE33" s="281">
        <v>87</v>
      </c>
      <c r="AF33" s="281">
        <v>69</v>
      </c>
      <c r="AG33" s="281">
        <v>95</v>
      </c>
      <c r="AH33" s="278">
        <v>429</v>
      </c>
      <c r="AI33" s="283">
        <v>455</v>
      </c>
      <c r="AJ33" s="277">
        <v>0</v>
      </c>
      <c r="AK33" s="281">
        <v>21</v>
      </c>
      <c r="AL33" s="278">
        <v>21</v>
      </c>
      <c r="AM33" s="280">
        <v>0</v>
      </c>
      <c r="AN33" s="281">
        <v>37</v>
      </c>
      <c r="AO33" s="281">
        <v>63</v>
      </c>
      <c r="AP33" s="281">
        <v>97</v>
      </c>
      <c r="AQ33" s="281">
        <v>57</v>
      </c>
      <c r="AR33" s="281">
        <v>36</v>
      </c>
      <c r="AS33" s="278">
        <v>290</v>
      </c>
      <c r="AT33" s="283">
        <v>311</v>
      </c>
      <c r="AU33" s="277">
        <v>0</v>
      </c>
      <c r="AV33" s="281">
        <v>0</v>
      </c>
      <c r="AW33" s="278">
        <v>0</v>
      </c>
      <c r="AX33" s="280">
        <v>0</v>
      </c>
      <c r="AY33" s="281">
        <v>321</v>
      </c>
      <c r="AZ33" s="281">
        <v>445</v>
      </c>
      <c r="BA33" s="281">
        <v>259</v>
      </c>
      <c r="BB33" s="281">
        <v>175</v>
      </c>
      <c r="BC33" s="281">
        <v>33</v>
      </c>
      <c r="BD33" s="282">
        <v>1233</v>
      </c>
      <c r="BE33" s="283">
        <v>1233</v>
      </c>
      <c r="BF33" s="277">
        <v>0</v>
      </c>
      <c r="BG33" s="281">
        <v>0</v>
      </c>
      <c r="BH33" s="278">
        <v>0</v>
      </c>
      <c r="BI33" s="280">
        <v>0</v>
      </c>
      <c r="BJ33" s="281">
        <v>29</v>
      </c>
      <c r="BK33" s="281">
        <v>73</v>
      </c>
      <c r="BL33" s="281">
        <v>49</v>
      </c>
      <c r="BM33" s="281">
        <v>25</v>
      </c>
      <c r="BN33" s="281">
        <v>15</v>
      </c>
      <c r="BO33" s="278">
        <v>191</v>
      </c>
      <c r="BP33" s="283">
        <v>191</v>
      </c>
      <c r="BQ33" s="277">
        <v>0</v>
      </c>
      <c r="BR33" s="281">
        <v>0</v>
      </c>
      <c r="BS33" s="278">
        <v>0</v>
      </c>
      <c r="BT33" s="280">
        <v>0</v>
      </c>
      <c r="BU33" s="281">
        <v>22</v>
      </c>
      <c r="BV33" s="281">
        <v>130</v>
      </c>
      <c r="BW33" s="281">
        <v>211</v>
      </c>
      <c r="BX33" s="281">
        <v>63</v>
      </c>
      <c r="BY33" s="281">
        <v>16</v>
      </c>
      <c r="BZ33" s="278">
        <v>442</v>
      </c>
      <c r="CA33" s="283">
        <v>442</v>
      </c>
      <c r="CB33" s="277">
        <v>0</v>
      </c>
      <c r="CC33" s="281">
        <v>0</v>
      </c>
      <c r="CD33" s="278">
        <v>0</v>
      </c>
      <c r="CE33" s="280">
        <v>0</v>
      </c>
      <c r="CF33" s="281">
        <v>0</v>
      </c>
      <c r="CG33" s="281">
        <v>9</v>
      </c>
      <c r="CH33" s="281">
        <v>0</v>
      </c>
      <c r="CI33" s="281">
        <v>5</v>
      </c>
      <c r="CJ33" s="281">
        <v>5</v>
      </c>
      <c r="CK33" s="278">
        <v>19</v>
      </c>
      <c r="CL33" s="283">
        <v>19</v>
      </c>
      <c r="CM33" s="277">
        <v>0</v>
      </c>
      <c r="CN33" s="281">
        <v>0</v>
      </c>
      <c r="CO33" s="278">
        <v>0</v>
      </c>
      <c r="CP33" s="280">
        <v>0</v>
      </c>
      <c r="CQ33" s="281">
        <v>0</v>
      </c>
      <c r="CR33" s="281">
        <v>0</v>
      </c>
      <c r="CS33" s="281">
        <v>0</v>
      </c>
      <c r="CT33" s="281">
        <v>0</v>
      </c>
      <c r="CU33" s="281">
        <v>0</v>
      </c>
      <c r="CV33" s="278">
        <v>0</v>
      </c>
      <c r="CW33" s="283">
        <v>0</v>
      </c>
      <c r="CX33" s="277">
        <v>0</v>
      </c>
      <c r="CY33" s="281">
        <v>0</v>
      </c>
      <c r="CZ33" s="278">
        <v>0</v>
      </c>
      <c r="DA33" s="280">
        <v>0</v>
      </c>
      <c r="DB33" s="281">
        <v>0</v>
      </c>
      <c r="DC33" s="281">
        <v>0</v>
      </c>
      <c r="DD33" s="281">
        <v>0</v>
      </c>
      <c r="DE33" s="281">
        <v>0</v>
      </c>
      <c r="DF33" s="281">
        <v>0</v>
      </c>
      <c r="DG33" s="278">
        <v>0</v>
      </c>
      <c r="DH33" s="283">
        <v>0</v>
      </c>
    </row>
    <row r="34" spans="2:112" ht="19.8" customHeight="1" x14ac:dyDescent="0.2">
      <c r="B34" s="262" t="s">
        <v>32</v>
      </c>
      <c r="C34" s="277">
        <v>0</v>
      </c>
      <c r="D34" s="281">
        <v>0</v>
      </c>
      <c r="E34" s="385">
        <v>0</v>
      </c>
      <c r="F34" s="280">
        <v>0</v>
      </c>
      <c r="G34" s="281">
        <v>362</v>
      </c>
      <c r="H34" s="281">
        <v>243</v>
      </c>
      <c r="I34" s="281">
        <v>619</v>
      </c>
      <c r="J34" s="281">
        <v>836</v>
      </c>
      <c r="K34" s="281">
        <v>571</v>
      </c>
      <c r="L34" s="282">
        <v>2631</v>
      </c>
      <c r="M34" s="283">
        <v>2631</v>
      </c>
      <c r="N34" s="277">
        <v>0</v>
      </c>
      <c r="O34" s="281">
        <v>0</v>
      </c>
      <c r="P34" s="278">
        <v>0</v>
      </c>
      <c r="Q34" s="280">
        <v>0</v>
      </c>
      <c r="R34" s="281">
        <v>0</v>
      </c>
      <c r="S34" s="281">
        <v>5</v>
      </c>
      <c r="T34" s="281">
        <v>0</v>
      </c>
      <c r="U34" s="281">
        <v>8</v>
      </c>
      <c r="V34" s="281">
        <v>43</v>
      </c>
      <c r="W34" s="278">
        <v>56</v>
      </c>
      <c r="X34" s="283">
        <v>56</v>
      </c>
      <c r="Y34" s="277">
        <v>24</v>
      </c>
      <c r="Z34" s="281">
        <v>49</v>
      </c>
      <c r="AA34" s="278">
        <v>73</v>
      </c>
      <c r="AB34" s="280">
        <v>0</v>
      </c>
      <c r="AC34" s="281">
        <v>214</v>
      </c>
      <c r="AD34" s="281">
        <v>205</v>
      </c>
      <c r="AE34" s="281">
        <v>127</v>
      </c>
      <c r="AF34" s="281">
        <v>151</v>
      </c>
      <c r="AG34" s="281">
        <v>54</v>
      </c>
      <c r="AH34" s="278">
        <v>751</v>
      </c>
      <c r="AI34" s="283">
        <v>824</v>
      </c>
      <c r="AJ34" s="277">
        <v>9</v>
      </c>
      <c r="AK34" s="281">
        <v>0</v>
      </c>
      <c r="AL34" s="278">
        <v>9</v>
      </c>
      <c r="AM34" s="280">
        <v>0</v>
      </c>
      <c r="AN34" s="281">
        <v>104</v>
      </c>
      <c r="AO34" s="281">
        <v>27</v>
      </c>
      <c r="AP34" s="281">
        <v>21</v>
      </c>
      <c r="AQ34" s="281">
        <v>6</v>
      </c>
      <c r="AR34" s="281">
        <v>54</v>
      </c>
      <c r="AS34" s="278">
        <v>212</v>
      </c>
      <c r="AT34" s="283">
        <v>221</v>
      </c>
      <c r="AU34" s="277">
        <v>0</v>
      </c>
      <c r="AV34" s="281">
        <v>0</v>
      </c>
      <c r="AW34" s="278">
        <v>0</v>
      </c>
      <c r="AX34" s="280">
        <v>0</v>
      </c>
      <c r="AY34" s="281">
        <v>517</v>
      </c>
      <c r="AZ34" s="281">
        <v>511</v>
      </c>
      <c r="BA34" s="281">
        <v>248</v>
      </c>
      <c r="BB34" s="281">
        <v>236</v>
      </c>
      <c r="BC34" s="281">
        <v>38</v>
      </c>
      <c r="BD34" s="282">
        <v>1550</v>
      </c>
      <c r="BE34" s="283">
        <v>1550</v>
      </c>
      <c r="BF34" s="277">
        <v>0</v>
      </c>
      <c r="BG34" s="281">
        <v>0</v>
      </c>
      <c r="BH34" s="278">
        <v>0</v>
      </c>
      <c r="BI34" s="280">
        <v>0</v>
      </c>
      <c r="BJ34" s="281">
        <v>65</v>
      </c>
      <c r="BK34" s="281">
        <v>103</v>
      </c>
      <c r="BL34" s="281">
        <v>45</v>
      </c>
      <c r="BM34" s="281">
        <v>43</v>
      </c>
      <c r="BN34" s="281">
        <v>26</v>
      </c>
      <c r="BO34" s="278">
        <v>282</v>
      </c>
      <c r="BP34" s="283">
        <v>282</v>
      </c>
      <c r="BQ34" s="277">
        <v>3</v>
      </c>
      <c r="BR34" s="281">
        <v>0</v>
      </c>
      <c r="BS34" s="278">
        <v>3</v>
      </c>
      <c r="BT34" s="280">
        <v>0</v>
      </c>
      <c r="BU34" s="281">
        <v>24</v>
      </c>
      <c r="BV34" s="281">
        <v>48</v>
      </c>
      <c r="BW34" s="281">
        <v>229</v>
      </c>
      <c r="BX34" s="281">
        <v>48</v>
      </c>
      <c r="BY34" s="281">
        <v>13</v>
      </c>
      <c r="BZ34" s="278">
        <v>362</v>
      </c>
      <c r="CA34" s="283">
        <v>365</v>
      </c>
      <c r="CB34" s="277">
        <v>0</v>
      </c>
      <c r="CC34" s="281">
        <v>0</v>
      </c>
      <c r="CD34" s="278">
        <v>0</v>
      </c>
      <c r="CE34" s="280">
        <v>0</v>
      </c>
      <c r="CF34" s="281">
        <v>2</v>
      </c>
      <c r="CG34" s="281">
        <v>0</v>
      </c>
      <c r="CH34" s="281">
        <v>50</v>
      </c>
      <c r="CI34" s="281">
        <v>30</v>
      </c>
      <c r="CJ34" s="281">
        <v>15</v>
      </c>
      <c r="CK34" s="278">
        <v>97</v>
      </c>
      <c r="CL34" s="283">
        <v>97</v>
      </c>
      <c r="CM34" s="277">
        <v>0</v>
      </c>
      <c r="CN34" s="281">
        <v>0</v>
      </c>
      <c r="CO34" s="278">
        <v>0</v>
      </c>
      <c r="CP34" s="280">
        <v>0</v>
      </c>
      <c r="CQ34" s="281">
        <v>0</v>
      </c>
      <c r="CR34" s="281">
        <v>0</v>
      </c>
      <c r="CS34" s="281">
        <v>0</v>
      </c>
      <c r="CT34" s="281">
        <v>0</v>
      </c>
      <c r="CU34" s="281">
        <v>0</v>
      </c>
      <c r="CV34" s="278">
        <v>0</v>
      </c>
      <c r="CW34" s="283">
        <v>0</v>
      </c>
      <c r="CX34" s="277">
        <v>0</v>
      </c>
      <c r="CY34" s="281">
        <v>0</v>
      </c>
      <c r="CZ34" s="278">
        <v>0</v>
      </c>
      <c r="DA34" s="280">
        <v>0</v>
      </c>
      <c r="DB34" s="281">
        <v>0</v>
      </c>
      <c r="DC34" s="281">
        <v>0</v>
      </c>
      <c r="DD34" s="281">
        <v>0</v>
      </c>
      <c r="DE34" s="281">
        <v>0</v>
      </c>
      <c r="DF34" s="281">
        <v>0</v>
      </c>
      <c r="DG34" s="278">
        <v>0</v>
      </c>
      <c r="DH34" s="283">
        <v>0</v>
      </c>
    </row>
    <row r="35" spans="2:112" ht="19.8" customHeight="1" x14ac:dyDescent="0.2">
      <c r="B35" s="262" t="s">
        <v>33</v>
      </c>
      <c r="C35" s="277">
        <v>0</v>
      </c>
      <c r="D35" s="281">
        <v>0</v>
      </c>
      <c r="E35" s="385">
        <v>0</v>
      </c>
      <c r="F35" s="280">
        <v>0</v>
      </c>
      <c r="G35" s="281">
        <v>233</v>
      </c>
      <c r="H35" s="281">
        <v>348</v>
      </c>
      <c r="I35" s="281">
        <v>313</v>
      </c>
      <c r="J35" s="281">
        <v>475</v>
      </c>
      <c r="K35" s="281">
        <v>586</v>
      </c>
      <c r="L35" s="282">
        <v>1955</v>
      </c>
      <c r="M35" s="283">
        <v>1955</v>
      </c>
      <c r="N35" s="277">
        <v>0</v>
      </c>
      <c r="O35" s="281">
        <v>0</v>
      </c>
      <c r="P35" s="278">
        <v>0</v>
      </c>
      <c r="Q35" s="280">
        <v>0</v>
      </c>
      <c r="R35" s="281">
        <v>0</v>
      </c>
      <c r="S35" s="281">
        <v>1</v>
      </c>
      <c r="T35" s="281">
        <v>9</v>
      </c>
      <c r="U35" s="281">
        <v>18</v>
      </c>
      <c r="V35" s="281">
        <v>23</v>
      </c>
      <c r="W35" s="278">
        <v>51</v>
      </c>
      <c r="X35" s="283">
        <v>51</v>
      </c>
      <c r="Y35" s="277">
        <v>6</v>
      </c>
      <c r="Z35" s="281">
        <v>5</v>
      </c>
      <c r="AA35" s="278">
        <v>11</v>
      </c>
      <c r="AB35" s="280">
        <v>0</v>
      </c>
      <c r="AC35" s="281">
        <v>97</v>
      </c>
      <c r="AD35" s="281">
        <v>63</v>
      </c>
      <c r="AE35" s="281">
        <v>50</v>
      </c>
      <c r="AF35" s="281">
        <v>68</v>
      </c>
      <c r="AG35" s="281">
        <v>53</v>
      </c>
      <c r="AH35" s="278">
        <v>331</v>
      </c>
      <c r="AI35" s="283">
        <v>342</v>
      </c>
      <c r="AJ35" s="277">
        <v>129</v>
      </c>
      <c r="AK35" s="281">
        <v>369</v>
      </c>
      <c r="AL35" s="278">
        <v>498</v>
      </c>
      <c r="AM35" s="280">
        <v>0</v>
      </c>
      <c r="AN35" s="281">
        <v>391</v>
      </c>
      <c r="AO35" s="281">
        <v>201</v>
      </c>
      <c r="AP35" s="281">
        <v>61</v>
      </c>
      <c r="AQ35" s="281">
        <v>143</v>
      </c>
      <c r="AR35" s="281">
        <v>51</v>
      </c>
      <c r="AS35" s="278">
        <v>847</v>
      </c>
      <c r="AT35" s="283">
        <v>1345</v>
      </c>
      <c r="AU35" s="277">
        <v>0</v>
      </c>
      <c r="AV35" s="281">
        <v>0</v>
      </c>
      <c r="AW35" s="278">
        <v>0</v>
      </c>
      <c r="AX35" s="280">
        <v>0</v>
      </c>
      <c r="AY35" s="281">
        <v>114</v>
      </c>
      <c r="AZ35" s="281">
        <v>63</v>
      </c>
      <c r="BA35" s="281">
        <v>40</v>
      </c>
      <c r="BB35" s="281">
        <v>100</v>
      </c>
      <c r="BC35" s="281">
        <v>22</v>
      </c>
      <c r="BD35" s="282">
        <v>339</v>
      </c>
      <c r="BE35" s="283">
        <v>339</v>
      </c>
      <c r="BF35" s="277">
        <v>0</v>
      </c>
      <c r="BG35" s="281">
        <v>0</v>
      </c>
      <c r="BH35" s="278">
        <v>0</v>
      </c>
      <c r="BI35" s="280">
        <v>0</v>
      </c>
      <c r="BJ35" s="281">
        <v>146</v>
      </c>
      <c r="BK35" s="281">
        <v>126</v>
      </c>
      <c r="BL35" s="281">
        <v>41</v>
      </c>
      <c r="BM35" s="281">
        <v>24</v>
      </c>
      <c r="BN35" s="281">
        <v>9</v>
      </c>
      <c r="BO35" s="278">
        <v>346</v>
      </c>
      <c r="BP35" s="283">
        <v>346</v>
      </c>
      <c r="BQ35" s="277">
        <v>0</v>
      </c>
      <c r="BR35" s="281">
        <v>0</v>
      </c>
      <c r="BS35" s="278">
        <v>0</v>
      </c>
      <c r="BT35" s="280">
        <v>0</v>
      </c>
      <c r="BU35" s="281">
        <v>6</v>
      </c>
      <c r="BV35" s="281">
        <v>40</v>
      </c>
      <c r="BW35" s="281">
        <v>103</v>
      </c>
      <c r="BX35" s="281">
        <v>74</v>
      </c>
      <c r="BY35" s="281">
        <v>0</v>
      </c>
      <c r="BZ35" s="278">
        <v>223</v>
      </c>
      <c r="CA35" s="283">
        <v>223</v>
      </c>
      <c r="CB35" s="277">
        <v>0</v>
      </c>
      <c r="CC35" s="281">
        <v>0</v>
      </c>
      <c r="CD35" s="278">
        <v>0</v>
      </c>
      <c r="CE35" s="280">
        <v>0</v>
      </c>
      <c r="CF35" s="281">
        <v>3</v>
      </c>
      <c r="CG35" s="281">
        <v>6</v>
      </c>
      <c r="CH35" s="281">
        <v>52</v>
      </c>
      <c r="CI35" s="281">
        <v>0</v>
      </c>
      <c r="CJ35" s="281">
        <v>0</v>
      </c>
      <c r="CK35" s="278">
        <v>61</v>
      </c>
      <c r="CL35" s="283">
        <v>61</v>
      </c>
      <c r="CM35" s="277">
        <v>0</v>
      </c>
      <c r="CN35" s="281">
        <v>0</v>
      </c>
      <c r="CO35" s="278">
        <v>0</v>
      </c>
      <c r="CP35" s="280">
        <v>0</v>
      </c>
      <c r="CQ35" s="281">
        <v>0</v>
      </c>
      <c r="CR35" s="281">
        <v>0</v>
      </c>
      <c r="CS35" s="281">
        <v>0</v>
      </c>
      <c r="CT35" s="281">
        <v>0</v>
      </c>
      <c r="CU35" s="281">
        <v>0</v>
      </c>
      <c r="CV35" s="278">
        <v>0</v>
      </c>
      <c r="CW35" s="283">
        <v>0</v>
      </c>
      <c r="CX35" s="277">
        <v>0</v>
      </c>
      <c r="CY35" s="281">
        <v>0</v>
      </c>
      <c r="CZ35" s="278">
        <v>0</v>
      </c>
      <c r="DA35" s="280">
        <v>0</v>
      </c>
      <c r="DB35" s="281">
        <v>0</v>
      </c>
      <c r="DC35" s="281">
        <v>0</v>
      </c>
      <c r="DD35" s="281">
        <v>0</v>
      </c>
      <c r="DE35" s="281">
        <v>0</v>
      </c>
      <c r="DF35" s="281">
        <v>0</v>
      </c>
      <c r="DG35" s="278">
        <v>0</v>
      </c>
      <c r="DH35" s="283">
        <v>0</v>
      </c>
    </row>
    <row r="36" spans="2:112" ht="19.8" customHeight="1" x14ac:dyDescent="0.2">
      <c r="B36" s="262" t="s">
        <v>34</v>
      </c>
      <c r="C36" s="277">
        <v>0</v>
      </c>
      <c r="D36" s="281">
        <v>0</v>
      </c>
      <c r="E36" s="385">
        <v>0</v>
      </c>
      <c r="F36" s="280">
        <v>0</v>
      </c>
      <c r="G36" s="281">
        <v>199</v>
      </c>
      <c r="H36" s="281">
        <v>101</v>
      </c>
      <c r="I36" s="281">
        <v>362</v>
      </c>
      <c r="J36" s="281">
        <v>129</v>
      </c>
      <c r="K36" s="281">
        <v>142</v>
      </c>
      <c r="L36" s="282">
        <v>933</v>
      </c>
      <c r="M36" s="283">
        <v>933</v>
      </c>
      <c r="N36" s="277">
        <v>0</v>
      </c>
      <c r="O36" s="281">
        <v>0</v>
      </c>
      <c r="P36" s="278">
        <v>0</v>
      </c>
      <c r="Q36" s="280">
        <v>0</v>
      </c>
      <c r="R36" s="281">
        <v>0</v>
      </c>
      <c r="S36" s="281">
        <v>4</v>
      </c>
      <c r="T36" s="281">
        <v>0</v>
      </c>
      <c r="U36" s="281">
        <v>5</v>
      </c>
      <c r="V36" s="281">
        <v>37</v>
      </c>
      <c r="W36" s="278">
        <v>46</v>
      </c>
      <c r="X36" s="283">
        <v>46</v>
      </c>
      <c r="Y36" s="277">
        <v>11</v>
      </c>
      <c r="Z36" s="281">
        <v>59</v>
      </c>
      <c r="AA36" s="278">
        <v>70</v>
      </c>
      <c r="AB36" s="280">
        <v>0</v>
      </c>
      <c r="AC36" s="281">
        <v>73</v>
      </c>
      <c r="AD36" s="281">
        <v>50</v>
      </c>
      <c r="AE36" s="281">
        <v>46</v>
      </c>
      <c r="AF36" s="281">
        <v>1</v>
      </c>
      <c r="AG36" s="281">
        <v>35</v>
      </c>
      <c r="AH36" s="278">
        <v>205</v>
      </c>
      <c r="AI36" s="283">
        <v>275</v>
      </c>
      <c r="AJ36" s="277">
        <v>0</v>
      </c>
      <c r="AK36" s="281">
        <v>10</v>
      </c>
      <c r="AL36" s="278">
        <v>10</v>
      </c>
      <c r="AM36" s="280">
        <v>0</v>
      </c>
      <c r="AN36" s="281">
        <v>76</v>
      </c>
      <c r="AO36" s="281">
        <v>65</v>
      </c>
      <c r="AP36" s="281">
        <v>49</v>
      </c>
      <c r="AQ36" s="281">
        <v>12</v>
      </c>
      <c r="AR36" s="281">
        <v>18</v>
      </c>
      <c r="AS36" s="278">
        <v>220</v>
      </c>
      <c r="AT36" s="283">
        <v>230</v>
      </c>
      <c r="AU36" s="277">
        <v>0</v>
      </c>
      <c r="AV36" s="281">
        <v>0</v>
      </c>
      <c r="AW36" s="278">
        <v>0</v>
      </c>
      <c r="AX36" s="280">
        <v>0</v>
      </c>
      <c r="AY36" s="281">
        <v>304</v>
      </c>
      <c r="AZ36" s="281">
        <v>181</v>
      </c>
      <c r="BA36" s="281">
        <v>229</v>
      </c>
      <c r="BB36" s="281">
        <v>76</v>
      </c>
      <c r="BC36" s="281">
        <v>10</v>
      </c>
      <c r="BD36" s="282">
        <v>800</v>
      </c>
      <c r="BE36" s="283">
        <v>800</v>
      </c>
      <c r="BF36" s="277">
        <v>0</v>
      </c>
      <c r="BG36" s="281">
        <v>0</v>
      </c>
      <c r="BH36" s="278">
        <v>0</v>
      </c>
      <c r="BI36" s="280">
        <v>0</v>
      </c>
      <c r="BJ36" s="281">
        <v>68</v>
      </c>
      <c r="BK36" s="281">
        <v>45</v>
      </c>
      <c r="BL36" s="281">
        <v>19</v>
      </c>
      <c r="BM36" s="281">
        <v>36</v>
      </c>
      <c r="BN36" s="281">
        <v>0</v>
      </c>
      <c r="BO36" s="278">
        <v>168</v>
      </c>
      <c r="BP36" s="283">
        <v>168</v>
      </c>
      <c r="BQ36" s="277">
        <v>0</v>
      </c>
      <c r="BR36" s="281">
        <v>0</v>
      </c>
      <c r="BS36" s="278">
        <v>0</v>
      </c>
      <c r="BT36" s="280">
        <v>0</v>
      </c>
      <c r="BU36" s="281">
        <v>25</v>
      </c>
      <c r="BV36" s="281">
        <v>0</v>
      </c>
      <c r="BW36" s="281">
        <v>22</v>
      </c>
      <c r="BX36" s="281">
        <v>65</v>
      </c>
      <c r="BY36" s="281">
        <v>0</v>
      </c>
      <c r="BZ36" s="278">
        <v>112</v>
      </c>
      <c r="CA36" s="283">
        <v>112</v>
      </c>
      <c r="CB36" s="277">
        <v>0</v>
      </c>
      <c r="CC36" s="281">
        <v>0</v>
      </c>
      <c r="CD36" s="278">
        <v>0</v>
      </c>
      <c r="CE36" s="280">
        <v>0</v>
      </c>
      <c r="CF36" s="281">
        <v>3</v>
      </c>
      <c r="CG36" s="281">
        <v>0</v>
      </c>
      <c r="CH36" s="281">
        <v>0</v>
      </c>
      <c r="CI36" s="281">
        <v>6</v>
      </c>
      <c r="CJ36" s="281">
        <v>0</v>
      </c>
      <c r="CK36" s="278">
        <v>9</v>
      </c>
      <c r="CL36" s="283">
        <v>9</v>
      </c>
      <c r="CM36" s="277">
        <v>0</v>
      </c>
      <c r="CN36" s="281">
        <v>0</v>
      </c>
      <c r="CO36" s="278">
        <v>0</v>
      </c>
      <c r="CP36" s="280">
        <v>0</v>
      </c>
      <c r="CQ36" s="281">
        <v>0</v>
      </c>
      <c r="CR36" s="281">
        <v>0</v>
      </c>
      <c r="CS36" s="281">
        <v>0</v>
      </c>
      <c r="CT36" s="281">
        <v>0</v>
      </c>
      <c r="CU36" s="281">
        <v>0</v>
      </c>
      <c r="CV36" s="278">
        <v>0</v>
      </c>
      <c r="CW36" s="283">
        <v>0</v>
      </c>
      <c r="CX36" s="277">
        <v>0</v>
      </c>
      <c r="CY36" s="281">
        <v>0</v>
      </c>
      <c r="CZ36" s="278">
        <v>0</v>
      </c>
      <c r="DA36" s="280">
        <v>0</v>
      </c>
      <c r="DB36" s="281">
        <v>0</v>
      </c>
      <c r="DC36" s="281">
        <v>0</v>
      </c>
      <c r="DD36" s="281">
        <v>0</v>
      </c>
      <c r="DE36" s="281">
        <v>0</v>
      </c>
      <c r="DF36" s="281">
        <v>0</v>
      </c>
      <c r="DG36" s="278">
        <v>0</v>
      </c>
      <c r="DH36" s="283">
        <v>0</v>
      </c>
    </row>
    <row r="37" spans="2:112" ht="19.8" customHeight="1" x14ac:dyDescent="0.2">
      <c r="B37" s="262" t="s">
        <v>35</v>
      </c>
      <c r="C37" s="277">
        <v>0</v>
      </c>
      <c r="D37" s="281">
        <v>0</v>
      </c>
      <c r="E37" s="385">
        <v>0</v>
      </c>
      <c r="F37" s="280">
        <v>0</v>
      </c>
      <c r="G37" s="281">
        <v>1185</v>
      </c>
      <c r="H37" s="281">
        <v>1055</v>
      </c>
      <c r="I37" s="281">
        <v>1872</v>
      </c>
      <c r="J37" s="281">
        <v>1294</v>
      </c>
      <c r="K37" s="281">
        <v>1101</v>
      </c>
      <c r="L37" s="282">
        <v>6507</v>
      </c>
      <c r="M37" s="283">
        <v>6507</v>
      </c>
      <c r="N37" s="277">
        <v>0</v>
      </c>
      <c r="O37" s="281">
        <v>0</v>
      </c>
      <c r="P37" s="278">
        <v>0</v>
      </c>
      <c r="Q37" s="280">
        <v>0</v>
      </c>
      <c r="R37" s="281">
        <v>0</v>
      </c>
      <c r="S37" s="281">
        <v>28</v>
      </c>
      <c r="T37" s="281">
        <v>8</v>
      </c>
      <c r="U37" s="281">
        <v>38</v>
      </c>
      <c r="V37" s="281">
        <v>92</v>
      </c>
      <c r="W37" s="278">
        <v>166</v>
      </c>
      <c r="X37" s="283">
        <v>166</v>
      </c>
      <c r="Y37" s="277">
        <v>4</v>
      </c>
      <c r="Z37" s="281">
        <v>31</v>
      </c>
      <c r="AA37" s="278">
        <v>35</v>
      </c>
      <c r="AB37" s="280">
        <v>0</v>
      </c>
      <c r="AC37" s="281">
        <v>324</v>
      </c>
      <c r="AD37" s="281">
        <v>270</v>
      </c>
      <c r="AE37" s="281">
        <v>141</v>
      </c>
      <c r="AF37" s="281">
        <v>147</v>
      </c>
      <c r="AG37" s="281">
        <v>112</v>
      </c>
      <c r="AH37" s="278">
        <v>994</v>
      </c>
      <c r="AI37" s="283">
        <v>1029</v>
      </c>
      <c r="AJ37" s="277">
        <v>18</v>
      </c>
      <c r="AK37" s="281">
        <v>33</v>
      </c>
      <c r="AL37" s="278">
        <v>51</v>
      </c>
      <c r="AM37" s="280">
        <v>0</v>
      </c>
      <c r="AN37" s="281">
        <v>251</v>
      </c>
      <c r="AO37" s="281">
        <v>141</v>
      </c>
      <c r="AP37" s="281">
        <v>127</v>
      </c>
      <c r="AQ37" s="281">
        <v>56</v>
      </c>
      <c r="AR37" s="281">
        <v>42</v>
      </c>
      <c r="AS37" s="278">
        <v>617</v>
      </c>
      <c r="AT37" s="283">
        <v>668</v>
      </c>
      <c r="AU37" s="277">
        <v>0</v>
      </c>
      <c r="AV37" s="281">
        <v>0</v>
      </c>
      <c r="AW37" s="278">
        <v>0</v>
      </c>
      <c r="AX37" s="280">
        <v>0</v>
      </c>
      <c r="AY37" s="281">
        <v>1487</v>
      </c>
      <c r="AZ37" s="281">
        <v>1085</v>
      </c>
      <c r="BA37" s="281">
        <v>653</v>
      </c>
      <c r="BB37" s="281">
        <v>326</v>
      </c>
      <c r="BC37" s="281">
        <v>204</v>
      </c>
      <c r="BD37" s="282">
        <v>3755</v>
      </c>
      <c r="BE37" s="283">
        <v>3755</v>
      </c>
      <c r="BF37" s="277">
        <v>0</v>
      </c>
      <c r="BG37" s="281">
        <v>0</v>
      </c>
      <c r="BH37" s="278">
        <v>0</v>
      </c>
      <c r="BI37" s="280">
        <v>0</v>
      </c>
      <c r="BJ37" s="281">
        <v>407</v>
      </c>
      <c r="BK37" s="281">
        <v>181</v>
      </c>
      <c r="BL37" s="281">
        <v>86</v>
      </c>
      <c r="BM37" s="281">
        <v>144</v>
      </c>
      <c r="BN37" s="281">
        <v>2</v>
      </c>
      <c r="BO37" s="278">
        <v>820</v>
      </c>
      <c r="BP37" s="283">
        <v>820</v>
      </c>
      <c r="BQ37" s="277">
        <v>0</v>
      </c>
      <c r="BR37" s="281">
        <v>0</v>
      </c>
      <c r="BS37" s="278">
        <v>0</v>
      </c>
      <c r="BT37" s="280">
        <v>0</v>
      </c>
      <c r="BU37" s="281">
        <v>39</v>
      </c>
      <c r="BV37" s="281">
        <v>83</v>
      </c>
      <c r="BW37" s="281">
        <v>176</v>
      </c>
      <c r="BX37" s="281">
        <v>221</v>
      </c>
      <c r="BY37" s="281">
        <v>22</v>
      </c>
      <c r="BZ37" s="278">
        <v>541</v>
      </c>
      <c r="CA37" s="283">
        <v>541</v>
      </c>
      <c r="CB37" s="277">
        <v>0</v>
      </c>
      <c r="CC37" s="281">
        <v>0</v>
      </c>
      <c r="CD37" s="278">
        <v>0</v>
      </c>
      <c r="CE37" s="280">
        <v>0</v>
      </c>
      <c r="CF37" s="281">
        <v>17</v>
      </c>
      <c r="CG37" s="281">
        <v>22</v>
      </c>
      <c r="CH37" s="281">
        <v>3</v>
      </c>
      <c r="CI37" s="281">
        <v>11</v>
      </c>
      <c r="CJ37" s="281">
        <v>0</v>
      </c>
      <c r="CK37" s="278">
        <v>53</v>
      </c>
      <c r="CL37" s="283">
        <v>53</v>
      </c>
      <c r="CM37" s="277">
        <v>0</v>
      </c>
      <c r="CN37" s="281">
        <v>0</v>
      </c>
      <c r="CO37" s="278">
        <v>0</v>
      </c>
      <c r="CP37" s="280">
        <v>0</v>
      </c>
      <c r="CQ37" s="281">
        <v>0</v>
      </c>
      <c r="CR37" s="281">
        <v>0</v>
      </c>
      <c r="CS37" s="281">
        <v>0</v>
      </c>
      <c r="CT37" s="281">
        <v>0</v>
      </c>
      <c r="CU37" s="281">
        <v>0</v>
      </c>
      <c r="CV37" s="278">
        <v>0</v>
      </c>
      <c r="CW37" s="283">
        <v>0</v>
      </c>
      <c r="CX37" s="277">
        <v>0</v>
      </c>
      <c r="CY37" s="281">
        <v>0</v>
      </c>
      <c r="CZ37" s="278">
        <v>0</v>
      </c>
      <c r="DA37" s="280">
        <v>0</v>
      </c>
      <c r="DB37" s="281">
        <v>0</v>
      </c>
      <c r="DC37" s="281">
        <v>0</v>
      </c>
      <c r="DD37" s="281">
        <v>0</v>
      </c>
      <c r="DE37" s="281">
        <v>0</v>
      </c>
      <c r="DF37" s="281">
        <v>0</v>
      </c>
      <c r="DG37" s="278">
        <v>0</v>
      </c>
      <c r="DH37" s="283">
        <v>0</v>
      </c>
    </row>
    <row r="38" spans="2:112" ht="19.8" customHeight="1" x14ac:dyDescent="0.2">
      <c r="B38" s="262" t="s">
        <v>36</v>
      </c>
      <c r="C38" s="277">
        <v>0</v>
      </c>
      <c r="D38" s="281">
        <v>0</v>
      </c>
      <c r="E38" s="385">
        <v>0</v>
      </c>
      <c r="F38" s="280">
        <v>0</v>
      </c>
      <c r="G38" s="281">
        <v>818</v>
      </c>
      <c r="H38" s="281">
        <v>1114</v>
      </c>
      <c r="I38" s="281">
        <v>1851</v>
      </c>
      <c r="J38" s="281">
        <v>1648</v>
      </c>
      <c r="K38" s="281">
        <v>1032</v>
      </c>
      <c r="L38" s="282">
        <v>6463</v>
      </c>
      <c r="M38" s="283">
        <v>6463</v>
      </c>
      <c r="N38" s="277">
        <v>0</v>
      </c>
      <c r="O38" s="281">
        <v>0</v>
      </c>
      <c r="P38" s="278">
        <v>0</v>
      </c>
      <c r="Q38" s="280">
        <v>0</v>
      </c>
      <c r="R38" s="281">
        <v>13</v>
      </c>
      <c r="S38" s="281">
        <v>32</v>
      </c>
      <c r="T38" s="281">
        <v>8</v>
      </c>
      <c r="U38" s="281">
        <v>56</v>
      </c>
      <c r="V38" s="281">
        <v>58</v>
      </c>
      <c r="W38" s="278">
        <v>167</v>
      </c>
      <c r="X38" s="283">
        <v>167</v>
      </c>
      <c r="Y38" s="277">
        <v>76</v>
      </c>
      <c r="Z38" s="281">
        <v>134</v>
      </c>
      <c r="AA38" s="278">
        <v>210</v>
      </c>
      <c r="AB38" s="280">
        <v>0</v>
      </c>
      <c r="AC38" s="281">
        <v>605</v>
      </c>
      <c r="AD38" s="281">
        <v>543</v>
      </c>
      <c r="AE38" s="281">
        <v>309</v>
      </c>
      <c r="AF38" s="281">
        <v>372</v>
      </c>
      <c r="AG38" s="281">
        <v>363</v>
      </c>
      <c r="AH38" s="278">
        <v>2192</v>
      </c>
      <c r="AI38" s="283">
        <v>2402</v>
      </c>
      <c r="AJ38" s="277">
        <v>57</v>
      </c>
      <c r="AK38" s="281">
        <v>38</v>
      </c>
      <c r="AL38" s="278">
        <v>95</v>
      </c>
      <c r="AM38" s="280">
        <v>0</v>
      </c>
      <c r="AN38" s="281">
        <v>114</v>
      </c>
      <c r="AO38" s="281">
        <v>107</v>
      </c>
      <c r="AP38" s="281">
        <v>107</v>
      </c>
      <c r="AQ38" s="281">
        <v>87</v>
      </c>
      <c r="AR38" s="281">
        <v>81</v>
      </c>
      <c r="AS38" s="278">
        <v>496</v>
      </c>
      <c r="AT38" s="283">
        <v>591</v>
      </c>
      <c r="AU38" s="277">
        <v>0</v>
      </c>
      <c r="AV38" s="281">
        <v>0</v>
      </c>
      <c r="AW38" s="278">
        <v>0</v>
      </c>
      <c r="AX38" s="280">
        <v>0</v>
      </c>
      <c r="AY38" s="281">
        <v>791</v>
      </c>
      <c r="AZ38" s="281">
        <v>860</v>
      </c>
      <c r="BA38" s="281">
        <v>594</v>
      </c>
      <c r="BB38" s="281">
        <v>331</v>
      </c>
      <c r="BC38" s="281">
        <v>189</v>
      </c>
      <c r="BD38" s="282">
        <v>2765</v>
      </c>
      <c r="BE38" s="283">
        <v>2765</v>
      </c>
      <c r="BF38" s="277">
        <v>0</v>
      </c>
      <c r="BG38" s="281">
        <v>0</v>
      </c>
      <c r="BH38" s="278">
        <v>0</v>
      </c>
      <c r="BI38" s="280">
        <v>0</v>
      </c>
      <c r="BJ38" s="281">
        <v>228</v>
      </c>
      <c r="BK38" s="281">
        <v>177</v>
      </c>
      <c r="BL38" s="281">
        <v>119</v>
      </c>
      <c r="BM38" s="281">
        <v>4</v>
      </c>
      <c r="BN38" s="281">
        <v>3</v>
      </c>
      <c r="BO38" s="278">
        <v>531</v>
      </c>
      <c r="BP38" s="283">
        <v>531</v>
      </c>
      <c r="BQ38" s="277">
        <v>0</v>
      </c>
      <c r="BR38" s="281">
        <v>6</v>
      </c>
      <c r="BS38" s="278">
        <v>6</v>
      </c>
      <c r="BT38" s="280">
        <v>0</v>
      </c>
      <c r="BU38" s="281">
        <v>158</v>
      </c>
      <c r="BV38" s="281">
        <v>197</v>
      </c>
      <c r="BW38" s="281">
        <v>316</v>
      </c>
      <c r="BX38" s="281">
        <v>165</v>
      </c>
      <c r="BY38" s="281">
        <v>154</v>
      </c>
      <c r="BZ38" s="278">
        <v>990</v>
      </c>
      <c r="CA38" s="283">
        <v>996</v>
      </c>
      <c r="CB38" s="277">
        <v>0</v>
      </c>
      <c r="CC38" s="281">
        <v>0</v>
      </c>
      <c r="CD38" s="278">
        <v>0</v>
      </c>
      <c r="CE38" s="280">
        <v>0</v>
      </c>
      <c r="CF38" s="281">
        <v>0</v>
      </c>
      <c r="CG38" s="281">
        <v>13</v>
      </c>
      <c r="CH38" s="281">
        <v>16</v>
      </c>
      <c r="CI38" s="281">
        <v>7</v>
      </c>
      <c r="CJ38" s="281">
        <v>0</v>
      </c>
      <c r="CK38" s="278">
        <v>36</v>
      </c>
      <c r="CL38" s="283">
        <v>36</v>
      </c>
      <c r="CM38" s="277">
        <v>0</v>
      </c>
      <c r="CN38" s="281">
        <v>0</v>
      </c>
      <c r="CO38" s="278">
        <v>0</v>
      </c>
      <c r="CP38" s="280">
        <v>0</v>
      </c>
      <c r="CQ38" s="281">
        <v>0</v>
      </c>
      <c r="CR38" s="281">
        <v>0</v>
      </c>
      <c r="CS38" s="281">
        <v>0</v>
      </c>
      <c r="CT38" s="281">
        <v>0</v>
      </c>
      <c r="CU38" s="281">
        <v>0</v>
      </c>
      <c r="CV38" s="278">
        <v>0</v>
      </c>
      <c r="CW38" s="283">
        <v>0</v>
      </c>
      <c r="CX38" s="277">
        <v>0</v>
      </c>
      <c r="CY38" s="281">
        <v>0</v>
      </c>
      <c r="CZ38" s="278">
        <v>0</v>
      </c>
      <c r="DA38" s="280">
        <v>0</v>
      </c>
      <c r="DB38" s="281">
        <v>0</v>
      </c>
      <c r="DC38" s="281">
        <v>0</v>
      </c>
      <c r="DD38" s="281">
        <v>0</v>
      </c>
      <c r="DE38" s="281">
        <v>0</v>
      </c>
      <c r="DF38" s="281">
        <v>0</v>
      </c>
      <c r="DG38" s="278">
        <v>0</v>
      </c>
      <c r="DH38" s="283">
        <v>0</v>
      </c>
    </row>
    <row r="39" spans="2:112" ht="19.8" customHeight="1" thickBot="1" x14ac:dyDescent="0.25">
      <c r="B39" s="263" t="s">
        <v>37</v>
      </c>
      <c r="C39" s="284">
        <v>0</v>
      </c>
      <c r="D39" s="288">
        <v>0</v>
      </c>
      <c r="E39" s="386">
        <v>0</v>
      </c>
      <c r="F39" s="287">
        <v>0</v>
      </c>
      <c r="G39" s="288">
        <v>20</v>
      </c>
      <c r="H39" s="288">
        <v>66</v>
      </c>
      <c r="I39" s="288">
        <v>34</v>
      </c>
      <c r="J39" s="288">
        <v>25</v>
      </c>
      <c r="K39" s="288">
        <v>163</v>
      </c>
      <c r="L39" s="289">
        <v>308</v>
      </c>
      <c r="M39" s="290">
        <v>308</v>
      </c>
      <c r="N39" s="284">
        <v>0</v>
      </c>
      <c r="O39" s="288">
        <v>0</v>
      </c>
      <c r="P39" s="285">
        <v>0</v>
      </c>
      <c r="Q39" s="287">
        <v>0</v>
      </c>
      <c r="R39" s="288">
        <v>0</v>
      </c>
      <c r="S39" s="288">
        <v>0</v>
      </c>
      <c r="T39" s="288">
        <v>8</v>
      </c>
      <c r="U39" s="288">
        <v>0</v>
      </c>
      <c r="V39" s="288">
        <v>3</v>
      </c>
      <c r="W39" s="285">
        <v>11</v>
      </c>
      <c r="X39" s="290">
        <v>11</v>
      </c>
      <c r="Y39" s="284">
        <v>8</v>
      </c>
      <c r="Z39" s="288">
        <v>7</v>
      </c>
      <c r="AA39" s="285">
        <v>15</v>
      </c>
      <c r="AB39" s="287">
        <v>0</v>
      </c>
      <c r="AC39" s="288">
        <v>13</v>
      </c>
      <c r="AD39" s="288">
        <v>31</v>
      </c>
      <c r="AE39" s="288">
        <v>10</v>
      </c>
      <c r="AF39" s="288">
        <v>29</v>
      </c>
      <c r="AG39" s="288">
        <v>4</v>
      </c>
      <c r="AH39" s="285">
        <v>87</v>
      </c>
      <c r="AI39" s="290">
        <v>102</v>
      </c>
      <c r="AJ39" s="284">
        <v>0</v>
      </c>
      <c r="AK39" s="288">
        <v>0</v>
      </c>
      <c r="AL39" s="285">
        <v>0</v>
      </c>
      <c r="AM39" s="287">
        <v>0</v>
      </c>
      <c r="AN39" s="288">
        <v>24</v>
      </c>
      <c r="AO39" s="288">
        <v>16</v>
      </c>
      <c r="AP39" s="288">
        <v>28</v>
      </c>
      <c r="AQ39" s="288">
        <v>12</v>
      </c>
      <c r="AR39" s="288">
        <v>0</v>
      </c>
      <c r="AS39" s="285">
        <v>80</v>
      </c>
      <c r="AT39" s="290">
        <v>80</v>
      </c>
      <c r="AU39" s="284">
        <v>0</v>
      </c>
      <c r="AV39" s="288">
        <v>0</v>
      </c>
      <c r="AW39" s="285">
        <v>0</v>
      </c>
      <c r="AX39" s="287">
        <v>0</v>
      </c>
      <c r="AY39" s="288">
        <v>57</v>
      </c>
      <c r="AZ39" s="288">
        <v>30</v>
      </c>
      <c r="BA39" s="288">
        <v>25</v>
      </c>
      <c r="BB39" s="288">
        <v>11</v>
      </c>
      <c r="BC39" s="288">
        <v>6</v>
      </c>
      <c r="BD39" s="289">
        <v>129</v>
      </c>
      <c r="BE39" s="290">
        <v>129</v>
      </c>
      <c r="BF39" s="284">
        <v>0</v>
      </c>
      <c r="BG39" s="288">
        <v>0</v>
      </c>
      <c r="BH39" s="285">
        <v>0</v>
      </c>
      <c r="BI39" s="287">
        <v>0</v>
      </c>
      <c r="BJ39" s="288">
        <v>60</v>
      </c>
      <c r="BK39" s="288">
        <v>11</v>
      </c>
      <c r="BL39" s="288">
        <v>35</v>
      </c>
      <c r="BM39" s="288">
        <v>5</v>
      </c>
      <c r="BN39" s="288">
        <v>0</v>
      </c>
      <c r="BO39" s="285">
        <v>111</v>
      </c>
      <c r="BP39" s="290">
        <v>111</v>
      </c>
      <c r="BQ39" s="284">
        <v>0</v>
      </c>
      <c r="BR39" s="288">
        <v>0</v>
      </c>
      <c r="BS39" s="285">
        <v>0</v>
      </c>
      <c r="BT39" s="287">
        <v>0</v>
      </c>
      <c r="BU39" s="288">
        <v>8</v>
      </c>
      <c r="BV39" s="288">
        <v>3</v>
      </c>
      <c r="BW39" s="288">
        <v>20</v>
      </c>
      <c r="BX39" s="288">
        <v>6</v>
      </c>
      <c r="BY39" s="288">
        <v>5</v>
      </c>
      <c r="BZ39" s="285">
        <v>42</v>
      </c>
      <c r="CA39" s="290">
        <v>42</v>
      </c>
      <c r="CB39" s="284">
        <v>0</v>
      </c>
      <c r="CC39" s="288">
        <v>0</v>
      </c>
      <c r="CD39" s="285">
        <v>0</v>
      </c>
      <c r="CE39" s="287">
        <v>0</v>
      </c>
      <c r="CF39" s="288">
        <v>1</v>
      </c>
      <c r="CG39" s="288">
        <v>18</v>
      </c>
      <c r="CH39" s="288">
        <v>5</v>
      </c>
      <c r="CI39" s="288">
        <v>9</v>
      </c>
      <c r="CJ39" s="288">
        <v>0</v>
      </c>
      <c r="CK39" s="285">
        <v>33</v>
      </c>
      <c r="CL39" s="290">
        <v>33</v>
      </c>
      <c r="CM39" s="284">
        <v>0</v>
      </c>
      <c r="CN39" s="288">
        <v>0</v>
      </c>
      <c r="CO39" s="285">
        <v>0</v>
      </c>
      <c r="CP39" s="287">
        <v>0</v>
      </c>
      <c r="CQ39" s="288">
        <v>0</v>
      </c>
      <c r="CR39" s="288">
        <v>0</v>
      </c>
      <c r="CS39" s="288">
        <v>0</v>
      </c>
      <c r="CT39" s="288">
        <v>0</v>
      </c>
      <c r="CU39" s="288">
        <v>0</v>
      </c>
      <c r="CV39" s="285">
        <v>0</v>
      </c>
      <c r="CW39" s="290">
        <v>0</v>
      </c>
      <c r="CX39" s="284">
        <v>0</v>
      </c>
      <c r="CY39" s="288">
        <v>0</v>
      </c>
      <c r="CZ39" s="285">
        <v>0</v>
      </c>
      <c r="DA39" s="287">
        <v>0</v>
      </c>
      <c r="DB39" s="288">
        <v>0</v>
      </c>
      <c r="DC39" s="288">
        <v>0</v>
      </c>
      <c r="DD39" s="288">
        <v>0</v>
      </c>
      <c r="DE39" s="288">
        <v>0</v>
      </c>
      <c r="DF39" s="288">
        <v>0</v>
      </c>
      <c r="DG39" s="285">
        <v>0</v>
      </c>
      <c r="DH39" s="290">
        <v>0</v>
      </c>
    </row>
    <row r="40" spans="2:112" ht="27" customHeight="1" x14ac:dyDescent="0.2">
      <c r="C40" s="256" t="s">
        <v>127</v>
      </c>
    </row>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2-11-25T07:32:57Z</dcterms:modified>
</cp:coreProperties>
</file>